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wdp" ContentType="image/vnd.ms-photo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notesSlides/notesSlide6.xml" ContentType="application/vnd.openxmlformats-officedocument.presentationml.notesSlid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notesSlides/notesSlide25.xml" ContentType="application/vnd.openxmlformats-officedocument.presentationml.notesSlide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notesSlides/notesSlide2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712" r:id="rId2"/>
  </p:sldMasterIdLst>
  <p:notesMasterIdLst>
    <p:notesMasterId r:id="rId33"/>
  </p:notesMasterIdLst>
  <p:handoutMasterIdLst>
    <p:handoutMasterId r:id="rId34"/>
  </p:handoutMasterIdLst>
  <p:sldIdLst>
    <p:sldId id="300" r:id="rId3"/>
    <p:sldId id="379" r:id="rId4"/>
    <p:sldId id="380" r:id="rId5"/>
    <p:sldId id="381" r:id="rId6"/>
    <p:sldId id="382" r:id="rId7"/>
    <p:sldId id="383" r:id="rId8"/>
    <p:sldId id="384" r:id="rId9"/>
    <p:sldId id="385" r:id="rId10"/>
    <p:sldId id="361" r:id="rId11"/>
    <p:sldId id="347" r:id="rId12"/>
    <p:sldId id="356" r:id="rId13"/>
    <p:sldId id="354" r:id="rId14"/>
    <p:sldId id="364" r:id="rId15"/>
    <p:sldId id="363" r:id="rId16"/>
    <p:sldId id="365" r:id="rId17"/>
    <p:sldId id="377" r:id="rId18"/>
    <p:sldId id="367" r:id="rId19"/>
    <p:sldId id="368" r:id="rId20"/>
    <p:sldId id="369" r:id="rId21"/>
    <p:sldId id="357" r:id="rId22"/>
    <p:sldId id="370" r:id="rId23"/>
    <p:sldId id="378" r:id="rId24"/>
    <p:sldId id="386" r:id="rId25"/>
    <p:sldId id="387" r:id="rId26"/>
    <p:sldId id="372" r:id="rId27"/>
    <p:sldId id="373" r:id="rId28"/>
    <p:sldId id="374" r:id="rId29"/>
    <p:sldId id="375" r:id="rId30"/>
    <p:sldId id="376" r:id="rId31"/>
    <p:sldId id="316" r:id="rId32"/>
  </p:sldIdLst>
  <p:sldSz cx="12188825" cy="6858000"/>
  <p:notesSz cx="7315200" cy="96012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46">
          <p15:clr>
            <a:srgbClr val="A4A3A4"/>
          </p15:clr>
        </p15:guide>
        <p15:guide id="2" orient="horz" pos="4075">
          <p15:clr>
            <a:srgbClr val="A4A3A4"/>
          </p15:clr>
        </p15:guide>
        <p15:guide id="3" pos="3084">
          <p15:clr>
            <a:srgbClr val="A4A3A4"/>
          </p15:clr>
        </p15:guide>
        <p15:guide id="4" pos="383">
          <p15:clr>
            <a:srgbClr val="A4A3A4"/>
          </p15:clr>
        </p15:guide>
        <p15:guide id="5" pos="7294">
          <p15:clr>
            <a:srgbClr val="A4A3A4"/>
          </p15:clr>
        </p15:guide>
        <p15:guide id="6" pos="1680">
          <p15:clr>
            <a:srgbClr val="A4A3A4"/>
          </p15:clr>
        </p15:guide>
        <p15:guide id="7" pos="1786">
          <p15:clr>
            <a:srgbClr val="A4A3A4"/>
          </p15:clr>
        </p15:guide>
        <p15:guide id="8" pos="3190">
          <p15:clr>
            <a:srgbClr val="A4A3A4"/>
          </p15:clr>
        </p15:guide>
        <p15:guide id="9" pos="4488">
          <p15:clr>
            <a:srgbClr val="A4A3A4"/>
          </p15:clr>
        </p15:guide>
        <p15:guide id="10" pos="459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3294B"/>
    <a:srgbClr val="009530"/>
    <a:srgbClr val="E84A27"/>
    <a:srgbClr val="FFFFFF"/>
    <a:srgbClr val="4F4F4F"/>
    <a:srgbClr val="626469"/>
    <a:srgbClr val="00FFFF"/>
    <a:srgbClr val="42B4E6"/>
    <a:srgbClr val="3FAE49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027" autoAdjust="0"/>
    <p:restoredTop sz="95401" autoAdjust="0"/>
  </p:normalViewPr>
  <p:slideViewPr>
    <p:cSldViewPr snapToGrid="0" snapToObjects="1">
      <p:cViewPr varScale="1">
        <p:scale>
          <a:sx n="86" d="100"/>
          <a:sy n="86" d="100"/>
        </p:scale>
        <p:origin x="282" y="96"/>
      </p:cViewPr>
      <p:guideLst>
        <p:guide orient="horz" pos="246"/>
        <p:guide orient="horz" pos="4075"/>
        <p:guide pos="3084"/>
        <p:guide pos="383"/>
        <p:guide pos="7294"/>
        <p:guide pos="1680"/>
        <p:guide pos="1786"/>
        <p:guide pos="3190"/>
        <p:guide pos="4488"/>
        <p:guide pos="4595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napToObjects="1">
      <p:cViewPr varScale="1">
        <p:scale>
          <a:sx n="66" d="100"/>
          <a:sy n="66" d="100"/>
        </p:scale>
        <p:origin x="-2208" y="-102"/>
      </p:cViewPr>
      <p:guideLst>
        <p:guide orient="horz" pos="3024"/>
        <p:guide pos="230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microsoft.com/office/2015/10/relationships/revisionInfo" Target="revisionInfo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handoutMaster" Target="handoutMasters/handoutMaster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notesMaster" Target="notesMasters/notesMaster1.xml"/><Relationship Id="rId38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theme" Target="theme/theme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viewProps" Target="viewProp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presProps" Target="presProp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fandsu352.ad.uillinois.edu\whitson\ZZ%20-%20Energy%20Services\Big%2010%20and%20Friends%20Tour\Presentation%20Data_2016-09-20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fandsu352.ad.uillinois.edu\whitson\ZZ%20-%20Energy%20Services\Big%2010%20and%20Friends%20Tour\Presentation%20Data_2018-10-04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rgbClr val="13294B"/>
                </a:solidFill>
                <a:latin typeface="+mn-lt"/>
                <a:ea typeface="+mn-ea"/>
                <a:cs typeface="+mn-cs"/>
              </a:defRPr>
            </a:pPr>
            <a:r>
              <a:rPr lang="en-US" dirty="0">
                <a:solidFill>
                  <a:srgbClr val="13294B"/>
                </a:solidFill>
              </a:rPr>
              <a:t>Vet Med: Actual vs Projected Cost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rgbClr val="13294B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1!$B$45</c:f>
              <c:strCache>
                <c:ptCount val="1"/>
                <c:pt idx="0">
                  <c:v>Actual Cos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rgbClr val="FF996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2D6B-4EFD-A7CA-8C476A2DFDF5}"/>
              </c:ext>
            </c:extLst>
          </c:dPt>
          <c:dPt>
            <c:idx val="1"/>
            <c:invertIfNegative val="0"/>
            <c:bubble3D val="0"/>
            <c:spPr>
              <a:solidFill>
                <a:srgbClr val="FF996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2D6B-4EFD-A7CA-8C476A2DFDF5}"/>
              </c:ext>
            </c:extLst>
          </c:dPt>
          <c:dPt>
            <c:idx val="2"/>
            <c:invertIfNegative val="0"/>
            <c:bubble3D val="0"/>
            <c:spPr>
              <a:solidFill>
                <a:srgbClr val="A6A6A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2D6B-4EFD-A7CA-8C476A2DFDF5}"/>
              </c:ext>
            </c:extLst>
          </c:dPt>
          <c:dPt>
            <c:idx val="3"/>
            <c:invertIfNegative val="0"/>
            <c:bubble3D val="0"/>
            <c:spPr>
              <a:solidFill>
                <a:srgbClr val="A6A6A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2D6B-4EFD-A7CA-8C476A2DFDF5}"/>
              </c:ext>
            </c:extLst>
          </c:dPt>
          <c:dPt>
            <c:idx val="4"/>
            <c:invertIfNegative val="0"/>
            <c:bubble3D val="0"/>
            <c:spPr>
              <a:solidFill>
                <a:srgbClr val="A6A6A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2D6B-4EFD-A7CA-8C476A2DFDF5}"/>
              </c:ext>
            </c:extLst>
          </c:dPt>
          <c:dPt>
            <c:idx val="5"/>
            <c:invertIfNegative val="0"/>
            <c:bubble3D val="0"/>
            <c:spPr>
              <a:solidFill>
                <a:srgbClr val="C0D8ED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2D6B-4EFD-A7CA-8C476A2DFDF5}"/>
              </c:ext>
            </c:extLst>
          </c:dPt>
          <c:dPt>
            <c:idx val="6"/>
            <c:invertIfNegative val="0"/>
            <c:bubble3D val="0"/>
            <c:spPr>
              <a:solidFill>
                <a:srgbClr val="A1C4E3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D-2D6B-4EFD-A7CA-8C476A2DFDF5}"/>
              </c:ext>
            </c:extLst>
          </c:dPt>
          <c:dPt>
            <c:idx val="7"/>
            <c:invertIfNegative val="0"/>
            <c:bubble3D val="0"/>
            <c:spPr>
              <a:solidFill>
                <a:srgbClr val="C0D8ED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F-2D6B-4EFD-A7CA-8C476A2DFDF5}"/>
              </c:ext>
            </c:extLst>
          </c:dPt>
          <c:dPt>
            <c:idx val="8"/>
            <c:invertIfNegative val="0"/>
            <c:bubble3D val="0"/>
            <c:spPr>
              <a:solidFill>
                <a:srgbClr val="A1C4E3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11-2D6B-4EFD-A7CA-8C476A2DFDF5}"/>
              </c:ext>
            </c:extLst>
          </c:dPt>
          <c:dPt>
            <c:idx val="9"/>
            <c:invertIfNegative val="0"/>
            <c:bubble3D val="0"/>
            <c:spPr>
              <a:solidFill>
                <a:srgbClr val="C0D8ED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13-2D6B-4EFD-A7CA-8C476A2DFDF5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rgbClr val="13294B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46:$A$55</c:f>
              <c:strCache>
                <c:ptCount val="10"/>
                <c:pt idx="0">
                  <c:v>FY2009</c:v>
                </c:pt>
                <c:pt idx="1">
                  <c:v>FY2010</c:v>
                </c:pt>
                <c:pt idx="2">
                  <c:v>FY2011</c:v>
                </c:pt>
                <c:pt idx="3">
                  <c:v>FY2012</c:v>
                </c:pt>
                <c:pt idx="4">
                  <c:v>FY2013</c:v>
                </c:pt>
                <c:pt idx="5">
                  <c:v>FY2014</c:v>
                </c:pt>
                <c:pt idx="6">
                  <c:v>FY2015</c:v>
                </c:pt>
                <c:pt idx="7">
                  <c:v>FY2016</c:v>
                </c:pt>
                <c:pt idx="8">
                  <c:v>FY2017</c:v>
                </c:pt>
                <c:pt idx="9">
                  <c:v>FY2018</c:v>
                </c:pt>
              </c:strCache>
            </c:strRef>
          </c:cat>
          <c:val>
            <c:numRef>
              <c:f>Sheet1!$B$46:$B$55</c:f>
              <c:numCache>
                <c:formatCode>_("$"* #,##0_);_("$"* \(#,##0\);_("$"* "-"??_);_(@_)</c:formatCode>
                <c:ptCount val="10"/>
                <c:pt idx="0">
                  <c:v>3400000</c:v>
                </c:pt>
                <c:pt idx="1">
                  <c:v>3250000</c:v>
                </c:pt>
                <c:pt idx="2">
                  <c:v>3550000</c:v>
                </c:pt>
                <c:pt idx="3">
                  <c:v>3150000</c:v>
                </c:pt>
                <c:pt idx="4">
                  <c:v>2725000</c:v>
                </c:pt>
                <c:pt idx="5">
                  <c:v>2400000</c:v>
                </c:pt>
                <c:pt idx="6">
                  <c:v>2500000</c:v>
                </c:pt>
                <c:pt idx="7">
                  <c:v>2615000</c:v>
                </c:pt>
                <c:pt idx="8">
                  <c:v>2665000</c:v>
                </c:pt>
                <c:pt idx="9">
                  <c:v>278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4-2D6B-4EFD-A7CA-8C476A2DFDF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765856416"/>
        <c:axId val="778487328"/>
      </c:barChart>
      <c:lineChart>
        <c:grouping val="standard"/>
        <c:varyColors val="0"/>
        <c:ser>
          <c:idx val="1"/>
          <c:order val="1"/>
          <c:tx>
            <c:strRef>
              <c:f>Sheet1!$C$45</c:f>
              <c:strCache>
                <c:ptCount val="1"/>
                <c:pt idx="0">
                  <c:v>Projected Cost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dLbls>
            <c:dLbl>
              <c:idx val="9"/>
              <c:layout>
                <c:manualLayout>
                  <c:x val="-1.6393419914763136E-2"/>
                  <c:y val="-3.1274785203271295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5-2D6B-4EFD-A7CA-8C476A2DFDF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rgbClr val="13294B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46:$A$55</c:f>
              <c:strCache>
                <c:ptCount val="10"/>
                <c:pt idx="0">
                  <c:v>FY2009</c:v>
                </c:pt>
                <c:pt idx="1">
                  <c:v>FY2010</c:v>
                </c:pt>
                <c:pt idx="2">
                  <c:v>FY2011</c:v>
                </c:pt>
                <c:pt idx="3">
                  <c:v>FY2012</c:v>
                </c:pt>
                <c:pt idx="4">
                  <c:v>FY2013</c:v>
                </c:pt>
                <c:pt idx="5">
                  <c:v>FY2014</c:v>
                </c:pt>
                <c:pt idx="6">
                  <c:v>FY2015</c:v>
                </c:pt>
                <c:pt idx="7">
                  <c:v>FY2016</c:v>
                </c:pt>
                <c:pt idx="8">
                  <c:v>FY2017</c:v>
                </c:pt>
                <c:pt idx="9">
                  <c:v>FY2018</c:v>
                </c:pt>
              </c:strCache>
            </c:strRef>
          </c:cat>
          <c:val>
            <c:numRef>
              <c:f>Sheet1!$C$46:$C$55</c:f>
              <c:numCache>
                <c:formatCode>_("$"* #,##0_);_("$"* \(#,##0\);_("$"* "-"??_);_(@_)</c:formatCode>
                <c:ptCount val="10"/>
                <c:pt idx="0">
                  <c:v>3400000</c:v>
                </c:pt>
                <c:pt idx="1">
                  <c:v>3250000</c:v>
                </c:pt>
                <c:pt idx="2">
                  <c:v>3550000</c:v>
                </c:pt>
                <c:pt idx="3">
                  <c:v>3457541.7904000003</c:v>
                </c:pt>
                <c:pt idx="4">
                  <c:v>3502480.6846000003</c:v>
                </c:pt>
                <c:pt idx="5">
                  <c:v>3451029.1194000002</c:v>
                </c:pt>
                <c:pt idx="6">
                  <c:v>3579900.8478999999</c:v>
                </c:pt>
                <c:pt idx="7">
                  <c:v>3864115.8150000004</c:v>
                </c:pt>
                <c:pt idx="8">
                  <c:v>3722724.0897999997</c:v>
                </c:pt>
                <c:pt idx="9">
                  <c:v>3745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6-2D6B-4EFD-A7CA-8C476A2DFDF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765856416"/>
        <c:axId val="778487328"/>
      </c:lineChart>
      <c:catAx>
        <c:axId val="765856416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rgbClr val="13294B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78487328"/>
        <c:crosses val="autoZero"/>
        <c:auto val="1"/>
        <c:lblAlgn val="ctr"/>
        <c:lblOffset val="100"/>
        <c:noMultiLvlLbl val="0"/>
      </c:catAx>
      <c:valAx>
        <c:axId val="77848732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_);_(&quot;$&quot;* \(#,##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rgbClr val="13294B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7658564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rgbClr val="13294B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rgbClr val="13294B"/>
                </a:solidFill>
                <a:latin typeface="+mn-lt"/>
                <a:ea typeface="+mn-ea"/>
                <a:cs typeface="+mn-cs"/>
              </a:defRPr>
            </a:pPr>
            <a:r>
              <a:rPr lang="en-US">
                <a:solidFill>
                  <a:srgbClr val="13294B"/>
                </a:solidFill>
              </a:rPr>
              <a:t>College of Engineering</a:t>
            </a:r>
            <a:r>
              <a:rPr lang="en-US" baseline="0">
                <a:solidFill>
                  <a:srgbClr val="13294B"/>
                </a:solidFill>
              </a:rPr>
              <a:t> (5 Buildings): </a:t>
            </a:r>
            <a:r>
              <a:rPr lang="en-US">
                <a:solidFill>
                  <a:srgbClr val="13294B"/>
                </a:solidFill>
              </a:rPr>
              <a:t>Actual vs Projected Cost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rgbClr val="13294B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Sheet2!$B$4</c:f>
              <c:strCache>
                <c:ptCount val="1"/>
                <c:pt idx="0">
                  <c:v>Actual Cost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Pt>
            <c:idx val="0"/>
            <c:invertIfNegative val="0"/>
            <c:bubble3D val="0"/>
            <c:spPr>
              <a:solidFill>
                <a:srgbClr val="FF996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1-B1CD-45A0-BAF9-B1CA75EB5B9D}"/>
              </c:ext>
            </c:extLst>
          </c:dPt>
          <c:dPt>
            <c:idx val="1"/>
            <c:invertIfNegative val="0"/>
            <c:bubble3D val="0"/>
            <c:spPr>
              <a:solidFill>
                <a:srgbClr val="FF996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3-B1CD-45A0-BAF9-B1CA75EB5B9D}"/>
              </c:ext>
            </c:extLst>
          </c:dPt>
          <c:dPt>
            <c:idx val="2"/>
            <c:invertIfNegative val="0"/>
            <c:bubble3D val="0"/>
            <c:spPr>
              <a:solidFill>
                <a:srgbClr val="FF996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5-B1CD-45A0-BAF9-B1CA75EB5B9D}"/>
              </c:ext>
            </c:extLst>
          </c:dPt>
          <c:dPt>
            <c:idx val="3"/>
            <c:invertIfNegative val="0"/>
            <c:bubble3D val="0"/>
            <c:spPr>
              <a:solidFill>
                <a:srgbClr val="FF996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7-B1CD-45A0-BAF9-B1CA75EB5B9D}"/>
              </c:ext>
            </c:extLst>
          </c:dPt>
          <c:dPt>
            <c:idx val="4"/>
            <c:invertIfNegative val="0"/>
            <c:bubble3D val="0"/>
            <c:spPr>
              <a:solidFill>
                <a:srgbClr val="A6A6A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9-B1CD-45A0-BAF9-B1CA75EB5B9D}"/>
              </c:ext>
            </c:extLst>
          </c:dPt>
          <c:dPt>
            <c:idx val="5"/>
            <c:invertIfNegative val="0"/>
            <c:bubble3D val="0"/>
            <c:spPr>
              <a:solidFill>
                <a:srgbClr val="A6A6A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B-B1CD-45A0-BAF9-B1CA75EB5B9D}"/>
              </c:ext>
            </c:extLst>
          </c:dPt>
          <c:dPt>
            <c:idx val="6"/>
            <c:invertIfNegative val="0"/>
            <c:bubble3D val="0"/>
            <c:spPr>
              <a:solidFill>
                <a:srgbClr val="A6A6A6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D-B1CD-45A0-BAF9-B1CA75EB5B9D}"/>
              </c:ext>
            </c:extLst>
          </c:dPt>
          <c:dPt>
            <c:idx val="7"/>
            <c:invertIfNegative val="0"/>
            <c:bubble3D val="0"/>
            <c:spPr>
              <a:solidFill>
                <a:srgbClr val="C0D8ED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F-B1CD-45A0-BAF9-B1CA75EB5B9D}"/>
              </c:ext>
            </c:extLst>
          </c:dPt>
          <c:dPt>
            <c:idx val="8"/>
            <c:invertIfNegative val="0"/>
            <c:bubble3D val="0"/>
            <c:spPr>
              <a:solidFill>
                <a:srgbClr val="A1C4E3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11-B1CD-45A0-BAF9-B1CA75EB5B9D}"/>
              </c:ext>
            </c:extLst>
          </c:dPt>
          <c:dPt>
            <c:idx val="9"/>
            <c:invertIfNegative val="0"/>
            <c:bubble3D val="0"/>
            <c:spPr>
              <a:solidFill>
                <a:srgbClr val="C0D8ED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13-B1CD-45A0-BAF9-B1CA75EB5B9D}"/>
              </c:ext>
            </c:extLst>
          </c:dPt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rgbClr val="13294B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2!$A$8:$A$17</c:f>
              <c:strCache>
                <c:ptCount val="10"/>
                <c:pt idx="0">
                  <c:v>FY2012</c:v>
                </c:pt>
                <c:pt idx="1">
                  <c:v>FY2013</c:v>
                </c:pt>
                <c:pt idx="2">
                  <c:v>FY2014</c:v>
                </c:pt>
                <c:pt idx="3">
                  <c:v>FY2015</c:v>
                </c:pt>
                <c:pt idx="4">
                  <c:v>FY2016</c:v>
                </c:pt>
                <c:pt idx="5">
                  <c:v>FY2017</c:v>
                </c:pt>
                <c:pt idx="6">
                  <c:v>FY2018</c:v>
                </c:pt>
                <c:pt idx="7">
                  <c:v>FY2019 (Projected)</c:v>
                </c:pt>
                <c:pt idx="8">
                  <c:v>FY2020 (Projected)</c:v>
                </c:pt>
                <c:pt idx="9">
                  <c:v>FY2021 (Projected)</c:v>
                </c:pt>
              </c:strCache>
            </c:strRef>
          </c:cat>
          <c:val>
            <c:numRef>
              <c:f>Sheet2!$B$8:$B$17</c:f>
              <c:numCache>
                <c:formatCode>_("$"* #,##0_);_("$"* \(#,##0\);_("$"* "-"??_);_(@_)</c:formatCode>
                <c:ptCount val="10"/>
                <c:pt idx="0">
                  <c:v>5200000</c:v>
                </c:pt>
                <c:pt idx="1">
                  <c:v>5200000</c:v>
                </c:pt>
                <c:pt idx="2">
                  <c:v>5260000</c:v>
                </c:pt>
                <c:pt idx="3">
                  <c:v>5520000</c:v>
                </c:pt>
                <c:pt idx="4">
                  <c:v>5520000</c:v>
                </c:pt>
                <c:pt idx="5">
                  <c:v>5460000</c:v>
                </c:pt>
                <c:pt idx="6">
                  <c:v>4150000</c:v>
                </c:pt>
                <c:pt idx="7">
                  <c:v>4280000</c:v>
                </c:pt>
                <c:pt idx="8">
                  <c:v>4410000</c:v>
                </c:pt>
                <c:pt idx="9">
                  <c:v>454000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4-B1CD-45A0-BAF9-B1CA75EB5B9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644894064"/>
        <c:axId val="644892384"/>
      </c:barChart>
      <c:lineChart>
        <c:grouping val="standard"/>
        <c:varyColors val="0"/>
        <c:ser>
          <c:idx val="1"/>
          <c:order val="1"/>
          <c:tx>
            <c:strRef>
              <c:f>Sheet2!$C$4</c:f>
              <c:strCache>
                <c:ptCount val="1"/>
                <c:pt idx="0">
                  <c:v>Projected Cost</c:v>
                </c:pt>
              </c:strCache>
            </c:strRef>
          </c:tx>
          <c:spPr>
            <a:ln w="28575" cap="rnd">
              <a:solidFill>
                <a:schemeClr val="accent2"/>
              </a:solidFill>
              <a:round/>
            </a:ln>
            <a:effectLst/>
          </c:spPr>
          <c:marker>
            <c:symbol val="none"/>
          </c:marker>
          <c:dLbls>
            <c:dLbl>
              <c:idx val="9"/>
              <c:layout>
                <c:manualLayout>
                  <c:x val="-1.6393442622950821E-2"/>
                  <c:y val="-3.4591194968553486E-2"/>
                </c:manualLayout>
              </c:layout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15-B1CD-45A0-BAF9-B1CA75EB5B9D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900" b="0" i="0" u="none" strike="noStrike" kern="1200" baseline="0">
                    <a:solidFill>
                      <a:srgbClr val="13294B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0"/>
            <c:showCatName val="0"/>
            <c:showSerName val="0"/>
            <c:showPercent val="0"/>
            <c:showBubbleSize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2!$A$8:$A$17</c:f>
              <c:strCache>
                <c:ptCount val="10"/>
                <c:pt idx="0">
                  <c:v>FY2012</c:v>
                </c:pt>
                <c:pt idx="1">
                  <c:v>FY2013</c:v>
                </c:pt>
                <c:pt idx="2">
                  <c:v>FY2014</c:v>
                </c:pt>
                <c:pt idx="3">
                  <c:v>FY2015</c:v>
                </c:pt>
                <c:pt idx="4">
                  <c:v>FY2016</c:v>
                </c:pt>
                <c:pt idx="5">
                  <c:v>FY2017</c:v>
                </c:pt>
                <c:pt idx="6">
                  <c:v>FY2018</c:v>
                </c:pt>
                <c:pt idx="7">
                  <c:v>FY2019 (Projected)</c:v>
                </c:pt>
                <c:pt idx="8">
                  <c:v>FY2020 (Projected)</c:v>
                </c:pt>
                <c:pt idx="9">
                  <c:v>FY2021 (Projected)</c:v>
                </c:pt>
              </c:strCache>
            </c:strRef>
          </c:cat>
          <c:val>
            <c:numRef>
              <c:f>Sheet2!$C$8:$C$17</c:f>
              <c:numCache>
                <c:formatCode>_("$"* #,##0_);_("$"* \(#,##0\);_("$"* "-"??_);_(@_)</c:formatCode>
                <c:ptCount val="10"/>
                <c:pt idx="0">
                  <c:v>5200000</c:v>
                </c:pt>
                <c:pt idx="1">
                  <c:v>5200000</c:v>
                </c:pt>
                <c:pt idx="2">
                  <c:v>5260000</c:v>
                </c:pt>
                <c:pt idx="3">
                  <c:v>5520000</c:v>
                </c:pt>
                <c:pt idx="4">
                  <c:v>5520000</c:v>
                </c:pt>
                <c:pt idx="5">
                  <c:v>5607134.6169000007</c:v>
                </c:pt>
                <c:pt idx="6">
                  <c:v>5584265.1175000006</c:v>
                </c:pt>
                <c:pt idx="7">
                  <c:v>5756530.3807229996</c:v>
                </c:pt>
                <c:pt idx="8">
                  <c:v>5934816.9866715688</c:v>
                </c:pt>
                <c:pt idx="9">
                  <c:v>6120000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16-B1CD-45A0-BAF9-B1CA75EB5B9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644894064"/>
        <c:axId val="644892384"/>
      </c:lineChart>
      <c:catAx>
        <c:axId val="644894064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rgbClr val="13294B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44892384"/>
        <c:crosses val="autoZero"/>
        <c:auto val="1"/>
        <c:lblAlgn val="ctr"/>
        <c:lblOffset val="100"/>
        <c:noMultiLvlLbl val="0"/>
      </c:catAx>
      <c:valAx>
        <c:axId val="6448923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_(&quot;$&quot;* #,##0_);_(&quot;$&quot;* \(#,##0\);_(&quot;$&quot;* &quot;-&quot;??_);_(@_)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rgbClr val="13294B"/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4489406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rgbClr val="13294B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32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322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70026" cy="479584"/>
          </a:xfrm>
          <a:prstGeom prst="rect">
            <a:avLst/>
          </a:prstGeom>
        </p:spPr>
        <p:txBody>
          <a:bodyPr vert="horz" lIns="91467" tIns="45734" rIns="91467" bIns="45734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586" y="0"/>
            <a:ext cx="3170026" cy="479584"/>
          </a:xfrm>
          <a:prstGeom prst="rect">
            <a:avLst/>
          </a:prstGeom>
        </p:spPr>
        <p:txBody>
          <a:bodyPr vert="horz" lIns="91467" tIns="45734" rIns="91467" bIns="45734" rtlCol="0"/>
          <a:lstStyle>
            <a:lvl1pPr algn="r">
              <a:defRPr sz="1200"/>
            </a:lvl1pPr>
          </a:lstStyle>
          <a:p>
            <a:fld id="{E79C5582-1C85-4475-8E4F-30E8C4665D79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120029"/>
            <a:ext cx="3170026" cy="479584"/>
          </a:xfrm>
          <a:prstGeom prst="rect">
            <a:avLst/>
          </a:prstGeom>
        </p:spPr>
        <p:txBody>
          <a:bodyPr vert="horz" lIns="91467" tIns="45734" rIns="91467" bIns="45734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586" y="9120029"/>
            <a:ext cx="3170026" cy="479584"/>
          </a:xfrm>
          <a:prstGeom prst="rect">
            <a:avLst/>
          </a:prstGeom>
        </p:spPr>
        <p:txBody>
          <a:bodyPr vert="horz" lIns="91467" tIns="45734" rIns="91467" bIns="45734" rtlCol="0" anchor="b"/>
          <a:lstStyle>
            <a:lvl1pPr algn="r">
              <a:defRPr sz="1200"/>
            </a:lvl1pPr>
          </a:lstStyle>
          <a:p>
            <a:fld id="{A6BD6746-E37D-4841-BCFC-6A845CC3B5E4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169920" cy="480060"/>
          </a:xfrm>
          <a:prstGeom prst="rect">
            <a:avLst/>
          </a:prstGeom>
        </p:spPr>
        <p:txBody>
          <a:bodyPr vert="horz" lIns="96654" tIns="48326" rIns="96654" bIns="48326" rtlCol="0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7" y="0"/>
            <a:ext cx="3169920" cy="480060"/>
          </a:xfrm>
          <a:prstGeom prst="rect">
            <a:avLst/>
          </a:prstGeom>
        </p:spPr>
        <p:txBody>
          <a:bodyPr vert="horz" lIns="96654" tIns="48326" rIns="96654" bIns="48326" rtlCol="0"/>
          <a:lstStyle>
            <a:lvl1pPr algn="r">
              <a:defRPr sz="1300"/>
            </a:lvl1pPr>
          </a:lstStyle>
          <a:p>
            <a:fld id="{323A1176-C8DD-4CA5-8562-1D1161873E00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7200" y="719138"/>
            <a:ext cx="6400800" cy="36020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6654" tIns="48326" rIns="96654" bIns="48326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1" y="4560571"/>
            <a:ext cx="5852160" cy="4320540"/>
          </a:xfrm>
          <a:prstGeom prst="rect">
            <a:avLst/>
          </a:prstGeom>
        </p:spPr>
        <p:txBody>
          <a:bodyPr vert="horz" lIns="96654" tIns="48326" rIns="96654" bIns="48326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4"/>
            <a:ext cx="3169920" cy="480060"/>
          </a:xfrm>
          <a:prstGeom prst="rect">
            <a:avLst/>
          </a:prstGeom>
        </p:spPr>
        <p:txBody>
          <a:bodyPr vert="horz" lIns="96654" tIns="48326" rIns="96654" bIns="48326" rtlCol="0" anchor="b"/>
          <a:lstStyle>
            <a:lvl1pPr algn="l">
              <a:defRPr sz="13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7" y="9119474"/>
            <a:ext cx="3169920" cy="480060"/>
          </a:xfrm>
          <a:prstGeom prst="rect">
            <a:avLst/>
          </a:prstGeom>
        </p:spPr>
        <p:txBody>
          <a:bodyPr vert="horz" lIns="96654" tIns="48326" rIns="96654" bIns="48326" rtlCol="0" anchor="b"/>
          <a:lstStyle>
            <a:lvl1pPr algn="r">
              <a:defRPr sz="1300"/>
            </a:lvl1pPr>
          </a:lstStyle>
          <a:p>
            <a:fld id="{1CEAC983-54EE-4F70-BDD0-102B71A5E8E3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952074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Give agenda while on cover</a:t>
            </a:r>
            <a:r>
              <a:rPr lang="en-US" baseline="0" dirty="0"/>
              <a:t> slid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CEAC983-54EE-4F70-BDD0-102B71A5E8E3}" type="slidenum">
              <a:rPr lang="en-US" smtClean="0"/>
              <a:pPr/>
              <a:t>1</a:t>
            </a:fld>
            <a:endParaRPr lang="en-US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0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1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8088317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2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244189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3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3836745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4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974412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5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155667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7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3753654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8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44170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19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4063211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0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93567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Give agenda while on cover</a:t>
            </a:r>
            <a:r>
              <a:rPr lang="en-US" baseline="0" dirty="0"/>
              <a:t> slid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CEAC983-54EE-4F70-BDD0-102B71A5E8E3}" type="slidenum">
              <a:rPr lang="en-US" smtClean="0"/>
              <a:pPr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522988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1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8266627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2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226078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3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060288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4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1766034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5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6849145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6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9824820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7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8742500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8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3233062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29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756791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3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311956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4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461057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5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83356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6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20859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7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488876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8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674850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7"/>
          <p:cNvSpPr>
            <a:spLocks noGrp="1" noChangeArrowheads="1"/>
          </p:cNvSpPr>
          <p:nvPr>
            <p:ph type="sldNum" sz="quarter" idx="5"/>
          </p:nvPr>
        </p:nvSpPr>
        <p:spPr>
          <a:ln/>
        </p:spPr>
        <p:txBody>
          <a:bodyPr/>
          <a:lstStyle/>
          <a:p>
            <a:fld id="{0061D2C3-FB87-4E69-BFA1-3CAD3FE9793A}" type="slidenum">
              <a:rPr lang="en-US"/>
              <a:pPr/>
              <a:t>9</a:t>
            </a:fld>
            <a:endParaRPr lang="en-US"/>
          </a:p>
        </p:txBody>
      </p:sp>
      <p:sp>
        <p:nvSpPr>
          <p:cNvPr id="598018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598019" name="Rectangle 3"/>
          <p:cNvSpPr>
            <a:spLocks noGrp="1" noChangeArrowheads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131337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Relationship Id="rId4" Type="http://schemas.microsoft.com/office/2007/relationships/hdphoto" Target="../media/hdphoto1.wdp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microsoft.com/office/2007/relationships/hdphoto" Target="../media/hdphoto1.wdp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Relationship Id="rId4" Type="http://schemas.microsoft.com/office/2007/relationships/hdphoto" Target="../media/hdphoto1.wdp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11215276" y="5983093"/>
            <a:ext cx="619933" cy="52451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08013" y="2130432"/>
            <a:ext cx="10971212" cy="1470025"/>
          </a:xfrm>
        </p:spPr>
        <p:txBody>
          <a:bodyPr lIns="0" anchor="b" anchorCtr="0">
            <a:noAutofit/>
          </a:bodyPr>
          <a:lstStyle>
            <a:lvl1pPr algn="l">
              <a:defRPr sz="3600" b="1"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noProof="0" dirty="0"/>
              <a:t>Slide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609440" y="3644658"/>
            <a:ext cx="10971212" cy="1099870"/>
          </a:xfrm>
        </p:spPr>
        <p:txBody>
          <a:bodyPr lIns="0">
            <a:noAutofit/>
          </a:bodyPr>
          <a:lstStyle>
            <a:lvl1pPr marL="0" indent="0" algn="l">
              <a:buNone/>
              <a:defRPr sz="2200">
                <a:solidFill>
                  <a:srgbClr val="626469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9600" y="5124577"/>
            <a:ext cx="8586158" cy="1120775"/>
          </a:xfrm>
        </p:spPr>
        <p:txBody>
          <a:bodyPr>
            <a:normAutofit/>
          </a:bodyPr>
          <a:lstStyle>
            <a:lvl1pPr marL="0" indent="0">
              <a:buNone/>
              <a:defRPr sz="1600">
                <a:solidFill>
                  <a:srgbClr val="898989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pPr lvl="0"/>
            <a:r>
              <a:rPr lang="en-US" noProof="0"/>
              <a:t>Date</a:t>
            </a:r>
            <a:br>
              <a:rPr lang="en-US" noProof="0"/>
            </a:br>
            <a:r>
              <a:rPr lang="en-US" noProof="0"/>
              <a:t>Author</a:t>
            </a:r>
            <a:br>
              <a:rPr lang="en-US" noProof="0"/>
            </a:br>
            <a:r>
              <a:rPr lang="en-US" noProof="0"/>
              <a:t>Title</a:t>
            </a:r>
          </a:p>
        </p:txBody>
      </p:sp>
      <p:pic>
        <p:nvPicPr>
          <p:cNvPr id="14" name="Picture 23" descr="C:\Users\Kurt\Desktop\Untitled-1cc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9689208" y="5904393"/>
            <a:ext cx="1891444" cy="56467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2" y="271463"/>
            <a:ext cx="10969784" cy="1095375"/>
          </a:xfrm>
        </p:spPr>
        <p:txBody>
          <a:bodyPr/>
          <a:lstStyle>
            <a:lvl1pPr>
              <a:defRPr>
                <a:solidFill>
                  <a:srgbClr val="00953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441" y="1509713"/>
            <a:ext cx="5184934" cy="517525"/>
          </a:xfrm>
        </p:spPr>
        <p:txBody>
          <a:bodyPr rIns="0" anchor="t" anchorCtr="0"/>
          <a:lstStyle>
            <a:lvl1pPr marL="0" indent="0" algn="l">
              <a:buNone/>
              <a:defRPr sz="2200" b="1">
                <a:solidFill>
                  <a:srgbClr val="009530"/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1754" y="1509713"/>
            <a:ext cx="5387471" cy="517525"/>
          </a:xfrm>
        </p:spPr>
        <p:txBody>
          <a:bodyPr rIns="0" anchor="t" anchorCtr="0"/>
          <a:lstStyle>
            <a:lvl1pPr marL="0" indent="0" algn="l">
              <a:buNone/>
              <a:defRPr sz="2200" b="1">
                <a:solidFill>
                  <a:srgbClr val="009530"/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2144713"/>
            <a:ext cx="5184775" cy="4127499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6191250" y="2144713"/>
            <a:ext cx="5387975" cy="4127499"/>
          </a:xfrm>
        </p:spPr>
        <p:txBody>
          <a:bodyPr/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2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9" name="TextBox 8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222035139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11086292" y="6206804"/>
            <a:ext cx="619933" cy="52451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23" descr="C:\Users\Kurt\Desktop\Untitled-1cc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9687781" y="5904393"/>
            <a:ext cx="1891444" cy="564670"/>
          </a:xfrm>
          <a:prstGeom prst="rect">
            <a:avLst/>
          </a:prstGeom>
          <a:noFill/>
        </p:spPr>
      </p:pic>
      <p:sp>
        <p:nvSpPr>
          <p:cNvPr id="5" name="TextBox 4"/>
          <p:cNvSpPr txBox="1"/>
          <p:nvPr userDrawn="1"/>
        </p:nvSpPr>
        <p:spPr>
          <a:xfrm>
            <a:off x="608013" y="6161286"/>
            <a:ext cx="9658279" cy="3077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algn="l" defTabSz="914400" rtl="0" eaLnBrk="1" latinLnBrk="0" hangingPunct="1"/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626469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Arial" pitchFamily="34" charset="0"/>
              </a:rPr>
              <a:t>©2014 Schneider Electric. All Rights Reserved.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626469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Arial" pitchFamily="34" charset="0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626469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Arial" pitchFamily="34" charset="0"/>
              </a:rPr>
              <a:t>All trademarks are owned by Schneider Electric Industries SAS or its affiliated companies or their respective owners.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518844" y="3002684"/>
            <a:ext cx="7039106" cy="646331"/>
          </a:xfrm>
          <a:prstGeom prst="rect">
            <a:avLst/>
          </a:prstGeom>
        </p:spPr>
        <p:txBody>
          <a:bodyPr wrap="none" anchor="b" anchorCtr="0">
            <a:spAutoFit/>
          </a:bodyPr>
          <a:lstStyle/>
          <a:p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rgbClr val="009530"/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Make the most of your energy</a:t>
            </a:r>
            <a:r>
              <a:rPr kumimoji="0" lang="en-US" sz="2000" b="1" i="0" u="none" strike="noStrike" kern="1200" cap="none" spc="0" normalizeH="0" baseline="70000" noProof="0" dirty="0">
                <a:ln>
                  <a:noFill/>
                </a:ln>
                <a:solidFill>
                  <a:srgbClr val="009530"/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SM</a:t>
            </a:r>
            <a:r>
              <a:rPr kumimoji="0" lang="en-US" sz="2400" b="1" i="0" u="none" strike="noStrike" kern="1200" cap="none" spc="0" normalizeH="0" baseline="30000" noProof="0" dirty="0">
                <a:ln>
                  <a:noFill/>
                </a:ln>
                <a:solidFill>
                  <a:srgbClr val="009530"/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 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Slide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11215276" y="6206804"/>
            <a:ext cx="619933" cy="524518"/>
          </a:xfrm>
          <a:prstGeom prst="rect">
            <a:avLst/>
          </a:prstGeom>
          <a:solidFill>
            <a:srgbClr val="009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Picture 23" descr="C:\Users\Kurt\Desktop\Untitled-1cc.png"/>
          <p:cNvPicPr>
            <a:picLocks noChangeArrowheads="1"/>
          </p:cNvPicPr>
          <p:nvPr userDrawn="1"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9686417" y="5902135"/>
            <a:ext cx="1892808" cy="566928"/>
          </a:xfrm>
          <a:prstGeom prst="rect">
            <a:avLst/>
          </a:prstGeom>
          <a:noFill/>
        </p:spPr>
      </p:pic>
      <p:sp>
        <p:nvSpPr>
          <p:cNvPr id="5" name="Rectangle 4"/>
          <p:cNvSpPr/>
          <p:nvPr userDrawn="1"/>
        </p:nvSpPr>
        <p:spPr>
          <a:xfrm>
            <a:off x="518844" y="3002684"/>
            <a:ext cx="7039106" cy="646331"/>
          </a:xfrm>
          <a:prstGeom prst="rect">
            <a:avLst/>
          </a:prstGeom>
        </p:spPr>
        <p:txBody>
          <a:bodyPr wrap="none" anchor="b" anchorCtr="0">
            <a:spAutoFit/>
          </a:bodyPr>
          <a:lstStyle/>
          <a:p>
            <a:r>
              <a:rPr kumimoji="0" lang="en-US" sz="3600" b="1" i="0" u="none" strike="noStrike" kern="1200" cap="none" spc="0" normalizeH="0" baseline="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Make the most of your energy</a:t>
            </a:r>
            <a:r>
              <a:rPr kumimoji="0" lang="en-US" sz="2000" b="1" i="0" u="none" strike="noStrike" kern="1200" cap="none" spc="0" normalizeH="0" baseline="7000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SM</a:t>
            </a:r>
            <a:r>
              <a:rPr kumimoji="0" lang="en-US" sz="2400" b="1" i="0" u="none" strike="noStrike" kern="1200" cap="none" spc="0" normalizeH="0" baseline="30000" noProof="0" dirty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 </a:t>
            </a:r>
            <a:endParaRPr lang="en-US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 Slide 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11086292" y="6206804"/>
            <a:ext cx="619933" cy="52451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23" descr="C:\Users\Kurt\Desktop\Untitled-1cc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9687781" y="5904393"/>
            <a:ext cx="1891444" cy="564670"/>
          </a:xfrm>
          <a:prstGeom prst="rect">
            <a:avLst/>
          </a:prstGeom>
          <a:noFill/>
        </p:spPr>
      </p:pic>
      <p:sp>
        <p:nvSpPr>
          <p:cNvPr id="5" name="TextBox 4"/>
          <p:cNvSpPr txBox="1"/>
          <p:nvPr userDrawn="1"/>
        </p:nvSpPr>
        <p:spPr>
          <a:xfrm>
            <a:off x="608013" y="6161286"/>
            <a:ext cx="9658279" cy="3077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algn="l" defTabSz="914400" rtl="0" eaLnBrk="1" latinLnBrk="0" hangingPunct="1"/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626469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Arial" pitchFamily="34" charset="0"/>
              </a:rPr>
              <a:t>©2014 Schneider Electric. All Rights Reserved.</a:t>
            </a:r>
            <a:b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626469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Arial" pitchFamily="34" charset="0"/>
              </a:rPr>
            </a:b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626469"/>
                </a:solidFill>
                <a:effectLst/>
                <a:uLnTx/>
                <a:uFillTx/>
                <a:latin typeface="Arial" pitchFamily="34" charset="0"/>
                <a:ea typeface="ＭＳ Ｐゴシック" pitchFamily="34" charset="-128"/>
                <a:cs typeface="Arial" pitchFamily="34" charset="0"/>
              </a:rPr>
              <a:t>All trademarks are owned by Schneider Electric Industries SAS or its affiliated companies or their respective owners.</a:t>
            </a:r>
          </a:p>
        </p:txBody>
      </p:sp>
      <p:pic>
        <p:nvPicPr>
          <p:cNvPr id="7" name="Picture 6" descr="Thankyou2.jpg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1812835"/>
            <a:ext cx="12188825" cy="30226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orizontal Split Page Spruce Gree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8825" cy="22685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6962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440" y="2476500"/>
            <a:ext cx="10969943" cy="3682766"/>
          </a:xfrm>
          <a:prstGeom prst="rect">
            <a:avLst/>
          </a:prstGeom>
        </p:spPr>
        <p:txBody>
          <a:bodyPr/>
          <a:lstStyle>
            <a:lvl1pPr>
              <a:buFont typeface="Arial" pitchFamily="34" charset="0"/>
              <a:buChar char="&gt;"/>
              <a:defRPr/>
            </a:lvl1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orizontal Split Page Spruce Green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l">
              <a:defRPr>
                <a:solidFill>
                  <a:srgbClr val="00953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441" y="1509713"/>
            <a:ext cx="10969943" cy="3057525"/>
          </a:xfrm>
          <a:prstGeom prst="rect">
            <a:avLst/>
          </a:prstGeom>
        </p:spPr>
        <p:txBody>
          <a:bodyPr/>
          <a:lstStyle>
            <a:lvl1pPr>
              <a:buFont typeface="Arial" pitchFamily="34" charset="0"/>
              <a:buChar char="&gt;"/>
              <a:defRPr/>
            </a:lvl1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4" name="TextBox 3"/>
          <p:cNvSpPr txBox="1"/>
          <p:nvPr userDrawn="1"/>
        </p:nvSpPr>
        <p:spPr>
          <a:xfrm>
            <a:off x="473075" y="6340062"/>
            <a:ext cx="283990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0" y="4567238"/>
            <a:ext cx="12188825" cy="2303462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  <p:sp>
        <p:nvSpPr>
          <p:cNvPr id="13" name="Content Placeholder 2"/>
          <p:cNvSpPr>
            <a:spLocks noGrp="1"/>
          </p:cNvSpPr>
          <p:nvPr>
            <p:ph sz="half" idx="10"/>
          </p:nvPr>
        </p:nvSpPr>
        <p:spPr>
          <a:xfrm>
            <a:off x="609441" y="4567238"/>
            <a:ext cx="10969943" cy="1643781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Box 9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ansition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1" y="2436813"/>
            <a:ext cx="10969943" cy="1255711"/>
          </a:xfrm>
        </p:spPr>
        <p:txBody>
          <a:bodyPr anchor="b" anchorCtr="0">
            <a:norm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 dirty="0"/>
              <a:t>Transition Slide Headline</a:t>
            </a:r>
          </a:p>
        </p:txBody>
      </p:sp>
      <p:pic>
        <p:nvPicPr>
          <p:cNvPr id="5" name="Picture 23" descr="C:\Users\Kurt\Desktop\Untitled-1cc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10073498" y="6132081"/>
            <a:ext cx="1131079" cy="336982"/>
          </a:xfrm>
          <a:prstGeom prst="rect">
            <a:avLst/>
          </a:prstGeom>
          <a:noFill/>
        </p:spPr>
      </p:pic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>
          <a:xfrm>
            <a:off x="603250" y="3765551"/>
            <a:ext cx="10972800" cy="1228724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Sub-headline if necessary</a:t>
            </a:r>
          </a:p>
        </p:txBody>
      </p:sp>
      <p:sp>
        <p:nvSpPr>
          <p:cNvPr id="11" name="Freeform 10"/>
          <p:cNvSpPr/>
          <p:nvPr userDrawn="1"/>
        </p:nvSpPr>
        <p:spPr>
          <a:xfrm>
            <a:off x="11289031" y="6252905"/>
            <a:ext cx="45719" cy="216158"/>
          </a:xfrm>
          <a:custGeom>
            <a:avLst/>
            <a:gdLst>
              <a:gd name="connsiteX0" fmla="*/ 0 w 0"/>
              <a:gd name="connsiteY0" fmla="*/ 0 h 167951"/>
              <a:gd name="connsiteX1" fmla="*/ 0 w 0"/>
              <a:gd name="connsiteY1" fmla="*/ 167951 h 167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h="167951">
                <a:moveTo>
                  <a:pt x="0" y="0"/>
                </a:moveTo>
                <a:lnTo>
                  <a:pt x="0" y="167951"/>
                </a:lnTo>
              </a:path>
            </a:pathLst>
          </a:custGeom>
          <a:noFill/>
          <a:ln w="19050" cap="flat" cmpd="sng" algn="ctr">
            <a:solidFill>
              <a:schemeClr val="bg1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121898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12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0103836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arge Object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5375"/>
          </a:xfrm>
        </p:spPr>
        <p:txBody>
          <a:bodyPr>
            <a:no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441" y="1509713"/>
            <a:ext cx="10969943" cy="4701306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8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6207132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lit Page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 hasCustomPrompt="1"/>
          </p:nvPr>
        </p:nvSpPr>
        <p:spPr>
          <a:xfrm>
            <a:off x="608013" y="261938"/>
            <a:ext cx="5175249" cy="1271587"/>
          </a:xfrm>
        </p:spPr>
        <p:txBody>
          <a:bodyPr anchor="t" anchorCtr="0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Rectangle 2"/>
          <p:cNvSpPr/>
          <p:nvPr userDrawn="1"/>
        </p:nvSpPr>
        <p:spPr>
          <a:xfrm>
            <a:off x="6094412" y="0"/>
            <a:ext cx="6094413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2" hasCustomPrompt="1"/>
          </p:nvPr>
        </p:nvSpPr>
        <p:spPr>
          <a:xfrm>
            <a:off x="6094411" y="0"/>
            <a:ext cx="6094413" cy="6858000"/>
          </a:xfrm>
        </p:spPr>
        <p:txBody>
          <a:bodyPr lIns="274320" tIns="1691640" anchor="t" anchorCtr="0">
            <a:noAutofit/>
          </a:bodyPr>
          <a:lstStyle>
            <a:lvl1pPr>
              <a:buClr>
                <a:srgbClr val="009530"/>
              </a:buClr>
              <a:buFont typeface="Arial" pitchFamily="34" charset="0"/>
              <a:buChar char="&gt;"/>
              <a:defRPr sz="2000">
                <a:solidFill>
                  <a:srgbClr val="009530"/>
                </a:solidFill>
              </a:defRPr>
            </a:lvl1pPr>
            <a:lvl2pPr marL="461963" indent="-222250">
              <a:buClr>
                <a:srgbClr val="626469"/>
              </a:buClr>
              <a:buFont typeface="SE Rounded Medium" pitchFamily="50" charset="0"/>
              <a:buChar char="&gt;"/>
              <a:defRPr sz="1800">
                <a:solidFill>
                  <a:srgbClr val="626469"/>
                </a:solidFill>
              </a:defRPr>
            </a:lvl2pPr>
            <a:lvl3pPr marL="685800" marR="0" indent="-217488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626469"/>
              </a:buClr>
              <a:buSzTx/>
              <a:buFont typeface="Arial" pitchFamily="34" charset="0"/>
              <a:buChar char="-"/>
              <a:tabLst/>
              <a:defRPr sz="1600">
                <a:solidFill>
                  <a:srgbClr val="626469"/>
                </a:solidFill>
              </a:defRPr>
            </a:lvl3pPr>
            <a:lvl4pPr marL="914400" indent="-228600">
              <a:buClr>
                <a:srgbClr val="626469"/>
              </a:buClr>
              <a:buFont typeface="Arial" pitchFamily="34" charset="0"/>
              <a:buChar char="-"/>
              <a:defRPr sz="1400">
                <a:solidFill>
                  <a:srgbClr val="626469"/>
                </a:solidFill>
              </a:defRPr>
            </a:lvl4pPr>
            <a:lvl5pPr>
              <a:defRPr sz="2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Paragraph, bullets or photography can be used here.</a:t>
            </a:r>
          </a:p>
          <a:p>
            <a:pPr lvl="1"/>
            <a:r>
              <a:rPr lang="en-US" dirty="0"/>
              <a:t>Bullet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</p:txBody>
      </p:sp>
      <p:sp>
        <p:nvSpPr>
          <p:cNvPr id="10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608317" y="1630363"/>
            <a:ext cx="5186057" cy="4421188"/>
          </a:xfrm>
        </p:spPr>
        <p:txBody>
          <a:bodyPr/>
          <a:lstStyle>
            <a:lvl1pPr marL="0" indent="0">
              <a:buClr>
                <a:schemeClr val="accent1"/>
              </a:buClr>
              <a:buFontTx/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subtitle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3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626469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626469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6103251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lit Page with Caption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6056313" y="5434366"/>
            <a:ext cx="6132512" cy="1449387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608011" y="1630363"/>
            <a:ext cx="5186363" cy="4421187"/>
          </a:xfrm>
        </p:spPr>
        <p:txBody>
          <a:bodyPr/>
          <a:lstStyle>
            <a:lvl1pPr marL="0" indent="0">
              <a:buClr>
                <a:schemeClr val="accent1"/>
              </a:buClr>
              <a:buFontTx/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subtitle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6" hasCustomPrompt="1"/>
          </p:nvPr>
        </p:nvSpPr>
        <p:spPr>
          <a:xfrm>
            <a:off x="6056313" y="0"/>
            <a:ext cx="6132512" cy="5434013"/>
          </a:xfrm>
        </p:spPr>
        <p:txBody>
          <a:bodyPr/>
          <a:lstStyle>
            <a:lvl1pPr marL="225425" marR="0" indent="-225425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009530"/>
              </a:buClr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Drag picture to placeholder or click icon to add</a:t>
            </a:r>
          </a:p>
          <a:p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7"/>
          </p:nvPr>
        </p:nvSpPr>
        <p:spPr>
          <a:xfrm>
            <a:off x="6056313" y="5434366"/>
            <a:ext cx="5316537" cy="1476375"/>
          </a:xfrm>
        </p:spPr>
        <p:txBody>
          <a:bodyPr/>
          <a:lstStyle>
            <a:lvl1pPr>
              <a:buClr>
                <a:srgbClr val="000000"/>
              </a:buClr>
              <a:defRPr sz="1600" i="1">
                <a:solidFill>
                  <a:schemeClr val="bg1"/>
                </a:solidFill>
              </a:defRPr>
            </a:lvl1pPr>
            <a:lvl2pPr marL="461963" indent="-230188">
              <a:buClr>
                <a:srgbClr val="FFFFFF"/>
              </a:buClr>
              <a:buFont typeface="Arial" pitchFamily="34" charset="0"/>
              <a:buChar char="&gt;"/>
              <a:defRPr sz="1400" i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 hasCustomPrompt="1"/>
          </p:nvPr>
        </p:nvSpPr>
        <p:spPr>
          <a:xfrm>
            <a:off x="608012" y="261938"/>
            <a:ext cx="5186363" cy="1271587"/>
          </a:xfrm>
        </p:spPr>
        <p:txBody>
          <a:bodyPr anchor="t" anchorCtr="0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5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610325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11215276" y="6206804"/>
            <a:ext cx="619933" cy="524518"/>
          </a:xfrm>
          <a:prstGeom prst="rect">
            <a:avLst/>
          </a:prstGeom>
          <a:solidFill>
            <a:srgbClr val="009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9916" y="2130432"/>
            <a:ext cx="10979309" cy="1470025"/>
          </a:xfrm>
        </p:spPr>
        <p:txBody>
          <a:bodyPr lIns="0" anchor="b" anchorCtr="0">
            <a:noAutofit/>
          </a:bodyPr>
          <a:lstStyle>
            <a:lvl1pPr algn="l">
              <a:defRPr sz="3600" b="1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noProof="0" dirty="0"/>
              <a:t>Slide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99915" y="3644658"/>
            <a:ext cx="10979309" cy="1099870"/>
          </a:xfrm>
        </p:spPr>
        <p:txBody>
          <a:bodyPr lIns="0">
            <a:noAutofit/>
          </a:bodyPr>
          <a:lstStyle>
            <a:lvl1pPr marL="0" indent="0" algn="l">
              <a:buNone/>
              <a:defRPr sz="220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0075" y="5124577"/>
            <a:ext cx="8586158" cy="1120775"/>
          </a:xfrm>
        </p:spPr>
        <p:txBody>
          <a:bodyPr>
            <a:normAutofit/>
          </a:bodyPr>
          <a:lstStyle>
            <a:lvl1pPr marL="0" indent="0">
              <a:buNone/>
              <a:defRPr sz="160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pPr lvl="0"/>
            <a:r>
              <a:rPr lang="en-US" noProof="0"/>
              <a:t>Date</a:t>
            </a:r>
            <a:br>
              <a:rPr lang="en-US" noProof="0"/>
            </a:br>
            <a:r>
              <a:rPr lang="en-US" noProof="0"/>
              <a:t>Author</a:t>
            </a:r>
            <a:br>
              <a:rPr lang="en-US" noProof="0"/>
            </a:br>
            <a:r>
              <a:rPr lang="en-US" noProof="0"/>
              <a:t>Title</a:t>
            </a:r>
          </a:p>
        </p:txBody>
      </p:sp>
      <p:pic>
        <p:nvPicPr>
          <p:cNvPr id="7" name="Picture 23" descr="C:\Users\Kurt\Desktop\Untitled-1cc.png"/>
          <p:cNvPicPr>
            <a:picLocks noChangeArrowheads="1"/>
          </p:cNvPicPr>
          <p:nvPr userDrawn="1"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9686417" y="5902135"/>
            <a:ext cx="1892808" cy="56692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5375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441" y="1509713"/>
            <a:ext cx="5184935" cy="517525"/>
          </a:xfrm>
        </p:spPr>
        <p:txBody>
          <a:bodyPr rIns="0" anchor="t" anchorCtr="0"/>
          <a:lstStyle>
            <a:lvl1pPr marL="0" indent="0" algn="l">
              <a:buNone/>
              <a:defRPr sz="2200" b="1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1754" y="1509713"/>
            <a:ext cx="5387630" cy="517525"/>
          </a:xfrm>
        </p:spPr>
        <p:txBody>
          <a:bodyPr rIns="0" anchor="t" anchorCtr="0"/>
          <a:lstStyle>
            <a:lvl1pPr marL="0" indent="0" algn="l">
              <a:buNone/>
              <a:defRPr sz="2200" b="1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2144713"/>
            <a:ext cx="5184775" cy="4027487"/>
          </a:xfrm>
        </p:spPr>
        <p:txBody>
          <a:bodyPr/>
          <a:lstStyle>
            <a:lvl1pPr>
              <a:buClr>
                <a:schemeClr val="bg1"/>
              </a:buClr>
              <a:defRPr sz="20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18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16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14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11"/>
          </p:nvPr>
        </p:nvSpPr>
        <p:spPr>
          <a:xfrm>
            <a:off x="6191250" y="2143208"/>
            <a:ext cx="5399088" cy="4095671"/>
          </a:xfrm>
        </p:spPr>
        <p:txBody>
          <a:bodyPr/>
          <a:lstStyle>
            <a:lvl1pPr>
              <a:buClr>
                <a:schemeClr val="bg1"/>
              </a:buClr>
              <a:defRPr sz="20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18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16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14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extBox 9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3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574054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 Column Spruce 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4"/>
            <a:ext cx="10969943" cy="1095374"/>
          </a:xfrm>
        </p:spPr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0"/>
          </p:nvPr>
        </p:nvSpPr>
        <p:spPr>
          <a:xfrm>
            <a:off x="609441" y="2202085"/>
            <a:ext cx="1706722" cy="1737360"/>
          </a:xfrm>
        </p:spPr>
        <p:txBody>
          <a:bodyPr>
            <a:noAutofit/>
          </a:bodyPr>
          <a:lstStyle>
            <a:lvl1pPr marL="0" indent="0" algn="ctr">
              <a:buNone/>
              <a:defRPr sz="20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1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2459039" y="2202085"/>
            <a:ext cx="1712911" cy="1737360"/>
          </a:xfrm>
        </p:spPr>
        <p:txBody>
          <a:bodyPr>
            <a:noAutofit/>
          </a:bodyPr>
          <a:lstStyle>
            <a:lvl1pPr marL="0" indent="0" algn="ctr">
              <a:buNone/>
              <a:defRPr sz="20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2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4313238" y="2202085"/>
            <a:ext cx="1711325" cy="1737360"/>
          </a:xfrm>
        </p:spPr>
        <p:txBody>
          <a:bodyPr>
            <a:noAutofit/>
          </a:bodyPr>
          <a:lstStyle>
            <a:lvl1pPr marL="0" indent="0" algn="ctr">
              <a:buNone/>
              <a:defRPr sz="20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3" name="Picture Placeholder 9"/>
          <p:cNvSpPr>
            <a:spLocks noGrp="1"/>
          </p:cNvSpPr>
          <p:nvPr>
            <p:ph type="pic" sz="quarter" idx="13"/>
          </p:nvPr>
        </p:nvSpPr>
        <p:spPr>
          <a:xfrm>
            <a:off x="6165850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20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4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8018464" y="2202085"/>
            <a:ext cx="1712911" cy="1737360"/>
          </a:xfrm>
        </p:spPr>
        <p:txBody>
          <a:bodyPr>
            <a:noAutofit/>
          </a:bodyPr>
          <a:lstStyle>
            <a:lvl1pPr marL="0" indent="0" algn="ctr">
              <a:buNone/>
              <a:defRPr sz="20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9871076" y="2202085"/>
            <a:ext cx="1708150" cy="1737360"/>
          </a:xfrm>
        </p:spPr>
        <p:txBody>
          <a:bodyPr>
            <a:noAutofit/>
          </a:bodyPr>
          <a:lstStyle>
            <a:lvl1pPr marL="0" indent="0" algn="ctr">
              <a:buNone/>
              <a:defRPr sz="20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6"/>
          </p:nvPr>
        </p:nvSpPr>
        <p:spPr>
          <a:xfrm>
            <a:off x="609441" y="4089400"/>
            <a:ext cx="1706722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16"/>
          <p:cNvSpPr>
            <a:spLocks noGrp="1"/>
          </p:cNvSpPr>
          <p:nvPr>
            <p:ph type="body" sz="quarter" idx="17"/>
          </p:nvPr>
        </p:nvSpPr>
        <p:spPr>
          <a:xfrm>
            <a:off x="2459039" y="4089400"/>
            <a:ext cx="1712912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16"/>
          <p:cNvSpPr>
            <a:spLocks noGrp="1"/>
          </p:cNvSpPr>
          <p:nvPr>
            <p:ph type="body" sz="quarter" idx="18"/>
          </p:nvPr>
        </p:nvSpPr>
        <p:spPr>
          <a:xfrm>
            <a:off x="4313239" y="4089400"/>
            <a:ext cx="1711324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6"/>
          <p:cNvSpPr>
            <a:spLocks noGrp="1"/>
          </p:cNvSpPr>
          <p:nvPr>
            <p:ph type="body" sz="quarter" idx="19"/>
          </p:nvPr>
        </p:nvSpPr>
        <p:spPr>
          <a:xfrm>
            <a:off x="6165850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16"/>
          <p:cNvSpPr>
            <a:spLocks noGrp="1"/>
          </p:cNvSpPr>
          <p:nvPr>
            <p:ph type="body" sz="quarter" idx="20"/>
          </p:nvPr>
        </p:nvSpPr>
        <p:spPr>
          <a:xfrm>
            <a:off x="8018464" y="4089400"/>
            <a:ext cx="1712911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Text Placeholder 16"/>
          <p:cNvSpPr>
            <a:spLocks noGrp="1"/>
          </p:cNvSpPr>
          <p:nvPr>
            <p:ph type="body" sz="quarter" idx="21"/>
          </p:nvPr>
        </p:nvSpPr>
        <p:spPr>
          <a:xfrm>
            <a:off x="9871075" y="4089400"/>
            <a:ext cx="1708309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TextBox 22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25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9845312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ansition Dark 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1" y="2436813"/>
            <a:ext cx="10969943" cy="1255711"/>
          </a:xfrm>
        </p:spPr>
        <p:txBody>
          <a:bodyPr anchor="b" anchorCtr="0">
            <a:no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 dirty="0"/>
              <a:t>Transition Slide Headlin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>
          <a:xfrm>
            <a:off x="603250" y="3763963"/>
            <a:ext cx="10972800" cy="1074737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Sub-headline if necessary</a:t>
            </a:r>
          </a:p>
        </p:txBody>
      </p:sp>
      <p:pic>
        <p:nvPicPr>
          <p:cNvPr id="8" name="Picture 23" descr="C:\Users\Kurt\Desktop\Untitled-1cc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10073498" y="6132081"/>
            <a:ext cx="1131079" cy="336982"/>
          </a:xfrm>
          <a:prstGeom prst="rect">
            <a:avLst/>
          </a:prstGeom>
          <a:noFill/>
        </p:spPr>
      </p:pic>
      <p:sp>
        <p:nvSpPr>
          <p:cNvPr id="9" name="Freeform 8"/>
          <p:cNvSpPr/>
          <p:nvPr userDrawn="1"/>
        </p:nvSpPr>
        <p:spPr>
          <a:xfrm>
            <a:off x="11289031" y="6252905"/>
            <a:ext cx="45719" cy="216158"/>
          </a:xfrm>
          <a:custGeom>
            <a:avLst/>
            <a:gdLst>
              <a:gd name="connsiteX0" fmla="*/ 0 w 0"/>
              <a:gd name="connsiteY0" fmla="*/ 0 h 167951"/>
              <a:gd name="connsiteX1" fmla="*/ 0 w 0"/>
              <a:gd name="connsiteY1" fmla="*/ 167951 h 167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h="167951">
                <a:moveTo>
                  <a:pt x="0" y="0"/>
                </a:moveTo>
                <a:lnTo>
                  <a:pt x="0" y="167951"/>
                </a:lnTo>
              </a:path>
            </a:pathLst>
          </a:custGeom>
          <a:noFill/>
          <a:ln w="19050" cap="flat" cmpd="sng" algn="ctr">
            <a:solidFill>
              <a:schemeClr val="bg1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121898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sp>
        <p:nvSpPr>
          <p:cNvPr id="10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0103836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arge Object Dark 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2" y="271463"/>
            <a:ext cx="10969784" cy="1095375"/>
          </a:xfrm>
        </p:spPr>
        <p:txBody>
          <a:bodyPr>
            <a:no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442" y="1509713"/>
            <a:ext cx="10969784" cy="4701306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TextBox 5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8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6207132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Horizontal Split Page Dark Gray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12188825" cy="2268538"/>
          </a:xfrm>
          <a:prstGeom prst="rect">
            <a:avLst/>
          </a:prstGeom>
          <a:solidFill>
            <a:srgbClr val="6264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6962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440" y="2476500"/>
            <a:ext cx="10969943" cy="3682766"/>
          </a:xfrm>
          <a:prstGeom prst="rect">
            <a:avLst/>
          </a:prstGeom>
        </p:spPr>
        <p:txBody>
          <a:bodyPr/>
          <a:lstStyle>
            <a:lvl1pPr>
              <a:buFont typeface="Arial" pitchFamily="34" charset="0"/>
              <a:buChar char="&gt;"/>
              <a:defRPr/>
            </a:lvl1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orizontal Split Page Dark Gray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l">
              <a:defRPr>
                <a:solidFill>
                  <a:srgbClr val="00953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9441" y="1509713"/>
            <a:ext cx="10969943" cy="3057525"/>
          </a:xfrm>
          <a:prstGeom prst="rect">
            <a:avLst/>
          </a:prstGeom>
        </p:spPr>
        <p:txBody>
          <a:bodyPr/>
          <a:lstStyle>
            <a:lvl1pPr>
              <a:buFont typeface="Arial" pitchFamily="34" charset="0"/>
              <a:buChar char="&gt;"/>
              <a:defRPr/>
            </a:lvl1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4" name="TextBox 3"/>
          <p:cNvSpPr txBox="1"/>
          <p:nvPr userDrawn="1"/>
        </p:nvSpPr>
        <p:spPr>
          <a:xfrm>
            <a:off x="473075" y="6340062"/>
            <a:ext cx="2839902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6" name="Rectangle 5"/>
          <p:cNvSpPr/>
          <p:nvPr userDrawn="1"/>
        </p:nvSpPr>
        <p:spPr>
          <a:xfrm>
            <a:off x="0" y="4567238"/>
            <a:ext cx="12188825" cy="2303462"/>
          </a:xfrm>
          <a:prstGeom prst="rect">
            <a:avLst/>
          </a:prstGeom>
          <a:solidFill>
            <a:srgbClr val="6264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Content Placeholder 2"/>
          <p:cNvSpPr>
            <a:spLocks noGrp="1"/>
          </p:cNvSpPr>
          <p:nvPr>
            <p:ph sz="half" idx="10"/>
          </p:nvPr>
        </p:nvSpPr>
        <p:spPr>
          <a:xfrm>
            <a:off x="609441" y="4567238"/>
            <a:ext cx="10969943" cy="1643781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1" name="TextBox 10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3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lit Page Dark 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6094412" y="0"/>
            <a:ext cx="6094413" cy="6858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algn="ctr" defTabSz="914400" rtl="0" eaLnBrk="1" latinLnBrk="0" hangingPunct="1"/>
            <a:endParaRPr lang="en-US" sz="1800" kern="1200">
              <a:solidFill>
                <a:schemeClr val="lt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5" name="Content Placeholder 14"/>
          <p:cNvSpPr>
            <a:spLocks noGrp="1"/>
          </p:cNvSpPr>
          <p:nvPr>
            <p:ph sz="quarter" idx="12" hasCustomPrompt="1"/>
          </p:nvPr>
        </p:nvSpPr>
        <p:spPr>
          <a:xfrm>
            <a:off x="6094413" y="0"/>
            <a:ext cx="6094412" cy="6858000"/>
          </a:xfrm>
        </p:spPr>
        <p:txBody>
          <a:bodyPr lIns="274320" tIns="1691640" anchor="t" anchorCtr="0">
            <a:noAutofit/>
          </a:bodyPr>
          <a:lstStyle>
            <a:lvl1pPr>
              <a:buClr>
                <a:srgbClr val="009530"/>
              </a:buClr>
              <a:buFont typeface="Arial" pitchFamily="34" charset="0"/>
              <a:buChar char="&gt;"/>
              <a:defRPr sz="2000">
                <a:solidFill>
                  <a:srgbClr val="009530"/>
                </a:solidFill>
              </a:defRPr>
            </a:lvl1pPr>
            <a:lvl2pPr marL="461963" indent="-222250">
              <a:buClr>
                <a:srgbClr val="626469"/>
              </a:buClr>
              <a:buFont typeface="SE Rounded Medium" pitchFamily="50" charset="0"/>
              <a:buChar char="&gt;"/>
              <a:defRPr sz="1800">
                <a:solidFill>
                  <a:srgbClr val="626469"/>
                </a:solidFill>
              </a:defRPr>
            </a:lvl2pPr>
            <a:lvl3pPr marL="685800" marR="0" indent="-217488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626469"/>
              </a:buClr>
              <a:buSzTx/>
              <a:buFont typeface="Arial" panose="020B0604020202020204" pitchFamily="34" charset="0"/>
              <a:buChar char="-"/>
              <a:tabLst/>
              <a:defRPr sz="1600">
                <a:solidFill>
                  <a:srgbClr val="626469"/>
                </a:solidFill>
              </a:defRPr>
            </a:lvl3pPr>
            <a:lvl4pPr marL="914400" indent="-228600">
              <a:buClr>
                <a:srgbClr val="626469"/>
              </a:buClr>
              <a:buFont typeface="Arial" pitchFamily="34" charset="0"/>
              <a:buChar char="-"/>
              <a:tabLst>
                <a:tab pos="914400" algn="l"/>
              </a:tabLst>
              <a:defRPr sz="1400">
                <a:solidFill>
                  <a:srgbClr val="626469"/>
                </a:solidFill>
              </a:defRPr>
            </a:lvl4pPr>
            <a:lvl5pPr>
              <a:defRPr sz="20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Paragraph, bullets or photography can be used here.</a:t>
            </a:r>
          </a:p>
          <a:p>
            <a:pPr lvl="1"/>
            <a:r>
              <a:rPr lang="en-US" dirty="0"/>
              <a:t>Bullet</a:t>
            </a:r>
          </a:p>
          <a:p>
            <a:pPr lvl="2"/>
            <a:r>
              <a:rPr lang="en-US" dirty="0"/>
              <a:t>Second level</a:t>
            </a:r>
          </a:p>
          <a:p>
            <a:pPr lvl="3"/>
            <a:r>
              <a:rPr lang="en-US" dirty="0"/>
              <a:t>Third level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4" hasCustomPrompt="1"/>
          </p:nvPr>
        </p:nvSpPr>
        <p:spPr>
          <a:xfrm>
            <a:off x="608013" y="1630363"/>
            <a:ext cx="5186362" cy="4421187"/>
          </a:xfrm>
        </p:spPr>
        <p:txBody>
          <a:bodyPr/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subtitle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 hasCustomPrompt="1"/>
          </p:nvPr>
        </p:nvSpPr>
        <p:spPr>
          <a:xfrm>
            <a:off x="608013" y="261938"/>
            <a:ext cx="5186362" cy="1271587"/>
          </a:xfrm>
        </p:spPr>
        <p:txBody>
          <a:bodyPr anchor="t" anchorCtr="0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3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626469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626469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6103251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lit Page with Caption Dark 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 userDrawn="1"/>
        </p:nvSpPr>
        <p:spPr>
          <a:xfrm>
            <a:off x="6056313" y="5434366"/>
            <a:ext cx="6132512" cy="1449387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5" hasCustomPrompt="1"/>
          </p:nvPr>
        </p:nvSpPr>
        <p:spPr>
          <a:xfrm>
            <a:off x="608012" y="1630363"/>
            <a:ext cx="5186362" cy="4421187"/>
          </a:xfrm>
        </p:spPr>
        <p:txBody>
          <a:bodyPr/>
          <a:lstStyle>
            <a:lvl1pPr marL="0" indent="0">
              <a:buClr>
                <a:schemeClr val="accent1"/>
              </a:buClr>
              <a:buFontTx/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subtitle</a:t>
            </a:r>
          </a:p>
        </p:txBody>
      </p:sp>
      <p:sp>
        <p:nvSpPr>
          <p:cNvPr id="13" name="Picture Placeholder 12"/>
          <p:cNvSpPr>
            <a:spLocks noGrp="1"/>
          </p:cNvSpPr>
          <p:nvPr>
            <p:ph type="pic" sz="quarter" idx="16" hasCustomPrompt="1"/>
          </p:nvPr>
        </p:nvSpPr>
        <p:spPr>
          <a:xfrm>
            <a:off x="6056313" y="0"/>
            <a:ext cx="6132512" cy="5434013"/>
          </a:xfrm>
        </p:spPr>
        <p:txBody>
          <a:bodyPr/>
          <a:lstStyle>
            <a:lvl1pPr marL="225425" marR="0" indent="-225425" algn="l" defTabSz="9144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>
                <a:srgbClr val="009530"/>
              </a:buClr>
              <a:buSzTx/>
              <a:buFont typeface="Arial" panose="020B0604020202020204" pitchFamily="34" charset="0"/>
              <a:buNone/>
              <a:tabLst/>
              <a:defRPr sz="18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Drag picture to placeholder or click icon to add</a:t>
            </a:r>
          </a:p>
          <a:p>
            <a:endParaRPr lang="en-US" dirty="0"/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7"/>
          </p:nvPr>
        </p:nvSpPr>
        <p:spPr>
          <a:xfrm>
            <a:off x="6056313" y="5434013"/>
            <a:ext cx="5534025" cy="1449387"/>
          </a:xfrm>
        </p:spPr>
        <p:txBody>
          <a:bodyPr/>
          <a:lstStyle>
            <a:lvl1pPr>
              <a:buClr>
                <a:srgbClr val="000000"/>
              </a:buClr>
              <a:defRPr sz="1600" i="1">
                <a:solidFill>
                  <a:schemeClr val="bg1"/>
                </a:solidFill>
              </a:defRPr>
            </a:lvl1pPr>
            <a:lvl2pPr marL="461963" indent="-230188">
              <a:buClr>
                <a:schemeClr val="bg1"/>
              </a:buClr>
              <a:buFont typeface="Arial" pitchFamily="34" charset="0"/>
              <a:buChar char="&gt;"/>
              <a:defRPr sz="1400" i="1"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Title 10"/>
          <p:cNvSpPr>
            <a:spLocks noGrp="1"/>
          </p:cNvSpPr>
          <p:nvPr>
            <p:ph type="title" hasCustomPrompt="1"/>
          </p:nvPr>
        </p:nvSpPr>
        <p:spPr>
          <a:xfrm>
            <a:off x="608012" y="261938"/>
            <a:ext cx="5186363" cy="1271587"/>
          </a:xfrm>
        </p:spPr>
        <p:txBody>
          <a:bodyPr anchor="t" anchorCtr="0"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9" name="TextBox 8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6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6103251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 Dark 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5375"/>
          </a:xfrm>
        </p:spPr>
        <p:txBody>
          <a:bodyPr>
            <a:noAutofit/>
          </a:bodyPr>
          <a:lstStyle>
            <a:lvl1pPr>
              <a:defRPr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441" y="1509713"/>
            <a:ext cx="5184935" cy="520700"/>
          </a:xfrm>
        </p:spPr>
        <p:txBody>
          <a:bodyPr rIns="0" anchor="t" anchorCtr="0">
            <a:noAutofit/>
          </a:bodyPr>
          <a:lstStyle>
            <a:lvl1pPr marL="0" indent="0" algn="l">
              <a:buNone/>
              <a:defRPr sz="2200" b="1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1754" y="1509713"/>
            <a:ext cx="5387630" cy="520700"/>
          </a:xfrm>
        </p:spPr>
        <p:txBody>
          <a:bodyPr rIns="0" anchor="t" anchorCtr="0">
            <a:noAutofit/>
          </a:bodyPr>
          <a:lstStyle>
            <a:lvl1pPr marL="0" indent="0" algn="l">
              <a:buNone/>
              <a:defRPr sz="2200" b="1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2144713"/>
            <a:ext cx="5184775" cy="4127500"/>
          </a:xfrm>
        </p:spPr>
        <p:txBody>
          <a:bodyPr/>
          <a:lstStyle>
            <a:lvl1pPr>
              <a:buClr>
                <a:schemeClr val="bg1"/>
              </a:buClr>
              <a:defRPr sz="20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18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16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14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6191250" y="2144713"/>
            <a:ext cx="5387975" cy="4127500"/>
          </a:xfrm>
        </p:spPr>
        <p:txBody>
          <a:bodyPr/>
          <a:lstStyle>
            <a:lvl1pPr>
              <a:buClr>
                <a:schemeClr val="bg1"/>
              </a:buClr>
              <a:defRPr sz="20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18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16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14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extBox 9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14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5740542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6 Column Dark 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5375"/>
          </a:xfrm>
        </p:spPr>
        <p:txBody>
          <a:bodyPr>
            <a:noAutofit/>
          </a:bodyPr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0"/>
          </p:nvPr>
        </p:nvSpPr>
        <p:spPr>
          <a:xfrm>
            <a:off x="606075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18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1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2459035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18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2" name="Picture Placeholder 9"/>
          <p:cNvSpPr>
            <a:spLocks noGrp="1"/>
          </p:cNvSpPr>
          <p:nvPr>
            <p:ph type="pic" sz="quarter" idx="12"/>
          </p:nvPr>
        </p:nvSpPr>
        <p:spPr>
          <a:xfrm>
            <a:off x="4313395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18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3" name="Picture Placeholder 9"/>
          <p:cNvSpPr>
            <a:spLocks noGrp="1"/>
          </p:cNvSpPr>
          <p:nvPr>
            <p:ph type="pic" sz="quarter" idx="13"/>
          </p:nvPr>
        </p:nvSpPr>
        <p:spPr>
          <a:xfrm>
            <a:off x="6166168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18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4" name="Picture Placeholder 9"/>
          <p:cNvSpPr>
            <a:spLocks noGrp="1"/>
          </p:cNvSpPr>
          <p:nvPr>
            <p:ph type="pic" sz="quarter" idx="14"/>
          </p:nvPr>
        </p:nvSpPr>
        <p:spPr>
          <a:xfrm>
            <a:off x="8013763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18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9869295" y="2202085"/>
            <a:ext cx="1709928" cy="1737360"/>
          </a:xfrm>
        </p:spPr>
        <p:txBody>
          <a:bodyPr>
            <a:noAutofit/>
          </a:bodyPr>
          <a:lstStyle>
            <a:lvl1pPr marL="0" indent="0" algn="ctr">
              <a:buNone/>
              <a:defRPr sz="1800">
                <a:solidFill>
                  <a:srgbClr val="FFFFFF"/>
                </a:solidFill>
              </a:defRPr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7" name="Text Placeholder 16"/>
          <p:cNvSpPr>
            <a:spLocks noGrp="1"/>
          </p:cNvSpPr>
          <p:nvPr>
            <p:ph type="body" sz="quarter" idx="16"/>
          </p:nvPr>
        </p:nvSpPr>
        <p:spPr>
          <a:xfrm>
            <a:off x="606235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Text Placeholder 16"/>
          <p:cNvSpPr>
            <a:spLocks noGrp="1"/>
          </p:cNvSpPr>
          <p:nvPr>
            <p:ph type="body" sz="quarter" idx="17"/>
          </p:nvPr>
        </p:nvSpPr>
        <p:spPr>
          <a:xfrm>
            <a:off x="2459038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Text Placeholder 16"/>
          <p:cNvSpPr>
            <a:spLocks noGrp="1"/>
          </p:cNvSpPr>
          <p:nvPr>
            <p:ph type="body" sz="quarter" idx="18"/>
          </p:nvPr>
        </p:nvSpPr>
        <p:spPr>
          <a:xfrm>
            <a:off x="4313238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6"/>
          <p:cNvSpPr>
            <a:spLocks noGrp="1"/>
          </p:cNvSpPr>
          <p:nvPr>
            <p:ph type="body" sz="quarter" idx="19"/>
          </p:nvPr>
        </p:nvSpPr>
        <p:spPr>
          <a:xfrm>
            <a:off x="6165850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1" name="Text Placeholder 16"/>
          <p:cNvSpPr>
            <a:spLocks noGrp="1"/>
          </p:cNvSpPr>
          <p:nvPr>
            <p:ph type="body" sz="quarter" idx="20"/>
          </p:nvPr>
        </p:nvSpPr>
        <p:spPr>
          <a:xfrm>
            <a:off x="8013447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2" name="Text Placeholder 16"/>
          <p:cNvSpPr>
            <a:spLocks noGrp="1"/>
          </p:cNvSpPr>
          <p:nvPr>
            <p:ph type="body" sz="quarter" idx="21"/>
          </p:nvPr>
        </p:nvSpPr>
        <p:spPr>
          <a:xfrm>
            <a:off x="9869297" y="4089400"/>
            <a:ext cx="1709928" cy="1085850"/>
          </a:xfrm>
        </p:spPr>
        <p:txBody>
          <a:bodyPr lIns="45720" rIns="45720">
            <a:noAutofit/>
          </a:bodyPr>
          <a:lstStyle>
            <a:lvl1pPr marL="0" indent="0" algn="ctr">
              <a:buNone/>
              <a:defRPr sz="1800" b="0">
                <a:solidFill>
                  <a:srgbClr val="FFFFFF"/>
                </a:solidFill>
              </a:defRPr>
            </a:lvl1pPr>
            <a:lvl2pPr marL="119062" indent="0">
              <a:buNone/>
              <a:defRPr sz="1800" b="0">
                <a:solidFill>
                  <a:schemeClr val="bg1"/>
                </a:solidFill>
              </a:defRPr>
            </a:lvl2pPr>
            <a:lvl3pPr marL="398463" indent="0">
              <a:buNone/>
              <a:defRPr sz="1800" b="0">
                <a:solidFill>
                  <a:schemeClr val="bg1"/>
                </a:solidFill>
              </a:defRPr>
            </a:lvl3pPr>
            <a:lvl4pPr marL="688975" indent="0">
              <a:buNone/>
              <a:defRPr sz="1800" b="0">
                <a:solidFill>
                  <a:schemeClr val="bg1"/>
                </a:solidFill>
              </a:defRPr>
            </a:lvl4pPr>
            <a:lvl5pPr marL="917575" indent="0">
              <a:buNone/>
              <a:defRPr sz="1800" b="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3" name="TextBox 22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26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9845312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Bubb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023611862_prevstill.jp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18" t="14066" r="17976" b="9228"/>
          <a:stretch/>
        </p:blipFill>
        <p:spPr>
          <a:xfrm>
            <a:off x="0" y="-20631"/>
            <a:ext cx="12188825" cy="6899262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9916" y="2130432"/>
            <a:ext cx="10979309" cy="1470025"/>
          </a:xfrm>
        </p:spPr>
        <p:txBody>
          <a:bodyPr lIns="0" anchor="b" anchorCtr="0">
            <a:noAutofit/>
          </a:bodyPr>
          <a:lstStyle>
            <a:lvl1pPr algn="l">
              <a:defRPr sz="3600" b="1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noProof="0" dirty="0"/>
              <a:t>Slide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99915" y="3644658"/>
            <a:ext cx="10979309" cy="1099870"/>
          </a:xfrm>
        </p:spPr>
        <p:txBody>
          <a:bodyPr lIns="0">
            <a:noAutofit/>
          </a:bodyPr>
          <a:lstStyle>
            <a:lvl1pPr marL="0" indent="0" algn="l">
              <a:buNone/>
              <a:defRPr sz="220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0075" y="5124577"/>
            <a:ext cx="8586158" cy="1120775"/>
          </a:xfrm>
        </p:spPr>
        <p:txBody>
          <a:bodyPr>
            <a:normAutofit/>
          </a:bodyPr>
          <a:lstStyle>
            <a:lvl1pPr marL="0" indent="0">
              <a:buNone/>
              <a:defRPr sz="160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pPr lvl="0"/>
            <a:r>
              <a:rPr lang="en-US" noProof="0"/>
              <a:t>Date</a:t>
            </a:r>
            <a:br>
              <a:rPr lang="en-US" noProof="0"/>
            </a:br>
            <a:r>
              <a:rPr lang="en-US" noProof="0"/>
              <a:t>Author</a:t>
            </a:r>
            <a:br>
              <a:rPr lang="en-US" noProof="0"/>
            </a:br>
            <a:r>
              <a:rPr lang="en-US" noProof="0"/>
              <a:t>Title</a:t>
            </a:r>
          </a:p>
        </p:txBody>
      </p:sp>
      <p:pic>
        <p:nvPicPr>
          <p:cNvPr id="7" name="Picture 23" descr="C:\Users\Kurt\Desktop\Untitled-1cc.png"/>
          <p:cNvPicPr>
            <a:picLocks noChangeArrowheads="1"/>
          </p:cNvPicPr>
          <p:nvPr userDrawn="1"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9686417" y="5902135"/>
            <a:ext cx="1892808" cy="56692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rket Pictos_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itle 1"/>
          <p:cNvSpPr>
            <a:spLocks noGrp="1"/>
          </p:cNvSpPr>
          <p:nvPr>
            <p:ph type="title" hasCustomPrompt="1"/>
          </p:nvPr>
        </p:nvSpPr>
        <p:spPr>
          <a:xfrm>
            <a:off x="609441" y="271464"/>
            <a:ext cx="10969943" cy="1095374"/>
          </a:xfrm>
        </p:spPr>
        <p:txBody>
          <a:bodyPr/>
          <a:lstStyle>
            <a:lvl1pPr algn="l">
              <a:defRPr>
                <a:solidFill>
                  <a:srgbClr val="009530"/>
                </a:solidFill>
              </a:defRPr>
            </a:lvl1pPr>
          </a:lstStyle>
          <a:p>
            <a:r>
              <a:rPr lang="en-US" dirty="0"/>
              <a:t>Market </a:t>
            </a:r>
            <a:r>
              <a:rPr lang="en-US" dirty="0" err="1"/>
              <a:t>Pictos</a:t>
            </a:r>
            <a:endParaRPr lang="en-US" noProof="0" dirty="0"/>
          </a:p>
        </p:txBody>
      </p:sp>
      <p:sp>
        <p:nvSpPr>
          <p:cNvPr id="264" name="Freeform 156"/>
          <p:cNvSpPr>
            <a:spLocks noChangeAspect="1"/>
          </p:cNvSpPr>
          <p:nvPr userDrawn="1"/>
        </p:nvSpPr>
        <p:spPr bwMode="auto">
          <a:xfrm>
            <a:off x="10351080" y="2195360"/>
            <a:ext cx="391833" cy="393192"/>
          </a:xfrm>
          <a:custGeom>
            <a:avLst/>
            <a:gdLst/>
            <a:ahLst/>
            <a:cxnLst>
              <a:cxn ang="0">
                <a:pos x="319" y="205"/>
              </a:cxn>
              <a:cxn ang="0">
                <a:pos x="264" y="194"/>
              </a:cxn>
              <a:cxn ang="0">
                <a:pos x="255" y="169"/>
              </a:cxn>
              <a:cxn ang="0">
                <a:pos x="369" y="136"/>
              </a:cxn>
              <a:cxn ang="0">
                <a:pos x="379" y="121"/>
              </a:cxn>
              <a:cxn ang="0">
                <a:pos x="362" y="62"/>
              </a:cxn>
              <a:cxn ang="0">
                <a:pos x="277" y="0"/>
              </a:cxn>
              <a:cxn ang="0">
                <a:pos x="184" y="135"/>
              </a:cxn>
              <a:cxn ang="0">
                <a:pos x="174" y="138"/>
              </a:cxn>
              <a:cxn ang="0">
                <a:pos x="136" y="16"/>
              </a:cxn>
              <a:cxn ang="0">
                <a:pos x="121" y="7"/>
              </a:cxn>
              <a:cxn ang="0">
                <a:pos x="62" y="24"/>
              </a:cxn>
              <a:cxn ang="0">
                <a:pos x="0" y="108"/>
              </a:cxn>
              <a:cxn ang="0">
                <a:pos x="75" y="190"/>
              </a:cxn>
              <a:cxn ang="0">
                <a:pos x="129" y="201"/>
              </a:cxn>
              <a:cxn ang="0">
                <a:pos x="135" y="228"/>
              </a:cxn>
              <a:cxn ang="0">
                <a:pos x="24" y="257"/>
              </a:cxn>
              <a:cxn ang="0">
                <a:pos x="14" y="271"/>
              </a:cxn>
              <a:cxn ang="0">
                <a:pos x="31" y="330"/>
              </a:cxn>
              <a:cxn ang="0">
                <a:pos x="115" y="393"/>
              </a:cxn>
              <a:cxn ang="0">
                <a:pos x="197" y="322"/>
              </a:cxn>
              <a:cxn ang="0">
                <a:pos x="210" y="257"/>
              </a:cxn>
              <a:cxn ang="0">
                <a:pos x="198" y="243"/>
              </a:cxn>
              <a:cxn ang="0">
                <a:pos x="184" y="256"/>
              </a:cxn>
              <a:cxn ang="0">
                <a:pos x="184" y="256"/>
              </a:cxn>
              <a:cxn ang="0">
                <a:pos x="115" y="366"/>
              </a:cxn>
              <a:cxn ang="0">
                <a:pos x="42" y="280"/>
              </a:cxn>
              <a:cxn ang="0">
                <a:pos x="158" y="250"/>
              </a:cxn>
              <a:cxn ang="0">
                <a:pos x="168" y="241"/>
              </a:cxn>
              <a:cxn ang="0">
                <a:pos x="165" y="228"/>
              </a:cxn>
              <a:cxn ang="0">
                <a:pos x="157" y="193"/>
              </a:cxn>
              <a:cxn ang="0">
                <a:pos x="155" y="181"/>
              </a:cxn>
              <a:cxn ang="0">
                <a:pos x="145" y="176"/>
              </a:cxn>
              <a:cxn ang="0">
                <a:pos x="26" y="108"/>
              </a:cxn>
              <a:cxn ang="0">
                <a:pos x="114" y="35"/>
              </a:cxn>
              <a:cxn ang="0">
                <a:pos x="153" y="162"/>
              </a:cxn>
              <a:cxn ang="0">
                <a:pos x="162" y="170"/>
              </a:cxn>
              <a:cxn ang="0">
                <a:pos x="174" y="168"/>
              </a:cxn>
              <a:cxn ang="0">
                <a:pos x="195" y="161"/>
              </a:cxn>
              <a:cxn ang="0">
                <a:pos x="205" y="158"/>
              </a:cxn>
              <a:cxn ang="0">
                <a:pos x="210" y="148"/>
              </a:cxn>
              <a:cxn ang="0">
                <a:pos x="277" y="26"/>
              </a:cxn>
              <a:cxn ang="0">
                <a:pos x="350" y="113"/>
              </a:cxn>
              <a:cxn ang="0">
                <a:pos x="229" y="148"/>
              </a:cxn>
              <a:cxn ang="0">
                <a:pos x="220" y="158"/>
              </a:cxn>
              <a:cxn ang="0">
                <a:pos x="224" y="171"/>
              </a:cxn>
              <a:cxn ang="0">
                <a:pos x="238" y="206"/>
              </a:cxn>
              <a:cxn ang="0">
                <a:pos x="241" y="216"/>
              </a:cxn>
              <a:cxn ang="0">
                <a:pos x="251" y="220"/>
              </a:cxn>
              <a:cxn ang="0">
                <a:pos x="366" y="284"/>
              </a:cxn>
              <a:cxn ang="0">
                <a:pos x="279" y="357"/>
              </a:cxn>
              <a:cxn ang="0">
                <a:pos x="247" y="238"/>
              </a:cxn>
              <a:cxn ang="0">
                <a:pos x="230" y="229"/>
              </a:cxn>
              <a:cxn ang="0">
                <a:pos x="221" y="245"/>
              </a:cxn>
              <a:cxn ang="0">
                <a:pos x="257" y="376"/>
              </a:cxn>
              <a:cxn ang="0">
                <a:pos x="271" y="386"/>
              </a:cxn>
              <a:cxn ang="0">
                <a:pos x="330" y="369"/>
              </a:cxn>
              <a:cxn ang="0">
                <a:pos x="393" y="284"/>
              </a:cxn>
              <a:cxn ang="0">
                <a:pos x="319" y="205"/>
              </a:cxn>
            </a:cxnLst>
            <a:rect l="0" t="0" r="r" b="b"/>
            <a:pathLst>
              <a:path w="393" h="393">
                <a:moveTo>
                  <a:pt x="319" y="205"/>
                </a:moveTo>
                <a:cubicBezTo>
                  <a:pt x="298" y="198"/>
                  <a:pt x="277" y="195"/>
                  <a:pt x="264" y="194"/>
                </a:cubicBezTo>
                <a:cubicBezTo>
                  <a:pt x="263" y="184"/>
                  <a:pt x="259" y="175"/>
                  <a:pt x="255" y="169"/>
                </a:cubicBezTo>
                <a:cubicBezTo>
                  <a:pt x="369" y="136"/>
                  <a:pt x="369" y="136"/>
                  <a:pt x="369" y="136"/>
                </a:cubicBezTo>
                <a:cubicBezTo>
                  <a:pt x="375" y="134"/>
                  <a:pt x="379" y="128"/>
                  <a:pt x="379" y="121"/>
                </a:cubicBezTo>
                <a:cubicBezTo>
                  <a:pt x="379" y="120"/>
                  <a:pt x="375" y="91"/>
                  <a:pt x="362" y="62"/>
                </a:cubicBezTo>
                <a:cubicBezTo>
                  <a:pt x="343" y="21"/>
                  <a:pt x="314" y="0"/>
                  <a:pt x="277" y="0"/>
                </a:cubicBezTo>
                <a:cubicBezTo>
                  <a:pt x="204" y="0"/>
                  <a:pt x="188" y="100"/>
                  <a:pt x="184" y="135"/>
                </a:cubicBezTo>
                <a:cubicBezTo>
                  <a:pt x="181" y="136"/>
                  <a:pt x="177" y="137"/>
                  <a:pt x="174" y="138"/>
                </a:cubicBezTo>
                <a:cubicBezTo>
                  <a:pt x="136" y="16"/>
                  <a:pt x="136" y="16"/>
                  <a:pt x="136" y="16"/>
                </a:cubicBezTo>
                <a:cubicBezTo>
                  <a:pt x="134" y="10"/>
                  <a:pt x="128" y="6"/>
                  <a:pt x="121" y="7"/>
                </a:cubicBezTo>
                <a:cubicBezTo>
                  <a:pt x="120" y="7"/>
                  <a:pt x="91" y="11"/>
                  <a:pt x="62" y="24"/>
                </a:cubicBezTo>
                <a:cubicBezTo>
                  <a:pt x="21" y="43"/>
                  <a:pt x="0" y="72"/>
                  <a:pt x="0" y="108"/>
                </a:cubicBezTo>
                <a:cubicBezTo>
                  <a:pt x="0" y="134"/>
                  <a:pt x="13" y="169"/>
                  <a:pt x="75" y="190"/>
                </a:cubicBezTo>
                <a:cubicBezTo>
                  <a:pt x="95" y="196"/>
                  <a:pt x="116" y="200"/>
                  <a:pt x="129" y="201"/>
                </a:cubicBezTo>
                <a:cubicBezTo>
                  <a:pt x="129" y="211"/>
                  <a:pt x="132" y="221"/>
                  <a:pt x="135" y="228"/>
                </a:cubicBezTo>
                <a:cubicBezTo>
                  <a:pt x="24" y="257"/>
                  <a:pt x="24" y="257"/>
                  <a:pt x="24" y="257"/>
                </a:cubicBezTo>
                <a:cubicBezTo>
                  <a:pt x="17" y="259"/>
                  <a:pt x="13" y="265"/>
                  <a:pt x="14" y="271"/>
                </a:cubicBezTo>
                <a:cubicBezTo>
                  <a:pt x="14" y="273"/>
                  <a:pt x="18" y="301"/>
                  <a:pt x="31" y="330"/>
                </a:cubicBezTo>
                <a:cubicBezTo>
                  <a:pt x="50" y="371"/>
                  <a:pt x="79" y="393"/>
                  <a:pt x="115" y="393"/>
                </a:cubicBezTo>
                <a:cubicBezTo>
                  <a:pt x="141" y="393"/>
                  <a:pt x="176" y="381"/>
                  <a:pt x="197" y="322"/>
                </a:cubicBezTo>
                <a:cubicBezTo>
                  <a:pt x="208" y="290"/>
                  <a:pt x="210" y="258"/>
                  <a:pt x="210" y="257"/>
                </a:cubicBezTo>
                <a:cubicBezTo>
                  <a:pt x="211" y="250"/>
                  <a:pt x="205" y="243"/>
                  <a:pt x="198" y="243"/>
                </a:cubicBezTo>
                <a:cubicBezTo>
                  <a:pt x="190" y="243"/>
                  <a:pt x="184" y="248"/>
                  <a:pt x="184" y="256"/>
                </a:cubicBezTo>
                <a:cubicBezTo>
                  <a:pt x="184" y="256"/>
                  <a:pt x="184" y="256"/>
                  <a:pt x="184" y="256"/>
                </a:cubicBezTo>
                <a:cubicBezTo>
                  <a:pt x="184" y="257"/>
                  <a:pt x="177" y="366"/>
                  <a:pt x="115" y="366"/>
                </a:cubicBezTo>
                <a:cubicBezTo>
                  <a:pt x="66" y="366"/>
                  <a:pt x="48" y="305"/>
                  <a:pt x="42" y="280"/>
                </a:cubicBezTo>
                <a:cubicBezTo>
                  <a:pt x="158" y="250"/>
                  <a:pt x="158" y="250"/>
                  <a:pt x="158" y="250"/>
                </a:cubicBezTo>
                <a:cubicBezTo>
                  <a:pt x="163" y="248"/>
                  <a:pt x="166" y="245"/>
                  <a:pt x="168" y="241"/>
                </a:cubicBezTo>
                <a:cubicBezTo>
                  <a:pt x="169" y="236"/>
                  <a:pt x="168" y="232"/>
                  <a:pt x="165" y="228"/>
                </a:cubicBezTo>
                <a:cubicBezTo>
                  <a:pt x="165" y="228"/>
                  <a:pt x="152" y="211"/>
                  <a:pt x="157" y="193"/>
                </a:cubicBezTo>
                <a:cubicBezTo>
                  <a:pt x="158" y="189"/>
                  <a:pt x="158" y="184"/>
                  <a:pt x="155" y="181"/>
                </a:cubicBezTo>
                <a:cubicBezTo>
                  <a:pt x="153" y="178"/>
                  <a:pt x="149" y="176"/>
                  <a:pt x="145" y="176"/>
                </a:cubicBezTo>
                <a:cubicBezTo>
                  <a:pt x="144" y="175"/>
                  <a:pt x="26" y="170"/>
                  <a:pt x="26" y="108"/>
                </a:cubicBezTo>
                <a:cubicBezTo>
                  <a:pt x="26" y="58"/>
                  <a:pt x="88" y="41"/>
                  <a:pt x="114" y="35"/>
                </a:cubicBezTo>
                <a:cubicBezTo>
                  <a:pt x="153" y="162"/>
                  <a:pt x="153" y="162"/>
                  <a:pt x="153" y="162"/>
                </a:cubicBezTo>
                <a:cubicBezTo>
                  <a:pt x="154" y="166"/>
                  <a:pt x="157" y="169"/>
                  <a:pt x="162" y="170"/>
                </a:cubicBezTo>
                <a:cubicBezTo>
                  <a:pt x="166" y="172"/>
                  <a:pt x="170" y="171"/>
                  <a:pt x="174" y="168"/>
                </a:cubicBezTo>
                <a:cubicBezTo>
                  <a:pt x="177" y="166"/>
                  <a:pt x="187" y="160"/>
                  <a:pt x="195" y="161"/>
                </a:cubicBezTo>
                <a:cubicBezTo>
                  <a:pt x="199" y="161"/>
                  <a:pt x="203" y="160"/>
                  <a:pt x="205" y="158"/>
                </a:cubicBezTo>
                <a:cubicBezTo>
                  <a:pt x="208" y="156"/>
                  <a:pt x="210" y="152"/>
                  <a:pt x="210" y="148"/>
                </a:cubicBezTo>
                <a:cubicBezTo>
                  <a:pt x="210" y="147"/>
                  <a:pt x="217" y="26"/>
                  <a:pt x="277" y="26"/>
                </a:cubicBezTo>
                <a:cubicBezTo>
                  <a:pt x="327" y="26"/>
                  <a:pt x="345" y="88"/>
                  <a:pt x="350" y="113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224" y="150"/>
                  <a:pt x="221" y="154"/>
                  <a:pt x="220" y="158"/>
                </a:cubicBezTo>
                <a:cubicBezTo>
                  <a:pt x="219" y="163"/>
                  <a:pt x="220" y="168"/>
                  <a:pt x="224" y="171"/>
                </a:cubicBezTo>
                <a:cubicBezTo>
                  <a:pt x="225" y="172"/>
                  <a:pt x="239" y="185"/>
                  <a:pt x="238" y="206"/>
                </a:cubicBezTo>
                <a:cubicBezTo>
                  <a:pt x="237" y="210"/>
                  <a:pt x="239" y="213"/>
                  <a:pt x="241" y="216"/>
                </a:cubicBezTo>
                <a:cubicBezTo>
                  <a:pt x="244" y="219"/>
                  <a:pt x="247" y="220"/>
                  <a:pt x="251" y="220"/>
                </a:cubicBezTo>
                <a:cubicBezTo>
                  <a:pt x="252" y="220"/>
                  <a:pt x="366" y="223"/>
                  <a:pt x="366" y="284"/>
                </a:cubicBezTo>
                <a:cubicBezTo>
                  <a:pt x="366" y="334"/>
                  <a:pt x="305" y="352"/>
                  <a:pt x="279" y="357"/>
                </a:cubicBezTo>
                <a:cubicBezTo>
                  <a:pt x="247" y="238"/>
                  <a:pt x="247" y="238"/>
                  <a:pt x="247" y="238"/>
                </a:cubicBezTo>
                <a:cubicBezTo>
                  <a:pt x="245" y="231"/>
                  <a:pt x="237" y="227"/>
                  <a:pt x="230" y="229"/>
                </a:cubicBezTo>
                <a:cubicBezTo>
                  <a:pt x="223" y="231"/>
                  <a:pt x="219" y="238"/>
                  <a:pt x="221" y="245"/>
                </a:cubicBezTo>
                <a:cubicBezTo>
                  <a:pt x="257" y="376"/>
                  <a:pt x="257" y="376"/>
                  <a:pt x="257" y="376"/>
                </a:cubicBezTo>
                <a:cubicBezTo>
                  <a:pt x="259" y="382"/>
                  <a:pt x="265" y="386"/>
                  <a:pt x="271" y="386"/>
                </a:cubicBezTo>
                <a:cubicBezTo>
                  <a:pt x="273" y="385"/>
                  <a:pt x="301" y="382"/>
                  <a:pt x="330" y="369"/>
                </a:cubicBezTo>
                <a:cubicBezTo>
                  <a:pt x="371" y="350"/>
                  <a:pt x="393" y="321"/>
                  <a:pt x="393" y="284"/>
                </a:cubicBezTo>
                <a:cubicBezTo>
                  <a:pt x="393" y="258"/>
                  <a:pt x="380" y="223"/>
                  <a:pt x="319" y="20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5" name="Freeform 188"/>
          <p:cNvSpPr>
            <a:spLocks noChangeAspect="1" noEditPoints="1"/>
          </p:cNvSpPr>
          <p:nvPr userDrawn="1"/>
        </p:nvSpPr>
        <p:spPr bwMode="auto">
          <a:xfrm>
            <a:off x="10335260" y="3000094"/>
            <a:ext cx="422086" cy="393192"/>
          </a:xfrm>
          <a:custGeom>
            <a:avLst/>
            <a:gdLst/>
            <a:ahLst/>
            <a:cxnLst>
              <a:cxn ang="0">
                <a:pos x="395" y="249"/>
              </a:cxn>
              <a:cxn ang="0">
                <a:pos x="228" y="249"/>
              </a:cxn>
              <a:cxn ang="0">
                <a:pos x="203" y="78"/>
              </a:cxn>
              <a:cxn ang="0">
                <a:pos x="188" y="4"/>
              </a:cxn>
              <a:cxn ang="0">
                <a:pos x="164" y="0"/>
              </a:cxn>
              <a:cxn ang="0">
                <a:pos x="126" y="29"/>
              </a:cxn>
              <a:cxn ang="0">
                <a:pos x="100" y="145"/>
              </a:cxn>
              <a:cxn ang="0">
                <a:pos x="62" y="249"/>
              </a:cxn>
              <a:cxn ang="0">
                <a:pos x="0" y="310"/>
              </a:cxn>
              <a:cxn ang="0">
                <a:pos x="151" y="372"/>
              </a:cxn>
              <a:cxn ang="0">
                <a:pos x="158" y="423"/>
              </a:cxn>
              <a:cxn ang="0">
                <a:pos x="238" y="369"/>
              </a:cxn>
              <a:cxn ang="0">
                <a:pos x="238" y="348"/>
              </a:cxn>
              <a:cxn ang="0">
                <a:pos x="154" y="298"/>
              </a:cxn>
              <a:cxn ang="0">
                <a:pos x="209" y="359"/>
              </a:cxn>
              <a:cxn ang="0">
                <a:pos x="177" y="359"/>
              </a:cxn>
              <a:cxn ang="0">
                <a:pos x="62" y="346"/>
              </a:cxn>
              <a:cxn ang="0">
                <a:pos x="37" y="286"/>
              </a:cxn>
              <a:cxn ang="0">
                <a:pos x="114" y="275"/>
              </a:cxn>
              <a:cxn ang="0">
                <a:pos x="127" y="145"/>
              </a:cxn>
              <a:cxn ang="0">
                <a:pos x="152" y="81"/>
              </a:cxn>
              <a:cxn ang="0">
                <a:pos x="152" y="28"/>
              </a:cxn>
              <a:cxn ang="0">
                <a:pos x="165" y="27"/>
              </a:cxn>
              <a:cxn ang="0">
                <a:pos x="176" y="29"/>
              </a:cxn>
              <a:cxn ang="0">
                <a:pos x="177" y="87"/>
              </a:cxn>
              <a:cxn ang="0">
                <a:pos x="201" y="262"/>
              </a:cxn>
              <a:cxn ang="0">
                <a:pos x="344" y="275"/>
              </a:cxn>
              <a:cxn ang="0">
                <a:pos x="351" y="354"/>
              </a:cxn>
              <a:cxn ang="0">
                <a:pos x="456" y="310"/>
              </a:cxn>
              <a:cxn ang="0">
                <a:pos x="395" y="346"/>
              </a:cxn>
              <a:cxn ang="0">
                <a:pos x="360" y="310"/>
              </a:cxn>
              <a:cxn ang="0">
                <a:pos x="395" y="275"/>
              </a:cxn>
              <a:cxn ang="0">
                <a:pos x="395" y="346"/>
              </a:cxn>
            </a:cxnLst>
            <a:rect l="0" t="0" r="r" b="b"/>
            <a:pathLst>
              <a:path w="456" h="426">
                <a:moveTo>
                  <a:pt x="395" y="249"/>
                </a:moveTo>
                <a:cubicBezTo>
                  <a:pt x="395" y="249"/>
                  <a:pt x="395" y="249"/>
                  <a:pt x="395" y="249"/>
                </a:cubicBezTo>
                <a:cubicBezTo>
                  <a:pt x="395" y="249"/>
                  <a:pt x="395" y="249"/>
                  <a:pt x="395" y="249"/>
                </a:cubicBezTo>
                <a:cubicBezTo>
                  <a:pt x="228" y="249"/>
                  <a:pt x="228" y="249"/>
                  <a:pt x="228" y="249"/>
                </a:cubicBezTo>
                <a:cubicBezTo>
                  <a:pt x="228" y="145"/>
                  <a:pt x="228" y="145"/>
                  <a:pt x="228" y="145"/>
                </a:cubicBezTo>
                <a:cubicBezTo>
                  <a:pt x="228" y="130"/>
                  <a:pt x="211" y="95"/>
                  <a:pt x="203" y="78"/>
                </a:cubicBezTo>
                <a:cubicBezTo>
                  <a:pt x="203" y="29"/>
                  <a:pt x="203" y="29"/>
                  <a:pt x="203" y="29"/>
                </a:cubicBezTo>
                <a:cubicBezTo>
                  <a:pt x="203" y="18"/>
                  <a:pt x="197" y="9"/>
                  <a:pt x="188" y="4"/>
                </a:cubicBezTo>
                <a:cubicBezTo>
                  <a:pt x="181" y="0"/>
                  <a:pt x="172" y="0"/>
                  <a:pt x="165" y="0"/>
                </a:cubicBezTo>
                <a:cubicBezTo>
                  <a:pt x="164" y="0"/>
                  <a:pt x="164" y="0"/>
                  <a:pt x="164" y="0"/>
                </a:cubicBezTo>
                <a:cubicBezTo>
                  <a:pt x="157" y="0"/>
                  <a:pt x="148" y="0"/>
                  <a:pt x="140" y="4"/>
                </a:cubicBezTo>
                <a:cubicBezTo>
                  <a:pt x="131" y="9"/>
                  <a:pt x="126" y="18"/>
                  <a:pt x="126" y="29"/>
                </a:cubicBezTo>
                <a:cubicBezTo>
                  <a:pt x="126" y="78"/>
                  <a:pt x="126" y="78"/>
                  <a:pt x="126" y="78"/>
                </a:cubicBezTo>
                <a:cubicBezTo>
                  <a:pt x="117" y="95"/>
                  <a:pt x="100" y="130"/>
                  <a:pt x="100" y="145"/>
                </a:cubicBezTo>
                <a:cubicBezTo>
                  <a:pt x="100" y="249"/>
                  <a:pt x="100" y="249"/>
                  <a:pt x="100" y="249"/>
                </a:cubicBezTo>
                <a:cubicBezTo>
                  <a:pt x="62" y="249"/>
                  <a:pt x="62" y="249"/>
                  <a:pt x="62" y="249"/>
                </a:cubicBezTo>
                <a:cubicBezTo>
                  <a:pt x="46" y="249"/>
                  <a:pt x="30" y="255"/>
                  <a:pt x="18" y="267"/>
                </a:cubicBezTo>
                <a:cubicBezTo>
                  <a:pt x="7" y="278"/>
                  <a:pt x="0" y="294"/>
                  <a:pt x="0" y="310"/>
                </a:cubicBezTo>
                <a:cubicBezTo>
                  <a:pt x="0" y="344"/>
                  <a:pt x="28" y="372"/>
                  <a:pt x="62" y="372"/>
                </a:cubicBezTo>
                <a:cubicBezTo>
                  <a:pt x="151" y="372"/>
                  <a:pt x="151" y="372"/>
                  <a:pt x="151" y="372"/>
                </a:cubicBezTo>
                <a:cubicBezTo>
                  <a:pt x="151" y="411"/>
                  <a:pt x="151" y="411"/>
                  <a:pt x="151" y="411"/>
                </a:cubicBezTo>
                <a:cubicBezTo>
                  <a:pt x="151" y="417"/>
                  <a:pt x="154" y="421"/>
                  <a:pt x="158" y="423"/>
                </a:cubicBezTo>
                <a:cubicBezTo>
                  <a:pt x="163" y="426"/>
                  <a:pt x="168" y="425"/>
                  <a:pt x="172" y="422"/>
                </a:cubicBezTo>
                <a:cubicBezTo>
                  <a:pt x="238" y="369"/>
                  <a:pt x="238" y="369"/>
                  <a:pt x="238" y="369"/>
                </a:cubicBezTo>
                <a:cubicBezTo>
                  <a:pt x="242" y="367"/>
                  <a:pt x="243" y="363"/>
                  <a:pt x="243" y="359"/>
                </a:cubicBezTo>
                <a:cubicBezTo>
                  <a:pt x="243" y="355"/>
                  <a:pt x="242" y="351"/>
                  <a:pt x="238" y="348"/>
                </a:cubicBezTo>
                <a:cubicBezTo>
                  <a:pt x="172" y="296"/>
                  <a:pt x="172" y="296"/>
                  <a:pt x="172" y="296"/>
                </a:cubicBezTo>
                <a:cubicBezTo>
                  <a:pt x="167" y="291"/>
                  <a:pt x="158" y="292"/>
                  <a:pt x="154" y="298"/>
                </a:cubicBezTo>
                <a:cubicBezTo>
                  <a:pt x="149" y="303"/>
                  <a:pt x="150" y="312"/>
                  <a:pt x="156" y="316"/>
                </a:cubicBezTo>
                <a:cubicBezTo>
                  <a:pt x="209" y="359"/>
                  <a:pt x="209" y="359"/>
                  <a:pt x="209" y="359"/>
                </a:cubicBezTo>
                <a:cubicBezTo>
                  <a:pt x="177" y="384"/>
                  <a:pt x="177" y="384"/>
                  <a:pt x="177" y="384"/>
                </a:cubicBezTo>
                <a:cubicBezTo>
                  <a:pt x="177" y="359"/>
                  <a:pt x="177" y="359"/>
                  <a:pt x="177" y="359"/>
                </a:cubicBezTo>
                <a:cubicBezTo>
                  <a:pt x="177" y="351"/>
                  <a:pt x="172" y="346"/>
                  <a:pt x="164" y="346"/>
                </a:cubicBezTo>
                <a:cubicBezTo>
                  <a:pt x="62" y="346"/>
                  <a:pt x="62" y="346"/>
                  <a:pt x="62" y="346"/>
                </a:cubicBezTo>
                <a:cubicBezTo>
                  <a:pt x="43" y="346"/>
                  <a:pt x="27" y="330"/>
                  <a:pt x="27" y="310"/>
                </a:cubicBezTo>
                <a:cubicBezTo>
                  <a:pt x="27" y="301"/>
                  <a:pt x="31" y="292"/>
                  <a:pt x="37" y="286"/>
                </a:cubicBezTo>
                <a:cubicBezTo>
                  <a:pt x="44" y="279"/>
                  <a:pt x="53" y="275"/>
                  <a:pt x="62" y="275"/>
                </a:cubicBezTo>
                <a:cubicBezTo>
                  <a:pt x="62" y="275"/>
                  <a:pt x="114" y="275"/>
                  <a:pt x="114" y="275"/>
                </a:cubicBezTo>
                <a:cubicBezTo>
                  <a:pt x="121" y="275"/>
                  <a:pt x="127" y="269"/>
                  <a:pt x="127" y="262"/>
                </a:cubicBezTo>
                <a:cubicBezTo>
                  <a:pt x="127" y="145"/>
                  <a:pt x="127" y="145"/>
                  <a:pt x="127" y="145"/>
                </a:cubicBezTo>
                <a:cubicBezTo>
                  <a:pt x="127" y="138"/>
                  <a:pt x="140" y="109"/>
                  <a:pt x="151" y="87"/>
                </a:cubicBezTo>
                <a:cubicBezTo>
                  <a:pt x="152" y="85"/>
                  <a:pt x="152" y="83"/>
                  <a:pt x="152" y="81"/>
                </a:cubicBezTo>
                <a:cubicBezTo>
                  <a:pt x="152" y="29"/>
                  <a:pt x="152" y="29"/>
                  <a:pt x="152" y="29"/>
                </a:cubicBezTo>
                <a:cubicBezTo>
                  <a:pt x="152" y="29"/>
                  <a:pt x="152" y="28"/>
                  <a:pt x="152" y="28"/>
                </a:cubicBezTo>
                <a:cubicBezTo>
                  <a:pt x="153" y="28"/>
                  <a:pt x="156" y="27"/>
                  <a:pt x="164" y="27"/>
                </a:cubicBezTo>
                <a:cubicBezTo>
                  <a:pt x="165" y="27"/>
                  <a:pt x="165" y="27"/>
                  <a:pt x="165" y="27"/>
                </a:cubicBezTo>
                <a:cubicBezTo>
                  <a:pt x="172" y="27"/>
                  <a:pt x="175" y="28"/>
                  <a:pt x="176" y="28"/>
                </a:cubicBezTo>
                <a:cubicBezTo>
                  <a:pt x="176" y="28"/>
                  <a:pt x="176" y="29"/>
                  <a:pt x="176" y="29"/>
                </a:cubicBezTo>
                <a:cubicBezTo>
                  <a:pt x="176" y="81"/>
                  <a:pt x="176" y="81"/>
                  <a:pt x="176" y="81"/>
                </a:cubicBezTo>
                <a:cubicBezTo>
                  <a:pt x="176" y="83"/>
                  <a:pt x="176" y="85"/>
                  <a:pt x="177" y="87"/>
                </a:cubicBezTo>
                <a:cubicBezTo>
                  <a:pt x="189" y="109"/>
                  <a:pt x="201" y="138"/>
                  <a:pt x="201" y="145"/>
                </a:cubicBezTo>
                <a:cubicBezTo>
                  <a:pt x="201" y="262"/>
                  <a:pt x="201" y="262"/>
                  <a:pt x="201" y="262"/>
                </a:cubicBezTo>
                <a:cubicBezTo>
                  <a:pt x="201" y="269"/>
                  <a:pt x="207" y="275"/>
                  <a:pt x="214" y="275"/>
                </a:cubicBezTo>
                <a:cubicBezTo>
                  <a:pt x="344" y="275"/>
                  <a:pt x="344" y="275"/>
                  <a:pt x="344" y="275"/>
                </a:cubicBezTo>
                <a:cubicBezTo>
                  <a:pt x="337" y="286"/>
                  <a:pt x="333" y="298"/>
                  <a:pt x="333" y="310"/>
                </a:cubicBezTo>
                <a:cubicBezTo>
                  <a:pt x="333" y="327"/>
                  <a:pt x="339" y="342"/>
                  <a:pt x="351" y="354"/>
                </a:cubicBezTo>
                <a:cubicBezTo>
                  <a:pt x="363" y="366"/>
                  <a:pt x="378" y="372"/>
                  <a:pt x="395" y="372"/>
                </a:cubicBezTo>
                <a:cubicBezTo>
                  <a:pt x="429" y="372"/>
                  <a:pt x="456" y="344"/>
                  <a:pt x="456" y="310"/>
                </a:cubicBezTo>
                <a:cubicBezTo>
                  <a:pt x="456" y="276"/>
                  <a:pt x="429" y="249"/>
                  <a:pt x="395" y="249"/>
                </a:cubicBezTo>
                <a:close/>
                <a:moveTo>
                  <a:pt x="395" y="346"/>
                </a:moveTo>
                <a:cubicBezTo>
                  <a:pt x="385" y="346"/>
                  <a:pt x="376" y="342"/>
                  <a:pt x="370" y="335"/>
                </a:cubicBezTo>
                <a:cubicBezTo>
                  <a:pt x="363" y="329"/>
                  <a:pt x="360" y="320"/>
                  <a:pt x="360" y="310"/>
                </a:cubicBezTo>
                <a:cubicBezTo>
                  <a:pt x="360" y="301"/>
                  <a:pt x="363" y="292"/>
                  <a:pt x="370" y="286"/>
                </a:cubicBezTo>
                <a:cubicBezTo>
                  <a:pt x="376" y="279"/>
                  <a:pt x="385" y="275"/>
                  <a:pt x="395" y="275"/>
                </a:cubicBezTo>
                <a:cubicBezTo>
                  <a:pt x="414" y="275"/>
                  <a:pt x="430" y="291"/>
                  <a:pt x="430" y="310"/>
                </a:cubicBezTo>
                <a:cubicBezTo>
                  <a:pt x="430" y="330"/>
                  <a:pt x="414" y="346"/>
                  <a:pt x="395" y="34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6" name="Freeform 192"/>
          <p:cNvSpPr>
            <a:spLocks noChangeAspect="1" noEditPoints="1"/>
          </p:cNvSpPr>
          <p:nvPr userDrawn="1"/>
        </p:nvSpPr>
        <p:spPr bwMode="auto">
          <a:xfrm>
            <a:off x="8472423" y="2195360"/>
            <a:ext cx="394362" cy="393192"/>
          </a:xfrm>
          <a:custGeom>
            <a:avLst/>
            <a:gdLst/>
            <a:ahLst/>
            <a:cxnLst>
              <a:cxn ang="0">
                <a:pos x="113" y="371"/>
              </a:cxn>
              <a:cxn ang="0">
                <a:pos x="33" y="399"/>
              </a:cxn>
              <a:cxn ang="0">
                <a:pos x="0" y="326"/>
              </a:cxn>
              <a:cxn ang="0">
                <a:pos x="54" y="183"/>
              </a:cxn>
              <a:cxn ang="0">
                <a:pos x="120" y="174"/>
              </a:cxn>
              <a:cxn ang="0">
                <a:pos x="128" y="247"/>
              </a:cxn>
              <a:cxn ang="0">
                <a:pos x="158" y="223"/>
              </a:cxn>
              <a:cxn ang="0">
                <a:pos x="129" y="210"/>
              </a:cxn>
              <a:cxn ang="0">
                <a:pos x="153" y="155"/>
              </a:cxn>
              <a:cxn ang="0">
                <a:pos x="316" y="221"/>
              </a:cxn>
              <a:cxn ang="0">
                <a:pos x="340" y="242"/>
              </a:cxn>
              <a:cxn ang="0">
                <a:pos x="398" y="288"/>
              </a:cxn>
              <a:cxn ang="0">
                <a:pos x="402" y="371"/>
              </a:cxn>
              <a:cxn ang="0">
                <a:pos x="308" y="406"/>
              </a:cxn>
              <a:cxn ang="0">
                <a:pos x="262" y="332"/>
              </a:cxn>
              <a:cxn ang="0">
                <a:pos x="324" y="376"/>
              </a:cxn>
              <a:cxn ang="0">
                <a:pos x="376" y="356"/>
              </a:cxn>
              <a:cxn ang="0">
                <a:pos x="373" y="296"/>
              </a:cxn>
              <a:cxn ang="0">
                <a:pos x="330" y="267"/>
              </a:cxn>
              <a:cxn ang="0">
                <a:pos x="279" y="224"/>
              </a:cxn>
              <a:cxn ang="0">
                <a:pos x="158" y="196"/>
              </a:cxn>
              <a:cxn ang="0">
                <a:pos x="290" y="266"/>
              </a:cxn>
              <a:cxn ang="0">
                <a:pos x="128" y="274"/>
              </a:cxn>
              <a:cxn ang="0">
                <a:pos x="93" y="191"/>
              </a:cxn>
              <a:cxn ang="0">
                <a:pos x="28" y="317"/>
              </a:cxn>
              <a:cxn ang="0">
                <a:pos x="27" y="318"/>
              </a:cxn>
              <a:cxn ang="0">
                <a:pos x="29" y="347"/>
              </a:cxn>
              <a:cxn ang="0">
                <a:pos x="62" y="379"/>
              </a:cxn>
              <a:cxn ang="0">
                <a:pos x="103" y="345"/>
              </a:cxn>
              <a:cxn ang="0">
                <a:pos x="230" y="354"/>
              </a:cxn>
              <a:cxn ang="0">
                <a:pos x="242" y="379"/>
              </a:cxn>
              <a:cxn ang="0">
                <a:pos x="379" y="423"/>
              </a:cxn>
              <a:cxn ang="0">
                <a:pos x="410" y="259"/>
              </a:cxn>
              <a:cxn ang="0">
                <a:pos x="355" y="168"/>
              </a:cxn>
              <a:cxn ang="0">
                <a:pos x="358" y="167"/>
              </a:cxn>
              <a:cxn ang="0">
                <a:pos x="391" y="148"/>
              </a:cxn>
              <a:cxn ang="0">
                <a:pos x="396" y="95"/>
              </a:cxn>
              <a:cxn ang="0">
                <a:pos x="391" y="95"/>
              </a:cxn>
              <a:cxn ang="0">
                <a:pos x="377" y="32"/>
              </a:cxn>
              <a:cxn ang="0">
                <a:pos x="369" y="28"/>
              </a:cxn>
              <a:cxn ang="0">
                <a:pos x="364" y="90"/>
              </a:cxn>
              <a:cxn ang="0">
                <a:pos x="312" y="90"/>
              </a:cxn>
              <a:cxn ang="0">
                <a:pos x="306" y="28"/>
              </a:cxn>
              <a:cxn ang="0">
                <a:pos x="299" y="32"/>
              </a:cxn>
              <a:cxn ang="0">
                <a:pos x="284" y="95"/>
              </a:cxn>
              <a:cxn ang="0">
                <a:pos x="280" y="106"/>
              </a:cxn>
              <a:cxn ang="0">
                <a:pos x="282" y="145"/>
              </a:cxn>
              <a:cxn ang="0">
                <a:pos x="318" y="167"/>
              </a:cxn>
              <a:cxn ang="0">
                <a:pos x="269" y="172"/>
              </a:cxn>
              <a:cxn ang="0">
                <a:pos x="255" y="145"/>
              </a:cxn>
              <a:cxn ang="0">
                <a:pos x="253" y="94"/>
              </a:cxn>
              <a:cxn ang="0">
                <a:pos x="272" y="70"/>
              </a:cxn>
              <a:cxn ang="0">
                <a:pos x="304" y="0"/>
              </a:cxn>
              <a:cxn ang="0">
                <a:pos x="334" y="68"/>
              </a:cxn>
              <a:cxn ang="0">
                <a:pos x="351" y="9"/>
              </a:cxn>
              <a:cxn ang="0">
                <a:pos x="403" y="32"/>
              </a:cxn>
              <a:cxn ang="0">
                <a:pos x="422" y="95"/>
              </a:cxn>
              <a:cxn ang="0">
                <a:pos x="415" y="160"/>
              </a:cxn>
              <a:cxn ang="0">
                <a:pos x="384" y="185"/>
              </a:cxn>
              <a:cxn ang="0">
                <a:pos x="444" y="395"/>
              </a:cxn>
              <a:cxn ang="0">
                <a:pos x="331" y="459"/>
              </a:cxn>
              <a:cxn ang="0">
                <a:pos x="294" y="122"/>
              </a:cxn>
            </a:cxnLst>
            <a:rect l="0" t="0" r="r" b="b"/>
            <a:pathLst>
              <a:path w="460" h="459">
                <a:moveTo>
                  <a:pt x="271" y="444"/>
                </a:moveTo>
                <a:cubicBezTo>
                  <a:pt x="254" y="434"/>
                  <a:pt x="242" y="422"/>
                  <a:pt x="232" y="410"/>
                </a:cubicBezTo>
                <a:cubicBezTo>
                  <a:pt x="232" y="410"/>
                  <a:pt x="232" y="410"/>
                  <a:pt x="232" y="410"/>
                </a:cubicBezTo>
                <a:cubicBezTo>
                  <a:pt x="220" y="395"/>
                  <a:pt x="212" y="380"/>
                  <a:pt x="208" y="371"/>
                </a:cubicBezTo>
                <a:cubicBezTo>
                  <a:pt x="208" y="371"/>
                  <a:pt x="208" y="371"/>
                  <a:pt x="208" y="371"/>
                </a:cubicBezTo>
                <a:cubicBezTo>
                  <a:pt x="113" y="371"/>
                  <a:pt x="113" y="371"/>
                  <a:pt x="113" y="371"/>
                </a:cubicBezTo>
                <a:cubicBezTo>
                  <a:pt x="109" y="381"/>
                  <a:pt x="103" y="389"/>
                  <a:pt x="95" y="395"/>
                </a:cubicBezTo>
                <a:cubicBezTo>
                  <a:pt x="95" y="395"/>
                  <a:pt x="95" y="395"/>
                  <a:pt x="95" y="395"/>
                </a:cubicBezTo>
                <a:cubicBezTo>
                  <a:pt x="85" y="403"/>
                  <a:pt x="73" y="406"/>
                  <a:pt x="62" y="406"/>
                </a:cubicBezTo>
                <a:cubicBezTo>
                  <a:pt x="62" y="406"/>
                  <a:pt x="62" y="406"/>
                  <a:pt x="62" y="406"/>
                </a:cubicBezTo>
                <a:cubicBezTo>
                  <a:pt x="52" y="406"/>
                  <a:pt x="42" y="404"/>
                  <a:pt x="33" y="399"/>
                </a:cubicBezTo>
                <a:cubicBezTo>
                  <a:pt x="33" y="399"/>
                  <a:pt x="33" y="399"/>
                  <a:pt x="33" y="399"/>
                </a:cubicBezTo>
                <a:cubicBezTo>
                  <a:pt x="25" y="395"/>
                  <a:pt x="19" y="389"/>
                  <a:pt x="15" y="382"/>
                </a:cubicBezTo>
                <a:cubicBezTo>
                  <a:pt x="15" y="382"/>
                  <a:pt x="15" y="382"/>
                  <a:pt x="15" y="382"/>
                </a:cubicBezTo>
                <a:cubicBezTo>
                  <a:pt x="11" y="376"/>
                  <a:pt x="8" y="369"/>
                  <a:pt x="5" y="362"/>
                </a:cubicBezTo>
                <a:cubicBezTo>
                  <a:pt x="5" y="362"/>
                  <a:pt x="5" y="362"/>
                  <a:pt x="5" y="362"/>
                </a:cubicBezTo>
                <a:cubicBezTo>
                  <a:pt x="1" y="349"/>
                  <a:pt x="1" y="335"/>
                  <a:pt x="0" y="326"/>
                </a:cubicBezTo>
                <a:cubicBezTo>
                  <a:pt x="0" y="326"/>
                  <a:pt x="0" y="326"/>
                  <a:pt x="0" y="326"/>
                </a:cubicBezTo>
                <a:cubicBezTo>
                  <a:pt x="0" y="321"/>
                  <a:pt x="1" y="317"/>
                  <a:pt x="1" y="315"/>
                </a:cubicBezTo>
                <a:cubicBezTo>
                  <a:pt x="1" y="315"/>
                  <a:pt x="1" y="315"/>
                  <a:pt x="1" y="315"/>
                </a:cubicBezTo>
                <a:cubicBezTo>
                  <a:pt x="3" y="280"/>
                  <a:pt x="9" y="252"/>
                  <a:pt x="19" y="230"/>
                </a:cubicBezTo>
                <a:cubicBezTo>
                  <a:pt x="19" y="230"/>
                  <a:pt x="19" y="230"/>
                  <a:pt x="19" y="230"/>
                </a:cubicBezTo>
                <a:cubicBezTo>
                  <a:pt x="29" y="209"/>
                  <a:pt x="41" y="193"/>
                  <a:pt x="54" y="183"/>
                </a:cubicBezTo>
                <a:cubicBezTo>
                  <a:pt x="54" y="183"/>
                  <a:pt x="54" y="183"/>
                  <a:pt x="54" y="183"/>
                </a:cubicBezTo>
                <a:cubicBezTo>
                  <a:pt x="79" y="162"/>
                  <a:pt x="104" y="161"/>
                  <a:pt x="106" y="160"/>
                </a:cubicBezTo>
                <a:cubicBezTo>
                  <a:pt x="106" y="160"/>
                  <a:pt x="106" y="160"/>
                  <a:pt x="106" y="160"/>
                </a:cubicBezTo>
                <a:cubicBezTo>
                  <a:pt x="109" y="160"/>
                  <a:pt x="113" y="162"/>
                  <a:pt x="115" y="164"/>
                </a:cubicBezTo>
                <a:cubicBezTo>
                  <a:pt x="115" y="164"/>
                  <a:pt x="115" y="164"/>
                  <a:pt x="115" y="164"/>
                </a:cubicBezTo>
                <a:cubicBezTo>
                  <a:pt x="118" y="167"/>
                  <a:pt x="120" y="170"/>
                  <a:pt x="120" y="174"/>
                </a:cubicBezTo>
                <a:cubicBezTo>
                  <a:pt x="120" y="174"/>
                  <a:pt x="120" y="174"/>
                  <a:pt x="120" y="174"/>
                </a:cubicBezTo>
                <a:cubicBezTo>
                  <a:pt x="120" y="182"/>
                  <a:pt x="119" y="233"/>
                  <a:pt x="119" y="239"/>
                </a:cubicBezTo>
                <a:cubicBezTo>
                  <a:pt x="119" y="239"/>
                  <a:pt x="119" y="239"/>
                  <a:pt x="119" y="239"/>
                </a:cubicBezTo>
                <a:cubicBezTo>
                  <a:pt x="119" y="240"/>
                  <a:pt x="120" y="243"/>
                  <a:pt x="122" y="245"/>
                </a:cubicBezTo>
                <a:cubicBezTo>
                  <a:pt x="122" y="245"/>
                  <a:pt x="122" y="245"/>
                  <a:pt x="122" y="245"/>
                </a:cubicBezTo>
                <a:cubicBezTo>
                  <a:pt x="124" y="246"/>
                  <a:pt x="126" y="247"/>
                  <a:pt x="128" y="247"/>
                </a:cubicBezTo>
                <a:cubicBezTo>
                  <a:pt x="128" y="247"/>
                  <a:pt x="128" y="247"/>
                  <a:pt x="128" y="247"/>
                </a:cubicBezTo>
                <a:cubicBezTo>
                  <a:pt x="136" y="247"/>
                  <a:pt x="199" y="248"/>
                  <a:pt x="240" y="248"/>
                </a:cubicBezTo>
                <a:cubicBezTo>
                  <a:pt x="240" y="248"/>
                  <a:pt x="240" y="248"/>
                  <a:pt x="240" y="248"/>
                </a:cubicBezTo>
                <a:cubicBezTo>
                  <a:pt x="228" y="240"/>
                  <a:pt x="217" y="235"/>
                  <a:pt x="206" y="231"/>
                </a:cubicBezTo>
                <a:cubicBezTo>
                  <a:pt x="206" y="231"/>
                  <a:pt x="206" y="231"/>
                  <a:pt x="206" y="231"/>
                </a:cubicBezTo>
                <a:cubicBezTo>
                  <a:pt x="186" y="224"/>
                  <a:pt x="169" y="223"/>
                  <a:pt x="158" y="223"/>
                </a:cubicBezTo>
                <a:cubicBezTo>
                  <a:pt x="158" y="223"/>
                  <a:pt x="158" y="223"/>
                  <a:pt x="158" y="223"/>
                </a:cubicBezTo>
                <a:cubicBezTo>
                  <a:pt x="150" y="223"/>
                  <a:pt x="146" y="223"/>
                  <a:pt x="145" y="224"/>
                </a:cubicBezTo>
                <a:cubicBezTo>
                  <a:pt x="145" y="224"/>
                  <a:pt x="145" y="224"/>
                  <a:pt x="145" y="224"/>
                </a:cubicBezTo>
                <a:cubicBezTo>
                  <a:pt x="145" y="224"/>
                  <a:pt x="145" y="224"/>
                  <a:pt x="145" y="224"/>
                </a:cubicBezTo>
                <a:cubicBezTo>
                  <a:pt x="141" y="224"/>
                  <a:pt x="137" y="223"/>
                  <a:pt x="134" y="221"/>
                </a:cubicBezTo>
                <a:cubicBezTo>
                  <a:pt x="134" y="221"/>
                  <a:pt x="134" y="221"/>
                  <a:pt x="134" y="221"/>
                </a:cubicBezTo>
                <a:cubicBezTo>
                  <a:pt x="131" y="218"/>
                  <a:pt x="129" y="214"/>
                  <a:pt x="129" y="210"/>
                </a:cubicBezTo>
                <a:cubicBezTo>
                  <a:pt x="129" y="210"/>
                  <a:pt x="129" y="210"/>
                  <a:pt x="129" y="210"/>
                </a:cubicBezTo>
                <a:cubicBezTo>
                  <a:pt x="129" y="169"/>
                  <a:pt x="129" y="169"/>
                  <a:pt x="129" y="169"/>
                </a:cubicBezTo>
                <a:cubicBezTo>
                  <a:pt x="129" y="162"/>
                  <a:pt x="135" y="156"/>
                  <a:pt x="142" y="155"/>
                </a:cubicBezTo>
                <a:cubicBezTo>
                  <a:pt x="142" y="155"/>
                  <a:pt x="142" y="155"/>
                  <a:pt x="142" y="155"/>
                </a:cubicBezTo>
                <a:cubicBezTo>
                  <a:pt x="146" y="155"/>
                  <a:pt x="150" y="155"/>
                  <a:pt x="153" y="155"/>
                </a:cubicBezTo>
                <a:cubicBezTo>
                  <a:pt x="153" y="155"/>
                  <a:pt x="153" y="155"/>
                  <a:pt x="153" y="155"/>
                </a:cubicBezTo>
                <a:cubicBezTo>
                  <a:pt x="183" y="155"/>
                  <a:pt x="212" y="162"/>
                  <a:pt x="236" y="171"/>
                </a:cubicBezTo>
                <a:cubicBezTo>
                  <a:pt x="236" y="171"/>
                  <a:pt x="236" y="171"/>
                  <a:pt x="236" y="171"/>
                </a:cubicBezTo>
                <a:cubicBezTo>
                  <a:pt x="261" y="180"/>
                  <a:pt x="282" y="192"/>
                  <a:pt x="296" y="203"/>
                </a:cubicBezTo>
                <a:cubicBezTo>
                  <a:pt x="296" y="203"/>
                  <a:pt x="296" y="203"/>
                  <a:pt x="296" y="203"/>
                </a:cubicBezTo>
                <a:cubicBezTo>
                  <a:pt x="302" y="208"/>
                  <a:pt x="309" y="214"/>
                  <a:pt x="316" y="221"/>
                </a:cubicBezTo>
                <a:cubicBezTo>
                  <a:pt x="316" y="221"/>
                  <a:pt x="316" y="221"/>
                  <a:pt x="316" y="221"/>
                </a:cubicBezTo>
                <a:cubicBezTo>
                  <a:pt x="322" y="227"/>
                  <a:pt x="329" y="233"/>
                  <a:pt x="334" y="237"/>
                </a:cubicBezTo>
                <a:cubicBezTo>
                  <a:pt x="334" y="237"/>
                  <a:pt x="334" y="237"/>
                  <a:pt x="334" y="237"/>
                </a:cubicBezTo>
                <a:cubicBezTo>
                  <a:pt x="337" y="240"/>
                  <a:pt x="340" y="242"/>
                  <a:pt x="340" y="242"/>
                </a:cubicBezTo>
                <a:cubicBezTo>
                  <a:pt x="340" y="242"/>
                  <a:pt x="340" y="242"/>
                  <a:pt x="340" y="242"/>
                </a:cubicBezTo>
                <a:cubicBezTo>
                  <a:pt x="340" y="242"/>
                  <a:pt x="340" y="242"/>
                  <a:pt x="340" y="242"/>
                </a:cubicBezTo>
                <a:cubicBezTo>
                  <a:pt x="340" y="242"/>
                  <a:pt x="340" y="242"/>
                  <a:pt x="340" y="242"/>
                </a:cubicBezTo>
                <a:cubicBezTo>
                  <a:pt x="343" y="243"/>
                  <a:pt x="351" y="246"/>
                  <a:pt x="359" y="249"/>
                </a:cubicBezTo>
                <a:cubicBezTo>
                  <a:pt x="359" y="249"/>
                  <a:pt x="359" y="249"/>
                  <a:pt x="359" y="249"/>
                </a:cubicBezTo>
                <a:cubicBezTo>
                  <a:pt x="367" y="253"/>
                  <a:pt x="377" y="259"/>
                  <a:pt x="385" y="267"/>
                </a:cubicBezTo>
                <a:cubicBezTo>
                  <a:pt x="385" y="267"/>
                  <a:pt x="385" y="267"/>
                  <a:pt x="385" y="267"/>
                </a:cubicBezTo>
                <a:cubicBezTo>
                  <a:pt x="390" y="272"/>
                  <a:pt x="395" y="279"/>
                  <a:pt x="398" y="288"/>
                </a:cubicBezTo>
                <a:cubicBezTo>
                  <a:pt x="398" y="288"/>
                  <a:pt x="398" y="288"/>
                  <a:pt x="398" y="288"/>
                </a:cubicBezTo>
                <a:cubicBezTo>
                  <a:pt x="400" y="295"/>
                  <a:pt x="402" y="303"/>
                  <a:pt x="402" y="311"/>
                </a:cubicBezTo>
                <a:cubicBezTo>
                  <a:pt x="402" y="311"/>
                  <a:pt x="402" y="311"/>
                  <a:pt x="402" y="311"/>
                </a:cubicBezTo>
                <a:cubicBezTo>
                  <a:pt x="403" y="319"/>
                  <a:pt x="404" y="327"/>
                  <a:pt x="404" y="335"/>
                </a:cubicBezTo>
                <a:cubicBezTo>
                  <a:pt x="404" y="335"/>
                  <a:pt x="404" y="335"/>
                  <a:pt x="404" y="335"/>
                </a:cubicBezTo>
                <a:cubicBezTo>
                  <a:pt x="404" y="354"/>
                  <a:pt x="402" y="371"/>
                  <a:pt x="402" y="371"/>
                </a:cubicBezTo>
                <a:cubicBezTo>
                  <a:pt x="402" y="371"/>
                  <a:pt x="402" y="371"/>
                  <a:pt x="402" y="371"/>
                </a:cubicBezTo>
                <a:cubicBezTo>
                  <a:pt x="401" y="378"/>
                  <a:pt x="395" y="383"/>
                  <a:pt x="389" y="383"/>
                </a:cubicBezTo>
                <a:cubicBezTo>
                  <a:pt x="389" y="383"/>
                  <a:pt x="389" y="383"/>
                  <a:pt x="389" y="383"/>
                </a:cubicBezTo>
                <a:cubicBezTo>
                  <a:pt x="355" y="383"/>
                  <a:pt x="355" y="383"/>
                  <a:pt x="355" y="383"/>
                </a:cubicBezTo>
                <a:cubicBezTo>
                  <a:pt x="349" y="391"/>
                  <a:pt x="342" y="396"/>
                  <a:pt x="335" y="400"/>
                </a:cubicBezTo>
                <a:cubicBezTo>
                  <a:pt x="335" y="400"/>
                  <a:pt x="335" y="400"/>
                  <a:pt x="335" y="400"/>
                </a:cubicBezTo>
                <a:cubicBezTo>
                  <a:pt x="326" y="404"/>
                  <a:pt x="316" y="406"/>
                  <a:pt x="308" y="406"/>
                </a:cubicBezTo>
                <a:cubicBezTo>
                  <a:pt x="308" y="406"/>
                  <a:pt x="308" y="406"/>
                  <a:pt x="308" y="406"/>
                </a:cubicBezTo>
                <a:cubicBezTo>
                  <a:pt x="292" y="406"/>
                  <a:pt x="278" y="398"/>
                  <a:pt x="268" y="388"/>
                </a:cubicBezTo>
                <a:cubicBezTo>
                  <a:pt x="268" y="388"/>
                  <a:pt x="268" y="388"/>
                  <a:pt x="268" y="388"/>
                </a:cubicBezTo>
                <a:cubicBezTo>
                  <a:pt x="258" y="378"/>
                  <a:pt x="252" y="364"/>
                  <a:pt x="252" y="349"/>
                </a:cubicBezTo>
                <a:cubicBezTo>
                  <a:pt x="252" y="349"/>
                  <a:pt x="252" y="349"/>
                  <a:pt x="252" y="349"/>
                </a:cubicBezTo>
                <a:cubicBezTo>
                  <a:pt x="251" y="338"/>
                  <a:pt x="256" y="332"/>
                  <a:pt x="262" y="332"/>
                </a:cubicBezTo>
                <a:cubicBezTo>
                  <a:pt x="274" y="331"/>
                  <a:pt x="277" y="339"/>
                  <a:pt x="280" y="356"/>
                </a:cubicBezTo>
                <a:cubicBezTo>
                  <a:pt x="281" y="362"/>
                  <a:pt x="283" y="366"/>
                  <a:pt x="287" y="370"/>
                </a:cubicBezTo>
                <a:cubicBezTo>
                  <a:pt x="287" y="370"/>
                  <a:pt x="287" y="370"/>
                  <a:pt x="287" y="370"/>
                </a:cubicBezTo>
                <a:cubicBezTo>
                  <a:pt x="293" y="376"/>
                  <a:pt x="300" y="379"/>
                  <a:pt x="308" y="379"/>
                </a:cubicBezTo>
                <a:cubicBezTo>
                  <a:pt x="308" y="379"/>
                  <a:pt x="308" y="379"/>
                  <a:pt x="308" y="379"/>
                </a:cubicBezTo>
                <a:cubicBezTo>
                  <a:pt x="313" y="379"/>
                  <a:pt x="319" y="378"/>
                  <a:pt x="324" y="376"/>
                </a:cubicBezTo>
                <a:cubicBezTo>
                  <a:pt x="324" y="376"/>
                  <a:pt x="324" y="376"/>
                  <a:pt x="324" y="376"/>
                </a:cubicBezTo>
                <a:cubicBezTo>
                  <a:pt x="328" y="373"/>
                  <a:pt x="332" y="370"/>
                  <a:pt x="336" y="364"/>
                </a:cubicBezTo>
                <a:cubicBezTo>
                  <a:pt x="336" y="364"/>
                  <a:pt x="336" y="364"/>
                  <a:pt x="336" y="364"/>
                </a:cubicBezTo>
                <a:cubicBezTo>
                  <a:pt x="338" y="359"/>
                  <a:pt x="342" y="357"/>
                  <a:pt x="347" y="357"/>
                </a:cubicBezTo>
                <a:cubicBezTo>
                  <a:pt x="347" y="357"/>
                  <a:pt x="347" y="357"/>
                  <a:pt x="347" y="357"/>
                </a:cubicBezTo>
                <a:cubicBezTo>
                  <a:pt x="376" y="356"/>
                  <a:pt x="376" y="356"/>
                  <a:pt x="376" y="356"/>
                </a:cubicBezTo>
                <a:cubicBezTo>
                  <a:pt x="377" y="351"/>
                  <a:pt x="377" y="343"/>
                  <a:pt x="377" y="335"/>
                </a:cubicBezTo>
                <a:cubicBezTo>
                  <a:pt x="377" y="335"/>
                  <a:pt x="377" y="335"/>
                  <a:pt x="377" y="335"/>
                </a:cubicBezTo>
                <a:cubicBezTo>
                  <a:pt x="377" y="328"/>
                  <a:pt x="377" y="320"/>
                  <a:pt x="376" y="313"/>
                </a:cubicBezTo>
                <a:cubicBezTo>
                  <a:pt x="376" y="313"/>
                  <a:pt x="376" y="313"/>
                  <a:pt x="376" y="313"/>
                </a:cubicBezTo>
                <a:cubicBezTo>
                  <a:pt x="375" y="307"/>
                  <a:pt x="374" y="300"/>
                  <a:pt x="373" y="296"/>
                </a:cubicBezTo>
                <a:cubicBezTo>
                  <a:pt x="373" y="296"/>
                  <a:pt x="373" y="296"/>
                  <a:pt x="373" y="296"/>
                </a:cubicBezTo>
                <a:cubicBezTo>
                  <a:pt x="371" y="290"/>
                  <a:pt x="366" y="285"/>
                  <a:pt x="360" y="281"/>
                </a:cubicBezTo>
                <a:cubicBezTo>
                  <a:pt x="360" y="281"/>
                  <a:pt x="360" y="281"/>
                  <a:pt x="360" y="281"/>
                </a:cubicBezTo>
                <a:cubicBezTo>
                  <a:pt x="354" y="277"/>
                  <a:pt x="347" y="273"/>
                  <a:pt x="341" y="271"/>
                </a:cubicBezTo>
                <a:cubicBezTo>
                  <a:pt x="341" y="271"/>
                  <a:pt x="341" y="271"/>
                  <a:pt x="341" y="271"/>
                </a:cubicBezTo>
                <a:cubicBezTo>
                  <a:pt x="337" y="269"/>
                  <a:pt x="333" y="268"/>
                  <a:pt x="330" y="267"/>
                </a:cubicBezTo>
                <a:cubicBezTo>
                  <a:pt x="330" y="267"/>
                  <a:pt x="330" y="267"/>
                  <a:pt x="330" y="267"/>
                </a:cubicBezTo>
                <a:cubicBezTo>
                  <a:pt x="325" y="265"/>
                  <a:pt x="322" y="262"/>
                  <a:pt x="317" y="258"/>
                </a:cubicBezTo>
                <a:cubicBezTo>
                  <a:pt x="317" y="258"/>
                  <a:pt x="317" y="258"/>
                  <a:pt x="317" y="258"/>
                </a:cubicBezTo>
                <a:cubicBezTo>
                  <a:pt x="313" y="255"/>
                  <a:pt x="309" y="251"/>
                  <a:pt x="305" y="247"/>
                </a:cubicBezTo>
                <a:cubicBezTo>
                  <a:pt x="305" y="247"/>
                  <a:pt x="305" y="247"/>
                  <a:pt x="305" y="247"/>
                </a:cubicBezTo>
                <a:cubicBezTo>
                  <a:pt x="296" y="238"/>
                  <a:pt x="287" y="229"/>
                  <a:pt x="279" y="224"/>
                </a:cubicBezTo>
                <a:cubicBezTo>
                  <a:pt x="279" y="224"/>
                  <a:pt x="279" y="224"/>
                  <a:pt x="279" y="224"/>
                </a:cubicBezTo>
                <a:cubicBezTo>
                  <a:pt x="268" y="215"/>
                  <a:pt x="249" y="204"/>
                  <a:pt x="227" y="196"/>
                </a:cubicBezTo>
                <a:cubicBezTo>
                  <a:pt x="227" y="196"/>
                  <a:pt x="227" y="196"/>
                  <a:pt x="227" y="196"/>
                </a:cubicBezTo>
                <a:cubicBezTo>
                  <a:pt x="205" y="188"/>
                  <a:pt x="180" y="182"/>
                  <a:pt x="156" y="182"/>
                </a:cubicBezTo>
                <a:cubicBezTo>
                  <a:pt x="156" y="182"/>
                  <a:pt x="156" y="182"/>
                  <a:pt x="156" y="182"/>
                </a:cubicBezTo>
                <a:cubicBezTo>
                  <a:pt x="156" y="196"/>
                  <a:pt x="156" y="196"/>
                  <a:pt x="156" y="196"/>
                </a:cubicBezTo>
                <a:cubicBezTo>
                  <a:pt x="157" y="196"/>
                  <a:pt x="157" y="196"/>
                  <a:pt x="158" y="196"/>
                </a:cubicBezTo>
                <a:cubicBezTo>
                  <a:pt x="158" y="196"/>
                  <a:pt x="158" y="196"/>
                  <a:pt x="158" y="196"/>
                </a:cubicBezTo>
                <a:cubicBezTo>
                  <a:pt x="171" y="196"/>
                  <a:pt x="191" y="198"/>
                  <a:pt x="214" y="206"/>
                </a:cubicBezTo>
                <a:cubicBezTo>
                  <a:pt x="214" y="206"/>
                  <a:pt x="214" y="206"/>
                  <a:pt x="214" y="206"/>
                </a:cubicBezTo>
                <a:cubicBezTo>
                  <a:pt x="237" y="213"/>
                  <a:pt x="263" y="227"/>
                  <a:pt x="287" y="252"/>
                </a:cubicBezTo>
                <a:cubicBezTo>
                  <a:pt x="287" y="252"/>
                  <a:pt x="287" y="252"/>
                  <a:pt x="287" y="252"/>
                </a:cubicBezTo>
                <a:cubicBezTo>
                  <a:pt x="291" y="255"/>
                  <a:pt x="292" y="261"/>
                  <a:pt x="290" y="266"/>
                </a:cubicBezTo>
                <a:cubicBezTo>
                  <a:pt x="290" y="266"/>
                  <a:pt x="290" y="266"/>
                  <a:pt x="290" y="266"/>
                </a:cubicBezTo>
                <a:cubicBezTo>
                  <a:pt x="288" y="271"/>
                  <a:pt x="283" y="274"/>
                  <a:pt x="278" y="274"/>
                </a:cubicBezTo>
                <a:cubicBezTo>
                  <a:pt x="278" y="274"/>
                  <a:pt x="278" y="274"/>
                  <a:pt x="278" y="274"/>
                </a:cubicBezTo>
                <a:cubicBezTo>
                  <a:pt x="278" y="274"/>
                  <a:pt x="243" y="274"/>
                  <a:pt x="207" y="274"/>
                </a:cubicBezTo>
                <a:cubicBezTo>
                  <a:pt x="207" y="274"/>
                  <a:pt x="207" y="274"/>
                  <a:pt x="207" y="274"/>
                </a:cubicBezTo>
                <a:cubicBezTo>
                  <a:pt x="172" y="274"/>
                  <a:pt x="134" y="274"/>
                  <a:pt x="128" y="274"/>
                </a:cubicBezTo>
                <a:cubicBezTo>
                  <a:pt x="128" y="274"/>
                  <a:pt x="128" y="274"/>
                  <a:pt x="128" y="274"/>
                </a:cubicBezTo>
                <a:cubicBezTo>
                  <a:pt x="118" y="274"/>
                  <a:pt x="109" y="269"/>
                  <a:pt x="103" y="263"/>
                </a:cubicBezTo>
                <a:cubicBezTo>
                  <a:pt x="103" y="263"/>
                  <a:pt x="103" y="263"/>
                  <a:pt x="103" y="263"/>
                </a:cubicBezTo>
                <a:cubicBezTo>
                  <a:pt x="97" y="257"/>
                  <a:pt x="93" y="249"/>
                  <a:pt x="93" y="239"/>
                </a:cubicBezTo>
                <a:cubicBezTo>
                  <a:pt x="93" y="239"/>
                  <a:pt x="93" y="239"/>
                  <a:pt x="93" y="239"/>
                </a:cubicBezTo>
                <a:cubicBezTo>
                  <a:pt x="93" y="235"/>
                  <a:pt x="93" y="209"/>
                  <a:pt x="93" y="191"/>
                </a:cubicBezTo>
                <a:cubicBezTo>
                  <a:pt x="93" y="191"/>
                  <a:pt x="93" y="191"/>
                  <a:pt x="93" y="191"/>
                </a:cubicBezTo>
                <a:cubicBezTo>
                  <a:pt x="90" y="192"/>
                  <a:pt x="88" y="193"/>
                  <a:pt x="85" y="194"/>
                </a:cubicBezTo>
                <a:cubicBezTo>
                  <a:pt x="85" y="194"/>
                  <a:pt x="85" y="194"/>
                  <a:pt x="85" y="194"/>
                </a:cubicBezTo>
                <a:cubicBezTo>
                  <a:pt x="72" y="201"/>
                  <a:pt x="56" y="214"/>
                  <a:pt x="43" y="241"/>
                </a:cubicBezTo>
                <a:cubicBezTo>
                  <a:pt x="43" y="241"/>
                  <a:pt x="43" y="241"/>
                  <a:pt x="43" y="241"/>
                </a:cubicBezTo>
                <a:cubicBezTo>
                  <a:pt x="35" y="259"/>
                  <a:pt x="29" y="284"/>
                  <a:pt x="28" y="317"/>
                </a:cubicBezTo>
                <a:cubicBezTo>
                  <a:pt x="28" y="317"/>
                  <a:pt x="28" y="317"/>
                  <a:pt x="28" y="317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9"/>
                  <a:pt x="27" y="319"/>
                  <a:pt x="27" y="320"/>
                </a:cubicBezTo>
                <a:cubicBezTo>
                  <a:pt x="27" y="320"/>
                  <a:pt x="27" y="320"/>
                  <a:pt x="27" y="320"/>
                </a:cubicBezTo>
                <a:cubicBezTo>
                  <a:pt x="27" y="321"/>
                  <a:pt x="27" y="324"/>
                  <a:pt x="27" y="326"/>
                </a:cubicBezTo>
                <a:cubicBezTo>
                  <a:pt x="27" y="326"/>
                  <a:pt x="27" y="326"/>
                  <a:pt x="27" y="326"/>
                </a:cubicBezTo>
                <a:cubicBezTo>
                  <a:pt x="27" y="332"/>
                  <a:pt x="28" y="339"/>
                  <a:pt x="29" y="347"/>
                </a:cubicBezTo>
                <a:cubicBezTo>
                  <a:pt x="29" y="347"/>
                  <a:pt x="29" y="347"/>
                  <a:pt x="29" y="347"/>
                </a:cubicBezTo>
                <a:cubicBezTo>
                  <a:pt x="31" y="354"/>
                  <a:pt x="33" y="362"/>
                  <a:pt x="37" y="367"/>
                </a:cubicBezTo>
                <a:cubicBezTo>
                  <a:pt x="37" y="367"/>
                  <a:pt x="37" y="367"/>
                  <a:pt x="37" y="367"/>
                </a:cubicBezTo>
                <a:cubicBezTo>
                  <a:pt x="39" y="371"/>
                  <a:pt x="42" y="374"/>
                  <a:pt x="46" y="376"/>
                </a:cubicBezTo>
                <a:cubicBezTo>
                  <a:pt x="46" y="376"/>
                  <a:pt x="46" y="376"/>
                  <a:pt x="46" y="376"/>
                </a:cubicBezTo>
                <a:cubicBezTo>
                  <a:pt x="50" y="378"/>
                  <a:pt x="56" y="379"/>
                  <a:pt x="62" y="379"/>
                </a:cubicBezTo>
                <a:cubicBezTo>
                  <a:pt x="62" y="379"/>
                  <a:pt x="62" y="379"/>
                  <a:pt x="62" y="379"/>
                </a:cubicBezTo>
                <a:cubicBezTo>
                  <a:pt x="68" y="379"/>
                  <a:pt x="74" y="378"/>
                  <a:pt x="79" y="374"/>
                </a:cubicBezTo>
                <a:cubicBezTo>
                  <a:pt x="79" y="374"/>
                  <a:pt x="79" y="374"/>
                  <a:pt x="79" y="374"/>
                </a:cubicBezTo>
                <a:cubicBezTo>
                  <a:pt x="84" y="370"/>
                  <a:pt x="88" y="364"/>
                  <a:pt x="90" y="355"/>
                </a:cubicBezTo>
                <a:cubicBezTo>
                  <a:pt x="90" y="355"/>
                  <a:pt x="90" y="355"/>
                  <a:pt x="90" y="355"/>
                </a:cubicBezTo>
                <a:cubicBezTo>
                  <a:pt x="92" y="349"/>
                  <a:pt x="97" y="345"/>
                  <a:pt x="103" y="345"/>
                </a:cubicBezTo>
                <a:cubicBezTo>
                  <a:pt x="103" y="345"/>
                  <a:pt x="103" y="345"/>
                  <a:pt x="103" y="345"/>
                </a:cubicBezTo>
                <a:cubicBezTo>
                  <a:pt x="217" y="345"/>
                  <a:pt x="217" y="345"/>
                  <a:pt x="217" y="345"/>
                </a:cubicBezTo>
                <a:cubicBezTo>
                  <a:pt x="223" y="345"/>
                  <a:pt x="228" y="348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5"/>
                  <a:pt x="230" y="355"/>
                </a:cubicBezTo>
                <a:cubicBezTo>
                  <a:pt x="230" y="355"/>
                  <a:pt x="230" y="355"/>
                  <a:pt x="230" y="355"/>
                </a:cubicBezTo>
                <a:cubicBezTo>
                  <a:pt x="231" y="357"/>
                  <a:pt x="232" y="358"/>
                  <a:pt x="233" y="361"/>
                </a:cubicBezTo>
                <a:cubicBezTo>
                  <a:pt x="233" y="361"/>
                  <a:pt x="233" y="361"/>
                  <a:pt x="233" y="361"/>
                </a:cubicBezTo>
                <a:cubicBezTo>
                  <a:pt x="235" y="365"/>
                  <a:pt x="238" y="372"/>
                  <a:pt x="242" y="379"/>
                </a:cubicBezTo>
                <a:cubicBezTo>
                  <a:pt x="242" y="379"/>
                  <a:pt x="242" y="379"/>
                  <a:pt x="242" y="379"/>
                </a:cubicBezTo>
                <a:cubicBezTo>
                  <a:pt x="251" y="393"/>
                  <a:pt x="265" y="410"/>
                  <a:pt x="284" y="420"/>
                </a:cubicBezTo>
                <a:cubicBezTo>
                  <a:pt x="284" y="420"/>
                  <a:pt x="284" y="420"/>
                  <a:pt x="284" y="420"/>
                </a:cubicBezTo>
                <a:cubicBezTo>
                  <a:pt x="297" y="428"/>
                  <a:pt x="312" y="432"/>
                  <a:pt x="331" y="432"/>
                </a:cubicBezTo>
                <a:cubicBezTo>
                  <a:pt x="331" y="432"/>
                  <a:pt x="331" y="432"/>
                  <a:pt x="331" y="432"/>
                </a:cubicBezTo>
                <a:cubicBezTo>
                  <a:pt x="350" y="432"/>
                  <a:pt x="366" y="429"/>
                  <a:pt x="379" y="423"/>
                </a:cubicBezTo>
                <a:cubicBezTo>
                  <a:pt x="379" y="423"/>
                  <a:pt x="379" y="423"/>
                  <a:pt x="379" y="423"/>
                </a:cubicBezTo>
                <a:cubicBezTo>
                  <a:pt x="392" y="416"/>
                  <a:pt x="402" y="408"/>
                  <a:pt x="410" y="398"/>
                </a:cubicBezTo>
                <a:cubicBezTo>
                  <a:pt x="410" y="398"/>
                  <a:pt x="410" y="398"/>
                  <a:pt x="410" y="398"/>
                </a:cubicBezTo>
                <a:cubicBezTo>
                  <a:pt x="426" y="378"/>
                  <a:pt x="434" y="352"/>
                  <a:pt x="434" y="330"/>
                </a:cubicBezTo>
                <a:cubicBezTo>
                  <a:pt x="434" y="330"/>
                  <a:pt x="434" y="330"/>
                  <a:pt x="434" y="330"/>
                </a:cubicBezTo>
                <a:cubicBezTo>
                  <a:pt x="434" y="309"/>
                  <a:pt x="425" y="284"/>
                  <a:pt x="410" y="259"/>
                </a:cubicBezTo>
                <a:cubicBezTo>
                  <a:pt x="410" y="259"/>
                  <a:pt x="410" y="259"/>
                  <a:pt x="410" y="259"/>
                </a:cubicBezTo>
                <a:cubicBezTo>
                  <a:pt x="395" y="235"/>
                  <a:pt x="374" y="211"/>
                  <a:pt x="351" y="191"/>
                </a:cubicBezTo>
                <a:cubicBezTo>
                  <a:pt x="351" y="191"/>
                  <a:pt x="351" y="191"/>
                  <a:pt x="351" y="191"/>
                </a:cubicBezTo>
                <a:cubicBezTo>
                  <a:pt x="347" y="188"/>
                  <a:pt x="345" y="183"/>
                  <a:pt x="346" y="179"/>
                </a:cubicBezTo>
                <a:cubicBezTo>
                  <a:pt x="346" y="179"/>
                  <a:pt x="346" y="179"/>
                  <a:pt x="346" y="179"/>
                </a:cubicBezTo>
                <a:cubicBezTo>
                  <a:pt x="347" y="174"/>
                  <a:pt x="350" y="170"/>
                  <a:pt x="355" y="168"/>
                </a:cubicBezTo>
                <a:cubicBezTo>
                  <a:pt x="355" y="168"/>
                  <a:pt x="355" y="168"/>
                  <a:pt x="355" y="168"/>
                </a:cubicBezTo>
                <a:cubicBezTo>
                  <a:pt x="355" y="168"/>
                  <a:pt x="355" y="168"/>
                  <a:pt x="355" y="168"/>
                </a:cubicBezTo>
                <a:cubicBezTo>
                  <a:pt x="355" y="168"/>
                  <a:pt x="355" y="168"/>
                  <a:pt x="355" y="168"/>
                </a:cubicBezTo>
                <a:cubicBezTo>
                  <a:pt x="355" y="168"/>
                  <a:pt x="355" y="168"/>
                  <a:pt x="356" y="168"/>
                </a:cubicBezTo>
                <a:cubicBezTo>
                  <a:pt x="356" y="168"/>
                  <a:pt x="356" y="168"/>
                  <a:pt x="356" y="168"/>
                </a:cubicBezTo>
                <a:cubicBezTo>
                  <a:pt x="356" y="168"/>
                  <a:pt x="357" y="168"/>
                  <a:pt x="358" y="167"/>
                </a:cubicBezTo>
                <a:cubicBezTo>
                  <a:pt x="358" y="167"/>
                  <a:pt x="358" y="167"/>
                  <a:pt x="358" y="167"/>
                </a:cubicBezTo>
                <a:cubicBezTo>
                  <a:pt x="360" y="167"/>
                  <a:pt x="363" y="165"/>
                  <a:pt x="366" y="164"/>
                </a:cubicBezTo>
                <a:cubicBezTo>
                  <a:pt x="366" y="164"/>
                  <a:pt x="366" y="164"/>
                  <a:pt x="366" y="164"/>
                </a:cubicBezTo>
                <a:cubicBezTo>
                  <a:pt x="372" y="161"/>
                  <a:pt x="380" y="157"/>
                  <a:pt x="385" y="153"/>
                </a:cubicBezTo>
                <a:cubicBezTo>
                  <a:pt x="385" y="153"/>
                  <a:pt x="385" y="153"/>
                  <a:pt x="385" y="153"/>
                </a:cubicBezTo>
                <a:cubicBezTo>
                  <a:pt x="389" y="151"/>
                  <a:pt x="391" y="148"/>
                  <a:pt x="391" y="148"/>
                </a:cubicBezTo>
                <a:cubicBezTo>
                  <a:pt x="391" y="148"/>
                  <a:pt x="391" y="148"/>
                  <a:pt x="391" y="148"/>
                </a:cubicBezTo>
                <a:cubicBezTo>
                  <a:pt x="392" y="145"/>
                  <a:pt x="394" y="139"/>
                  <a:pt x="395" y="132"/>
                </a:cubicBezTo>
                <a:cubicBezTo>
                  <a:pt x="395" y="132"/>
                  <a:pt x="395" y="132"/>
                  <a:pt x="395" y="132"/>
                </a:cubicBezTo>
                <a:cubicBezTo>
                  <a:pt x="396" y="125"/>
                  <a:pt x="396" y="118"/>
                  <a:pt x="396" y="111"/>
                </a:cubicBezTo>
                <a:cubicBezTo>
                  <a:pt x="396" y="111"/>
                  <a:pt x="396" y="111"/>
                  <a:pt x="396" y="111"/>
                </a:cubicBezTo>
                <a:cubicBezTo>
                  <a:pt x="396" y="104"/>
                  <a:pt x="396" y="99"/>
                  <a:pt x="396" y="95"/>
                </a:cubicBezTo>
                <a:cubicBezTo>
                  <a:pt x="396" y="95"/>
                  <a:pt x="396" y="95"/>
                  <a:pt x="396" y="95"/>
                </a:cubicBezTo>
                <a:cubicBezTo>
                  <a:pt x="395" y="95"/>
                  <a:pt x="393" y="95"/>
                  <a:pt x="392" y="95"/>
                </a:cubicBezTo>
                <a:cubicBezTo>
                  <a:pt x="392" y="95"/>
                  <a:pt x="392" y="95"/>
                  <a:pt x="392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87" y="95"/>
                  <a:pt x="384" y="94"/>
                  <a:pt x="381" y="91"/>
                </a:cubicBezTo>
                <a:cubicBezTo>
                  <a:pt x="381" y="91"/>
                  <a:pt x="381" y="91"/>
                  <a:pt x="381" y="91"/>
                </a:cubicBezTo>
                <a:cubicBezTo>
                  <a:pt x="378" y="89"/>
                  <a:pt x="377" y="85"/>
                  <a:pt x="377" y="81"/>
                </a:cubicBezTo>
                <a:cubicBezTo>
                  <a:pt x="377" y="81"/>
                  <a:pt x="377" y="81"/>
                  <a:pt x="377" y="81"/>
                </a:cubicBezTo>
                <a:cubicBezTo>
                  <a:pt x="377" y="81"/>
                  <a:pt x="377" y="40"/>
                  <a:pt x="377" y="32"/>
                </a:cubicBezTo>
                <a:cubicBezTo>
                  <a:pt x="377" y="32"/>
                  <a:pt x="377" y="32"/>
                  <a:pt x="377" y="32"/>
                </a:cubicBezTo>
                <a:cubicBezTo>
                  <a:pt x="377" y="30"/>
                  <a:pt x="376" y="28"/>
                  <a:pt x="375" y="28"/>
                </a:cubicBezTo>
                <a:cubicBezTo>
                  <a:pt x="375" y="28"/>
                  <a:pt x="375" y="28"/>
                  <a:pt x="375" y="28"/>
                </a:cubicBezTo>
                <a:cubicBezTo>
                  <a:pt x="375" y="27"/>
                  <a:pt x="374" y="27"/>
                  <a:pt x="373" y="27"/>
                </a:cubicBezTo>
                <a:cubicBezTo>
                  <a:pt x="373" y="27"/>
                  <a:pt x="373" y="27"/>
                  <a:pt x="373" y="27"/>
                </a:cubicBezTo>
                <a:cubicBezTo>
                  <a:pt x="371" y="27"/>
                  <a:pt x="370" y="27"/>
                  <a:pt x="369" y="28"/>
                </a:cubicBezTo>
                <a:cubicBezTo>
                  <a:pt x="369" y="28"/>
                  <a:pt x="369" y="28"/>
                  <a:pt x="369" y="28"/>
                </a:cubicBezTo>
                <a:cubicBezTo>
                  <a:pt x="369" y="28"/>
                  <a:pt x="368" y="29"/>
                  <a:pt x="368" y="32"/>
                </a:cubicBezTo>
                <a:cubicBezTo>
                  <a:pt x="368" y="32"/>
                  <a:pt x="368" y="32"/>
                  <a:pt x="368" y="32"/>
                </a:cubicBezTo>
                <a:cubicBezTo>
                  <a:pt x="368" y="41"/>
                  <a:pt x="368" y="76"/>
                  <a:pt x="368" y="81"/>
                </a:cubicBezTo>
                <a:cubicBezTo>
                  <a:pt x="368" y="81"/>
                  <a:pt x="368" y="81"/>
                  <a:pt x="368" y="81"/>
                </a:cubicBezTo>
                <a:cubicBezTo>
                  <a:pt x="368" y="85"/>
                  <a:pt x="367" y="88"/>
                  <a:pt x="364" y="90"/>
                </a:cubicBezTo>
                <a:cubicBezTo>
                  <a:pt x="364" y="90"/>
                  <a:pt x="364" y="90"/>
                  <a:pt x="364" y="90"/>
                </a:cubicBezTo>
                <a:cubicBezTo>
                  <a:pt x="362" y="93"/>
                  <a:pt x="358" y="94"/>
                  <a:pt x="355" y="94"/>
                </a:cubicBezTo>
                <a:cubicBezTo>
                  <a:pt x="355" y="94"/>
                  <a:pt x="355" y="94"/>
                  <a:pt x="355" y="94"/>
                </a:cubicBezTo>
                <a:cubicBezTo>
                  <a:pt x="321" y="94"/>
                  <a:pt x="321" y="94"/>
                  <a:pt x="321" y="94"/>
                </a:cubicBezTo>
                <a:cubicBezTo>
                  <a:pt x="317" y="94"/>
                  <a:pt x="314" y="93"/>
                  <a:pt x="312" y="90"/>
                </a:cubicBezTo>
                <a:cubicBezTo>
                  <a:pt x="312" y="90"/>
                  <a:pt x="312" y="90"/>
                  <a:pt x="312" y="90"/>
                </a:cubicBezTo>
                <a:cubicBezTo>
                  <a:pt x="309" y="88"/>
                  <a:pt x="308" y="85"/>
                  <a:pt x="308" y="81"/>
                </a:cubicBezTo>
                <a:cubicBezTo>
                  <a:pt x="308" y="81"/>
                  <a:pt x="308" y="81"/>
                  <a:pt x="308" y="81"/>
                </a:cubicBezTo>
                <a:cubicBezTo>
                  <a:pt x="308" y="81"/>
                  <a:pt x="308" y="42"/>
                  <a:pt x="308" y="32"/>
                </a:cubicBezTo>
                <a:cubicBezTo>
                  <a:pt x="308" y="32"/>
                  <a:pt x="308" y="32"/>
                  <a:pt x="308" y="32"/>
                </a:cubicBezTo>
                <a:cubicBezTo>
                  <a:pt x="308" y="29"/>
                  <a:pt x="307" y="28"/>
                  <a:pt x="306" y="28"/>
                </a:cubicBezTo>
                <a:cubicBezTo>
                  <a:pt x="306" y="28"/>
                  <a:pt x="306" y="28"/>
                  <a:pt x="306" y="28"/>
                </a:cubicBezTo>
                <a:cubicBezTo>
                  <a:pt x="306" y="27"/>
                  <a:pt x="305" y="27"/>
                  <a:pt x="304" y="27"/>
                </a:cubicBezTo>
                <a:cubicBezTo>
                  <a:pt x="304" y="27"/>
                  <a:pt x="304" y="27"/>
                  <a:pt x="304" y="27"/>
                </a:cubicBezTo>
                <a:cubicBezTo>
                  <a:pt x="302" y="27"/>
                  <a:pt x="301" y="27"/>
                  <a:pt x="300" y="28"/>
                </a:cubicBezTo>
                <a:cubicBezTo>
                  <a:pt x="300" y="28"/>
                  <a:pt x="300" y="28"/>
                  <a:pt x="300" y="28"/>
                </a:cubicBezTo>
                <a:cubicBezTo>
                  <a:pt x="300" y="28"/>
                  <a:pt x="299" y="29"/>
                  <a:pt x="299" y="32"/>
                </a:cubicBezTo>
                <a:cubicBezTo>
                  <a:pt x="299" y="32"/>
                  <a:pt x="299" y="32"/>
                  <a:pt x="299" y="32"/>
                </a:cubicBezTo>
                <a:cubicBezTo>
                  <a:pt x="299" y="41"/>
                  <a:pt x="299" y="74"/>
                  <a:pt x="299" y="82"/>
                </a:cubicBezTo>
                <a:cubicBezTo>
                  <a:pt x="299" y="82"/>
                  <a:pt x="299" y="82"/>
                  <a:pt x="299" y="82"/>
                </a:cubicBezTo>
                <a:cubicBezTo>
                  <a:pt x="299" y="86"/>
                  <a:pt x="297" y="89"/>
                  <a:pt x="294" y="92"/>
                </a:cubicBezTo>
                <a:cubicBezTo>
                  <a:pt x="294" y="92"/>
                  <a:pt x="294" y="92"/>
                  <a:pt x="294" y="92"/>
                </a:cubicBezTo>
                <a:cubicBezTo>
                  <a:pt x="291" y="94"/>
                  <a:pt x="288" y="95"/>
                  <a:pt x="284" y="95"/>
                </a:cubicBezTo>
                <a:cubicBezTo>
                  <a:pt x="284" y="95"/>
                  <a:pt x="284" y="95"/>
                  <a:pt x="284" y="95"/>
                </a:cubicBezTo>
                <a:cubicBezTo>
                  <a:pt x="284" y="95"/>
                  <a:pt x="284" y="95"/>
                  <a:pt x="284" y="95"/>
                </a:cubicBezTo>
                <a:cubicBezTo>
                  <a:pt x="284" y="95"/>
                  <a:pt x="283" y="95"/>
                  <a:pt x="283" y="95"/>
                </a:cubicBezTo>
                <a:cubicBezTo>
                  <a:pt x="283" y="95"/>
                  <a:pt x="283" y="95"/>
                  <a:pt x="283" y="95"/>
                </a:cubicBezTo>
                <a:cubicBezTo>
                  <a:pt x="282" y="95"/>
                  <a:pt x="281" y="95"/>
                  <a:pt x="280" y="95"/>
                </a:cubicBezTo>
                <a:cubicBezTo>
                  <a:pt x="280" y="95"/>
                  <a:pt x="280" y="95"/>
                  <a:pt x="280" y="95"/>
                </a:cubicBezTo>
                <a:cubicBezTo>
                  <a:pt x="280" y="98"/>
                  <a:pt x="280" y="102"/>
                  <a:pt x="280" y="106"/>
                </a:cubicBezTo>
                <a:cubicBezTo>
                  <a:pt x="280" y="106"/>
                  <a:pt x="280" y="106"/>
                  <a:pt x="280" y="106"/>
                </a:cubicBezTo>
                <a:cubicBezTo>
                  <a:pt x="280" y="116"/>
                  <a:pt x="280" y="130"/>
                  <a:pt x="281" y="139"/>
                </a:cubicBezTo>
                <a:cubicBezTo>
                  <a:pt x="281" y="139"/>
                  <a:pt x="281" y="139"/>
                  <a:pt x="281" y="139"/>
                </a:cubicBezTo>
                <a:cubicBezTo>
                  <a:pt x="281" y="142"/>
                  <a:pt x="282" y="144"/>
                  <a:pt x="282" y="145"/>
                </a:cubicBezTo>
                <a:cubicBezTo>
                  <a:pt x="282" y="145"/>
                  <a:pt x="282" y="145"/>
                  <a:pt x="282" y="145"/>
                </a:cubicBezTo>
                <a:cubicBezTo>
                  <a:pt x="282" y="145"/>
                  <a:pt x="282" y="145"/>
                  <a:pt x="282" y="145"/>
                </a:cubicBezTo>
                <a:cubicBezTo>
                  <a:pt x="282" y="145"/>
                  <a:pt x="282" y="145"/>
                  <a:pt x="282" y="145"/>
                </a:cubicBezTo>
                <a:cubicBezTo>
                  <a:pt x="283" y="148"/>
                  <a:pt x="285" y="150"/>
                  <a:pt x="287" y="152"/>
                </a:cubicBezTo>
                <a:cubicBezTo>
                  <a:pt x="287" y="152"/>
                  <a:pt x="287" y="152"/>
                  <a:pt x="287" y="152"/>
                </a:cubicBezTo>
                <a:cubicBezTo>
                  <a:pt x="289" y="154"/>
                  <a:pt x="293" y="156"/>
                  <a:pt x="296" y="158"/>
                </a:cubicBezTo>
                <a:cubicBezTo>
                  <a:pt x="296" y="158"/>
                  <a:pt x="296" y="158"/>
                  <a:pt x="296" y="158"/>
                </a:cubicBezTo>
                <a:cubicBezTo>
                  <a:pt x="303" y="162"/>
                  <a:pt x="312" y="165"/>
                  <a:pt x="318" y="167"/>
                </a:cubicBezTo>
                <a:cubicBezTo>
                  <a:pt x="318" y="167"/>
                  <a:pt x="318" y="167"/>
                  <a:pt x="318" y="167"/>
                </a:cubicBezTo>
                <a:cubicBezTo>
                  <a:pt x="325" y="169"/>
                  <a:pt x="330" y="176"/>
                  <a:pt x="328" y="183"/>
                </a:cubicBezTo>
                <a:cubicBezTo>
                  <a:pt x="328" y="183"/>
                  <a:pt x="328" y="183"/>
                  <a:pt x="328" y="183"/>
                </a:cubicBezTo>
                <a:cubicBezTo>
                  <a:pt x="326" y="190"/>
                  <a:pt x="318" y="194"/>
                  <a:pt x="311" y="192"/>
                </a:cubicBezTo>
                <a:cubicBezTo>
                  <a:pt x="311" y="192"/>
                  <a:pt x="311" y="192"/>
                  <a:pt x="311" y="192"/>
                </a:cubicBezTo>
                <a:cubicBezTo>
                  <a:pt x="300" y="189"/>
                  <a:pt x="283" y="184"/>
                  <a:pt x="269" y="172"/>
                </a:cubicBezTo>
                <a:cubicBezTo>
                  <a:pt x="269" y="172"/>
                  <a:pt x="269" y="172"/>
                  <a:pt x="269" y="172"/>
                </a:cubicBezTo>
                <a:cubicBezTo>
                  <a:pt x="264" y="167"/>
                  <a:pt x="260" y="162"/>
                  <a:pt x="257" y="156"/>
                </a:cubicBezTo>
                <a:cubicBezTo>
                  <a:pt x="257" y="156"/>
                  <a:pt x="257" y="156"/>
                  <a:pt x="257" y="156"/>
                </a:cubicBezTo>
                <a:cubicBezTo>
                  <a:pt x="256" y="154"/>
                  <a:pt x="256" y="152"/>
                  <a:pt x="256" y="150"/>
                </a:cubicBezTo>
                <a:cubicBezTo>
                  <a:pt x="256" y="150"/>
                  <a:pt x="256" y="150"/>
                  <a:pt x="256" y="150"/>
                </a:cubicBezTo>
                <a:cubicBezTo>
                  <a:pt x="255" y="148"/>
                  <a:pt x="255" y="147"/>
                  <a:pt x="255" y="145"/>
                </a:cubicBezTo>
                <a:cubicBezTo>
                  <a:pt x="255" y="145"/>
                  <a:pt x="255" y="145"/>
                  <a:pt x="255" y="145"/>
                </a:cubicBezTo>
                <a:cubicBezTo>
                  <a:pt x="254" y="141"/>
                  <a:pt x="254" y="137"/>
                  <a:pt x="254" y="132"/>
                </a:cubicBezTo>
                <a:cubicBezTo>
                  <a:pt x="254" y="132"/>
                  <a:pt x="254" y="132"/>
                  <a:pt x="254" y="132"/>
                </a:cubicBezTo>
                <a:cubicBezTo>
                  <a:pt x="253" y="124"/>
                  <a:pt x="253" y="114"/>
                  <a:pt x="253" y="106"/>
                </a:cubicBezTo>
                <a:cubicBezTo>
                  <a:pt x="253" y="106"/>
                  <a:pt x="253" y="106"/>
                  <a:pt x="253" y="106"/>
                </a:cubicBezTo>
                <a:cubicBezTo>
                  <a:pt x="253" y="101"/>
                  <a:pt x="253" y="97"/>
                  <a:pt x="253" y="94"/>
                </a:cubicBezTo>
                <a:cubicBezTo>
                  <a:pt x="253" y="94"/>
                  <a:pt x="253" y="94"/>
                  <a:pt x="253" y="94"/>
                </a:cubicBezTo>
                <a:cubicBezTo>
                  <a:pt x="253" y="89"/>
                  <a:pt x="255" y="84"/>
                  <a:pt x="257" y="81"/>
                </a:cubicBezTo>
                <a:cubicBezTo>
                  <a:pt x="257" y="81"/>
                  <a:pt x="257" y="81"/>
                  <a:pt x="257" y="81"/>
                </a:cubicBezTo>
                <a:cubicBezTo>
                  <a:pt x="260" y="77"/>
                  <a:pt x="263" y="74"/>
                  <a:pt x="266" y="72"/>
                </a:cubicBezTo>
                <a:cubicBezTo>
                  <a:pt x="266" y="72"/>
                  <a:pt x="266" y="72"/>
                  <a:pt x="266" y="72"/>
                </a:cubicBezTo>
                <a:cubicBezTo>
                  <a:pt x="268" y="71"/>
                  <a:pt x="270" y="70"/>
                  <a:pt x="272" y="70"/>
                </a:cubicBezTo>
                <a:cubicBezTo>
                  <a:pt x="272" y="70"/>
                  <a:pt x="272" y="70"/>
                  <a:pt x="272" y="70"/>
                </a:cubicBezTo>
                <a:cubicBezTo>
                  <a:pt x="272" y="57"/>
                  <a:pt x="272" y="38"/>
                  <a:pt x="272" y="32"/>
                </a:cubicBezTo>
                <a:cubicBezTo>
                  <a:pt x="272" y="32"/>
                  <a:pt x="272" y="32"/>
                  <a:pt x="272" y="32"/>
                </a:cubicBezTo>
                <a:cubicBezTo>
                  <a:pt x="272" y="23"/>
                  <a:pt x="276" y="14"/>
                  <a:pt x="282" y="8"/>
                </a:cubicBezTo>
                <a:cubicBezTo>
                  <a:pt x="282" y="8"/>
                  <a:pt x="282" y="8"/>
                  <a:pt x="282" y="8"/>
                </a:cubicBezTo>
                <a:cubicBezTo>
                  <a:pt x="289" y="2"/>
                  <a:pt x="296" y="0"/>
                  <a:pt x="304" y="0"/>
                </a:cubicBezTo>
                <a:cubicBezTo>
                  <a:pt x="304" y="0"/>
                  <a:pt x="304" y="0"/>
                  <a:pt x="304" y="0"/>
                </a:cubicBezTo>
                <a:cubicBezTo>
                  <a:pt x="312" y="0"/>
                  <a:pt x="320" y="3"/>
                  <a:pt x="325" y="9"/>
                </a:cubicBezTo>
                <a:cubicBezTo>
                  <a:pt x="325" y="9"/>
                  <a:pt x="325" y="9"/>
                  <a:pt x="325" y="9"/>
                </a:cubicBezTo>
                <a:cubicBezTo>
                  <a:pt x="331" y="15"/>
                  <a:pt x="334" y="23"/>
                  <a:pt x="334" y="32"/>
                </a:cubicBezTo>
                <a:cubicBezTo>
                  <a:pt x="334" y="32"/>
                  <a:pt x="334" y="32"/>
                  <a:pt x="334" y="32"/>
                </a:cubicBezTo>
                <a:cubicBezTo>
                  <a:pt x="334" y="38"/>
                  <a:pt x="334" y="55"/>
                  <a:pt x="334" y="68"/>
                </a:cubicBezTo>
                <a:cubicBezTo>
                  <a:pt x="334" y="68"/>
                  <a:pt x="334" y="68"/>
                  <a:pt x="334" y="68"/>
                </a:cubicBezTo>
                <a:cubicBezTo>
                  <a:pt x="342" y="68"/>
                  <a:pt x="342" y="68"/>
                  <a:pt x="342" y="68"/>
                </a:cubicBezTo>
                <a:cubicBezTo>
                  <a:pt x="342" y="55"/>
                  <a:pt x="342" y="38"/>
                  <a:pt x="342" y="32"/>
                </a:cubicBezTo>
                <a:cubicBezTo>
                  <a:pt x="342" y="32"/>
                  <a:pt x="342" y="32"/>
                  <a:pt x="342" y="32"/>
                </a:cubicBezTo>
                <a:cubicBezTo>
                  <a:pt x="342" y="23"/>
                  <a:pt x="345" y="15"/>
                  <a:pt x="351" y="9"/>
                </a:cubicBezTo>
                <a:cubicBezTo>
                  <a:pt x="351" y="9"/>
                  <a:pt x="351" y="9"/>
                  <a:pt x="351" y="9"/>
                </a:cubicBezTo>
                <a:cubicBezTo>
                  <a:pt x="356" y="3"/>
                  <a:pt x="365" y="0"/>
                  <a:pt x="373" y="0"/>
                </a:cubicBezTo>
                <a:cubicBezTo>
                  <a:pt x="373" y="0"/>
                  <a:pt x="373" y="0"/>
                  <a:pt x="373" y="0"/>
                </a:cubicBezTo>
                <a:cubicBezTo>
                  <a:pt x="381" y="0"/>
                  <a:pt x="389" y="4"/>
                  <a:pt x="395" y="10"/>
                </a:cubicBezTo>
                <a:cubicBezTo>
                  <a:pt x="395" y="10"/>
                  <a:pt x="395" y="10"/>
                  <a:pt x="395" y="10"/>
                </a:cubicBezTo>
                <a:cubicBezTo>
                  <a:pt x="400" y="16"/>
                  <a:pt x="403" y="24"/>
                  <a:pt x="403" y="32"/>
                </a:cubicBezTo>
                <a:cubicBezTo>
                  <a:pt x="403" y="32"/>
                  <a:pt x="403" y="32"/>
                  <a:pt x="403" y="32"/>
                </a:cubicBezTo>
                <a:cubicBezTo>
                  <a:pt x="403" y="37"/>
                  <a:pt x="403" y="57"/>
                  <a:pt x="403" y="70"/>
                </a:cubicBezTo>
                <a:cubicBezTo>
                  <a:pt x="403" y="70"/>
                  <a:pt x="403" y="70"/>
                  <a:pt x="403" y="70"/>
                </a:cubicBezTo>
                <a:cubicBezTo>
                  <a:pt x="408" y="71"/>
                  <a:pt x="414" y="74"/>
                  <a:pt x="418" y="80"/>
                </a:cubicBezTo>
                <a:cubicBezTo>
                  <a:pt x="418" y="80"/>
                  <a:pt x="418" y="80"/>
                  <a:pt x="418" y="80"/>
                </a:cubicBezTo>
                <a:cubicBezTo>
                  <a:pt x="421" y="84"/>
                  <a:pt x="422" y="89"/>
                  <a:pt x="422" y="95"/>
                </a:cubicBezTo>
                <a:cubicBezTo>
                  <a:pt x="422" y="95"/>
                  <a:pt x="422" y="95"/>
                  <a:pt x="422" y="95"/>
                </a:cubicBezTo>
                <a:cubicBezTo>
                  <a:pt x="422" y="98"/>
                  <a:pt x="422" y="104"/>
                  <a:pt x="422" y="111"/>
                </a:cubicBezTo>
                <a:cubicBezTo>
                  <a:pt x="422" y="111"/>
                  <a:pt x="422" y="111"/>
                  <a:pt x="422" y="111"/>
                </a:cubicBezTo>
                <a:cubicBezTo>
                  <a:pt x="422" y="118"/>
                  <a:pt x="422" y="127"/>
                  <a:pt x="421" y="135"/>
                </a:cubicBezTo>
                <a:cubicBezTo>
                  <a:pt x="421" y="135"/>
                  <a:pt x="421" y="135"/>
                  <a:pt x="421" y="135"/>
                </a:cubicBezTo>
                <a:cubicBezTo>
                  <a:pt x="420" y="144"/>
                  <a:pt x="419" y="152"/>
                  <a:pt x="415" y="160"/>
                </a:cubicBezTo>
                <a:cubicBezTo>
                  <a:pt x="415" y="160"/>
                  <a:pt x="415" y="160"/>
                  <a:pt x="415" y="160"/>
                </a:cubicBezTo>
                <a:cubicBezTo>
                  <a:pt x="411" y="167"/>
                  <a:pt x="406" y="171"/>
                  <a:pt x="401" y="175"/>
                </a:cubicBezTo>
                <a:cubicBezTo>
                  <a:pt x="401" y="175"/>
                  <a:pt x="401" y="175"/>
                  <a:pt x="401" y="175"/>
                </a:cubicBezTo>
                <a:cubicBezTo>
                  <a:pt x="395" y="179"/>
                  <a:pt x="390" y="182"/>
                  <a:pt x="384" y="185"/>
                </a:cubicBezTo>
                <a:cubicBezTo>
                  <a:pt x="384" y="185"/>
                  <a:pt x="384" y="185"/>
                  <a:pt x="384" y="185"/>
                </a:cubicBezTo>
                <a:cubicBezTo>
                  <a:pt x="384" y="185"/>
                  <a:pt x="384" y="185"/>
                  <a:pt x="384" y="185"/>
                </a:cubicBezTo>
                <a:cubicBezTo>
                  <a:pt x="384" y="185"/>
                  <a:pt x="384" y="185"/>
                  <a:pt x="384" y="185"/>
                </a:cubicBezTo>
                <a:cubicBezTo>
                  <a:pt x="403" y="203"/>
                  <a:pt x="420" y="224"/>
                  <a:pt x="433" y="245"/>
                </a:cubicBezTo>
                <a:cubicBezTo>
                  <a:pt x="433" y="245"/>
                  <a:pt x="433" y="245"/>
                  <a:pt x="433" y="245"/>
                </a:cubicBezTo>
                <a:cubicBezTo>
                  <a:pt x="449" y="273"/>
                  <a:pt x="460" y="302"/>
                  <a:pt x="460" y="330"/>
                </a:cubicBezTo>
                <a:cubicBezTo>
                  <a:pt x="460" y="330"/>
                  <a:pt x="460" y="330"/>
                  <a:pt x="460" y="330"/>
                </a:cubicBezTo>
                <a:cubicBezTo>
                  <a:pt x="460" y="351"/>
                  <a:pt x="455" y="373"/>
                  <a:pt x="444" y="395"/>
                </a:cubicBezTo>
                <a:cubicBezTo>
                  <a:pt x="444" y="395"/>
                  <a:pt x="444" y="395"/>
                  <a:pt x="444" y="395"/>
                </a:cubicBezTo>
                <a:cubicBezTo>
                  <a:pt x="433" y="416"/>
                  <a:pt x="416" y="435"/>
                  <a:pt x="390" y="447"/>
                </a:cubicBezTo>
                <a:cubicBezTo>
                  <a:pt x="390" y="447"/>
                  <a:pt x="390" y="447"/>
                  <a:pt x="390" y="447"/>
                </a:cubicBezTo>
                <a:cubicBezTo>
                  <a:pt x="374" y="455"/>
                  <a:pt x="354" y="459"/>
                  <a:pt x="331" y="459"/>
                </a:cubicBezTo>
                <a:cubicBezTo>
                  <a:pt x="331" y="459"/>
                  <a:pt x="331" y="459"/>
                  <a:pt x="331" y="459"/>
                </a:cubicBezTo>
                <a:cubicBezTo>
                  <a:pt x="331" y="459"/>
                  <a:pt x="331" y="459"/>
                  <a:pt x="331" y="459"/>
                </a:cubicBezTo>
                <a:cubicBezTo>
                  <a:pt x="331" y="459"/>
                  <a:pt x="331" y="459"/>
                  <a:pt x="331" y="459"/>
                </a:cubicBezTo>
                <a:cubicBezTo>
                  <a:pt x="307" y="459"/>
                  <a:pt x="287" y="453"/>
                  <a:pt x="271" y="444"/>
                </a:cubicBezTo>
                <a:close/>
                <a:moveTo>
                  <a:pt x="294" y="122"/>
                </a:moveTo>
                <a:cubicBezTo>
                  <a:pt x="294" y="122"/>
                  <a:pt x="294" y="122"/>
                  <a:pt x="294" y="122"/>
                </a:cubicBezTo>
                <a:cubicBezTo>
                  <a:pt x="294" y="122"/>
                  <a:pt x="294" y="122"/>
                  <a:pt x="294" y="122"/>
                </a:cubicBezTo>
                <a:cubicBezTo>
                  <a:pt x="294" y="122"/>
                  <a:pt x="294" y="122"/>
                  <a:pt x="294" y="122"/>
                </a:cubicBezTo>
                <a:cubicBezTo>
                  <a:pt x="294" y="122"/>
                  <a:pt x="294" y="122"/>
                  <a:pt x="294" y="12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7" name="Freeform 200"/>
          <p:cNvSpPr>
            <a:spLocks noChangeAspect="1"/>
          </p:cNvSpPr>
          <p:nvPr userDrawn="1"/>
        </p:nvSpPr>
        <p:spPr bwMode="auto">
          <a:xfrm>
            <a:off x="9512898" y="2195360"/>
            <a:ext cx="273023" cy="393192"/>
          </a:xfrm>
          <a:custGeom>
            <a:avLst/>
            <a:gdLst/>
            <a:ahLst/>
            <a:cxnLst>
              <a:cxn ang="0">
                <a:pos x="0" y="62"/>
              </a:cxn>
              <a:cxn ang="0">
                <a:pos x="0" y="101"/>
              </a:cxn>
              <a:cxn ang="0">
                <a:pos x="8" y="140"/>
              </a:cxn>
              <a:cxn ang="0">
                <a:pos x="9" y="143"/>
              </a:cxn>
              <a:cxn ang="0">
                <a:pos x="10" y="143"/>
              </a:cxn>
              <a:cxn ang="0">
                <a:pos x="31" y="193"/>
              </a:cxn>
              <a:cxn ang="0">
                <a:pos x="48" y="231"/>
              </a:cxn>
              <a:cxn ang="0">
                <a:pos x="90" y="263"/>
              </a:cxn>
              <a:cxn ang="0">
                <a:pos x="119" y="263"/>
              </a:cxn>
              <a:cxn ang="0">
                <a:pos x="68" y="367"/>
              </a:cxn>
              <a:cxn ang="0">
                <a:pos x="230" y="425"/>
              </a:cxn>
              <a:cxn ang="0">
                <a:pos x="168" y="373"/>
              </a:cxn>
              <a:cxn ang="0">
                <a:pos x="149" y="367"/>
              </a:cxn>
              <a:cxn ang="0">
                <a:pos x="200" y="315"/>
              </a:cxn>
              <a:cxn ang="0">
                <a:pos x="187" y="237"/>
              </a:cxn>
              <a:cxn ang="0">
                <a:pos x="174" y="315"/>
              </a:cxn>
              <a:cxn ang="0">
                <a:pos x="122" y="367"/>
              </a:cxn>
              <a:cxn ang="0">
                <a:pos x="188" y="390"/>
              </a:cxn>
              <a:cxn ang="0">
                <a:pos x="210" y="408"/>
              </a:cxn>
              <a:cxn ang="0">
                <a:pos x="114" y="413"/>
              </a:cxn>
              <a:cxn ang="0">
                <a:pos x="137" y="306"/>
              </a:cxn>
              <a:cxn ang="0">
                <a:pos x="146" y="250"/>
              </a:cxn>
              <a:cxn ang="0">
                <a:pos x="89" y="237"/>
              </a:cxn>
              <a:cxn ang="0">
                <a:pos x="72" y="220"/>
              </a:cxn>
              <a:cxn ang="0">
                <a:pos x="56" y="183"/>
              </a:cxn>
              <a:cxn ang="0">
                <a:pos x="36" y="137"/>
              </a:cxn>
              <a:cxn ang="0">
                <a:pos x="33" y="131"/>
              </a:cxn>
              <a:cxn ang="0">
                <a:pos x="26" y="63"/>
              </a:cxn>
              <a:cxn ang="0">
                <a:pos x="61" y="27"/>
              </a:cxn>
              <a:cxn ang="0">
                <a:pos x="259" y="27"/>
              </a:cxn>
              <a:cxn ang="0">
                <a:pos x="290" y="61"/>
              </a:cxn>
              <a:cxn ang="0">
                <a:pos x="283" y="132"/>
              </a:cxn>
              <a:cxn ang="0">
                <a:pos x="227" y="260"/>
              </a:cxn>
              <a:cxn ang="0">
                <a:pos x="307" y="143"/>
              </a:cxn>
              <a:cxn ang="0">
                <a:pos x="317" y="61"/>
              </a:cxn>
              <a:cxn ang="0">
                <a:pos x="258" y="0"/>
              </a:cxn>
              <a:cxn ang="0">
                <a:pos x="61" y="0"/>
              </a:cxn>
            </a:cxnLst>
            <a:rect l="0" t="0" r="r" b="b"/>
            <a:pathLst>
              <a:path w="317" h="458">
                <a:moveTo>
                  <a:pt x="61" y="0"/>
                </a:moveTo>
                <a:cubicBezTo>
                  <a:pt x="14" y="0"/>
                  <a:pt x="0" y="41"/>
                  <a:pt x="0" y="62"/>
                </a:cubicBezTo>
                <a:cubicBezTo>
                  <a:pt x="0" y="62"/>
                  <a:pt x="0" y="63"/>
                  <a:pt x="0" y="63"/>
                </a:cubicBezTo>
                <a:cubicBezTo>
                  <a:pt x="0" y="101"/>
                  <a:pt x="0" y="101"/>
                  <a:pt x="0" y="101"/>
                </a:cubicBezTo>
                <a:cubicBezTo>
                  <a:pt x="0" y="115"/>
                  <a:pt x="6" y="133"/>
                  <a:pt x="8" y="140"/>
                </a:cubicBezTo>
                <a:cubicBezTo>
                  <a:pt x="8" y="140"/>
                  <a:pt x="8" y="140"/>
                  <a:pt x="8" y="140"/>
                </a:cubicBezTo>
                <a:cubicBezTo>
                  <a:pt x="9" y="143"/>
                  <a:pt x="9" y="143"/>
                  <a:pt x="9" y="143"/>
                </a:cubicBezTo>
                <a:cubicBezTo>
                  <a:pt x="9" y="143"/>
                  <a:pt x="9" y="143"/>
                  <a:pt x="9" y="143"/>
                </a:cubicBezTo>
                <a:cubicBezTo>
                  <a:pt x="9" y="143"/>
                  <a:pt x="9" y="143"/>
                  <a:pt x="9" y="143"/>
                </a:cubicBezTo>
                <a:cubicBezTo>
                  <a:pt x="10" y="143"/>
                  <a:pt x="10" y="143"/>
                  <a:pt x="10" y="143"/>
                </a:cubicBezTo>
                <a:cubicBezTo>
                  <a:pt x="11" y="145"/>
                  <a:pt x="11" y="147"/>
                  <a:pt x="11" y="147"/>
                </a:cubicBezTo>
                <a:cubicBezTo>
                  <a:pt x="16" y="158"/>
                  <a:pt x="24" y="177"/>
                  <a:pt x="31" y="193"/>
                </a:cubicBezTo>
                <a:cubicBezTo>
                  <a:pt x="32" y="195"/>
                  <a:pt x="33" y="198"/>
                  <a:pt x="36" y="203"/>
                </a:cubicBezTo>
                <a:cubicBezTo>
                  <a:pt x="39" y="211"/>
                  <a:pt x="44" y="220"/>
                  <a:pt x="48" y="231"/>
                </a:cubicBezTo>
                <a:cubicBezTo>
                  <a:pt x="48" y="231"/>
                  <a:pt x="48" y="231"/>
                  <a:pt x="48" y="231"/>
                </a:cubicBezTo>
                <a:cubicBezTo>
                  <a:pt x="64" y="264"/>
                  <a:pt x="87" y="263"/>
                  <a:pt x="90" y="263"/>
                </a:cubicBezTo>
                <a:cubicBezTo>
                  <a:pt x="90" y="263"/>
                  <a:pt x="89" y="263"/>
                  <a:pt x="89" y="263"/>
                </a:cubicBezTo>
                <a:cubicBezTo>
                  <a:pt x="89" y="263"/>
                  <a:pt x="106" y="263"/>
                  <a:pt x="119" y="263"/>
                </a:cubicBezTo>
                <a:cubicBezTo>
                  <a:pt x="119" y="272"/>
                  <a:pt x="119" y="278"/>
                  <a:pt x="119" y="284"/>
                </a:cubicBezTo>
                <a:cubicBezTo>
                  <a:pt x="88" y="300"/>
                  <a:pt x="68" y="332"/>
                  <a:pt x="68" y="367"/>
                </a:cubicBezTo>
                <a:cubicBezTo>
                  <a:pt x="68" y="417"/>
                  <a:pt x="109" y="458"/>
                  <a:pt x="160" y="458"/>
                </a:cubicBezTo>
                <a:cubicBezTo>
                  <a:pt x="187" y="458"/>
                  <a:pt x="213" y="446"/>
                  <a:pt x="230" y="425"/>
                </a:cubicBezTo>
                <a:cubicBezTo>
                  <a:pt x="245" y="408"/>
                  <a:pt x="242" y="382"/>
                  <a:pt x="225" y="368"/>
                </a:cubicBezTo>
                <a:cubicBezTo>
                  <a:pt x="208" y="354"/>
                  <a:pt x="182" y="356"/>
                  <a:pt x="168" y="373"/>
                </a:cubicBezTo>
                <a:cubicBezTo>
                  <a:pt x="166" y="376"/>
                  <a:pt x="163" y="377"/>
                  <a:pt x="160" y="377"/>
                </a:cubicBezTo>
                <a:cubicBezTo>
                  <a:pt x="154" y="377"/>
                  <a:pt x="149" y="372"/>
                  <a:pt x="149" y="367"/>
                </a:cubicBezTo>
                <a:cubicBezTo>
                  <a:pt x="149" y="361"/>
                  <a:pt x="154" y="356"/>
                  <a:pt x="160" y="356"/>
                </a:cubicBezTo>
                <a:cubicBezTo>
                  <a:pt x="182" y="356"/>
                  <a:pt x="200" y="338"/>
                  <a:pt x="200" y="315"/>
                </a:cubicBezTo>
                <a:cubicBezTo>
                  <a:pt x="200" y="250"/>
                  <a:pt x="200" y="250"/>
                  <a:pt x="200" y="250"/>
                </a:cubicBezTo>
                <a:cubicBezTo>
                  <a:pt x="200" y="242"/>
                  <a:pt x="194" y="237"/>
                  <a:pt x="187" y="237"/>
                </a:cubicBezTo>
                <a:cubicBezTo>
                  <a:pt x="179" y="237"/>
                  <a:pt x="173" y="243"/>
                  <a:pt x="173" y="250"/>
                </a:cubicBezTo>
                <a:cubicBezTo>
                  <a:pt x="174" y="315"/>
                  <a:pt x="174" y="315"/>
                  <a:pt x="174" y="315"/>
                </a:cubicBezTo>
                <a:cubicBezTo>
                  <a:pt x="174" y="323"/>
                  <a:pt x="167" y="329"/>
                  <a:pt x="160" y="329"/>
                </a:cubicBezTo>
                <a:cubicBezTo>
                  <a:pt x="139" y="329"/>
                  <a:pt x="122" y="346"/>
                  <a:pt x="122" y="367"/>
                </a:cubicBezTo>
                <a:cubicBezTo>
                  <a:pt x="122" y="387"/>
                  <a:pt x="139" y="404"/>
                  <a:pt x="160" y="404"/>
                </a:cubicBezTo>
                <a:cubicBezTo>
                  <a:pt x="171" y="404"/>
                  <a:pt x="181" y="399"/>
                  <a:pt x="188" y="390"/>
                </a:cubicBezTo>
                <a:cubicBezTo>
                  <a:pt x="193" y="384"/>
                  <a:pt x="202" y="384"/>
                  <a:pt x="208" y="388"/>
                </a:cubicBezTo>
                <a:cubicBezTo>
                  <a:pt x="214" y="393"/>
                  <a:pt x="215" y="402"/>
                  <a:pt x="210" y="408"/>
                </a:cubicBezTo>
                <a:cubicBezTo>
                  <a:pt x="197" y="423"/>
                  <a:pt x="179" y="432"/>
                  <a:pt x="160" y="432"/>
                </a:cubicBezTo>
                <a:cubicBezTo>
                  <a:pt x="142" y="432"/>
                  <a:pt x="126" y="425"/>
                  <a:pt x="114" y="413"/>
                </a:cubicBezTo>
                <a:cubicBezTo>
                  <a:pt x="101" y="400"/>
                  <a:pt x="94" y="384"/>
                  <a:pt x="94" y="367"/>
                </a:cubicBezTo>
                <a:cubicBezTo>
                  <a:pt x="94" y="340"/>
                  <a:pt x="112" y="315"/>
                  <a:pt x="137" y="306"/>
                </a:cubicBezTo>
                <a:cubicBezTo>
                  <a:pt x="142" y="304"/>
                  <a:pt x="146" y="299"/>
                  <a:pt x="146" y="293"/>
                </a:cubicBezTo>
                <a:cubicBezTo>
                  <a:pt x="146" y="250"/>
                  <a:pt x="146" y="250"/>
                  <a:pt x="146" y="250"/>
                </a:cubicBezTo>
                <a:cubicBezTo>
                  <a:pt x="146" y="243"/>
                  <a:pt x="140" y="237"/>
                  <a:pt x="132" y="237"/>
                </a:cubicBezTo>
                <a:cubicBezTo>
                  <a:pt x="132" y="237"/>
                  <a:pt x="89" y="237"/>
                  <a:pt x="89" y="237"/>
                </a:cubicBezTo>
                <a:cubicBezTo>
                  <a:pt x="89" y="237"/>
                  <a:pt x="89" y="237"/>
                  <a:pt x="89" y="237"/>
                </a:cubicBezTo>
                <a:cubicBezTo>
                  <a:pt x="88" y="236"/>
                  <a:pt x="80" y="236"/>
                  <a:pt x="72" y="220"/>
                </a:cubicBezTo>
                <a:cubicBezTo>
                  <a:pt x="68" y="209"/>
                  <a:pt x="63" y="199"/>
                  <a:pt x="60" y="192"/>
                </a:cubicBezTo>
                <a:cubicBezTo>
                  <a:pt x="58" y="188"/>
                  <a:pt x="56" y="184"/>
                  <a:pt x="56" y="183"/>
                </a:cubicBezTo>
                <a:cubicBezTo>
                  <a:pt x="56" y="182"/>
                  <a:pt x="55" y="182"/>
                  <a:pt x="55" y="182"/>
                </a:cubicBezTo>
                <a:cubicBezTo>
                  <a:pt x="49" y="167"/>
                  <a:pt x="40" y="147"/>
                  <a:pt x="36" y="137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4" y="131"/>
                  <a:pt x="34" y="131"/>
                  <a:pt x="33" y="131"/>
                </a:cubicBezTo>
                <a:cubicBezTo>
                  <a:pt x="31" y="124"/>
                  <a:pt x="26" y="110"/>
                  <a:pt x="26" y="101"/>
                </a:cubicBezTo>
                <a:cubicBezTo>
                  <a:pt x="26" y="101"/>
                  <a:pt x="26" y="64"/>
                  <a:pt x="26" y="63"/>
                </a:cubicBezTo>
                <a:cubicBezTo>
                  <a:pt x="26" y="62"/>
                  <a:pt x="27" y="53"/>
                  <a:pt x="32" y="44"/>
                </a:cubicBezTo>
                <a:cubicBezTo>
                  <a:pt x="38" y="32"/>
                  <a:pt x="47" y="27"/>
                  <a:pt x="61" y="27"/>
                </a:cubicBezTo>
                <a:cubicBezTo>
                  <a:pt x="258" y="27"/>
                  <a:pt x="258" y="27"/>
                  <a:pt x="258" y="27"/>
                </a:cubicBezTo>
                <a:cubicBezTo>
                  <a:pt x="258" y="27"/>
                  <a:pt x="259" y="27"/>
                  <a:pt x="259" y="27"/>
                </a:cubicBezTo>
                <a:cubicBezTo>
                  <a:pt x="259" y="27"/>
                  <a:pt x="273" y="27"/>
                  <a:pt x="282" y="36"/>
                </a:cubicBezTo>
                <a:cubicBezTo>
                  <a:pt x="288" y="41"/>
                  <a:pt x="290" y="50"/>
                  <a:pt x="290" y="61"/>
                </a:cubicBezTo>
                <a:cubicBezTo>
                  <a:pt x="290" y="101"/>
                  <a:pt x="290" y="101"/>
                  <a:pt x="290" y="101"/>
                </a:cubicBezTo>
                <a:cubicBezTo>
                  <a:pt x="290" y="113"/>
                  <a:pt x="289" y="119"/>
                  <a:pt x="283" y="132"/>
                </a:cubicBezTo>
                <a:cubicBezTo>
                  <a:pt x="281" y="137"/>
                  <a:pt x="245" y="200"/>
                  <a:pt x="222" y="242"/>
                </a:cubicBezTo>
                <a:cubicBezTo>
                  <a:pt x="219" y="248"/>
                  <a:pt x="221" y="256"/>
                  <a:pt x="227" y="260"/>
                </a:cubicBezTo>
                <a:cubicBezTo>
                  <a:pt x="234" y="264"/>
                  <a:pt x="242" y="261"/>
                  <a:pt x="246" y="255"/>
                </a:cubicBezTo>
                <a:cubicBezTo>
                  <a:pt x="255" y="237"/>
                  <a:pt x="304" y="150"/>
                  <a:pt x="307" y="143"/>
                </a:cubicBezTo>
                <a:cubicBezTo>
                  <a:pt x="315" y="127"/>
                  <a:pt x="317" y="117"/>
                  <a:pt x="317" y="101"/>
                </a:cubicBezTo>
                <a:cubicBezTo>
                  <a:pt x="317" y="61"/>
                  <a:pt x="317" y="61"/>
                  <a:pt x="317" y="61"/>
                </a:cubicBezTo>
                <a:cubicBezTo>
                  <a:pt x="317" y="42"/>
                  <a:pt x="311" y="27"/>
                  <a:pt x="300" y="16"/>
                </a:cubicBezTo>
                <a:cubicBezTo>
                  <a:pt x="283" y="0"/>
                  <a:pt x="260" y="0"/>
                  <a:pt x="258" y="0"/>
                </a:cubicBezTo>
                <a:cubicBezTo>
                  <a:pt x="258" y="0"/>
                  <a:pt x="258" y="0"/>
                  <a:pt x="258" y="0"/>
                </a:cubicBezTo>
                <a:cubicBezTo>
                  <a:pt x="61" y="0"/>
                  <a:pt x="61" y="0"/>
                  <a:pt x="61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8" name="Freeform 204"/>
          <p:cNvSpPr>
            <a:spLocks noChangeAspect="1"/>
          </p:cNvSpPr>
          <p:nvPr userDrawn="1"/>
        </p:nvSpPr>
        <p:spPr bwMode="auto">
          <a:xfrm>
            <a:off x="7605970" y="3000094"/>
            <a:ext cx="231658" cy="393192"/>
          </a:xfrm>
          <a:custGeom>
            <a:avLst/>
            <a:gdLst/>
            <a:ahLst/>
            <a:cxnLst>
              <a:cxn ang="0">
                <a:pos x="128" y="136"/>
              </a:cxn>
              <a:cxn ang="0">
                <a:pos x="128" y="188"/>
              </a:cxn>
              <a:cxn ang="0">
                <a:pos x="141" y="201"/>
              </a:cxn>
              <a:cxn ang="0">
                <a:pos x="237" y="201"/>
              </a:cxn>
              <a:cxn ang="0">
                <a:pos x="251" y="188"/>
              </a:cxn>
              <a:cxn ang="0">
                <a:pos x="251" y="13"/>
              </a:cxn>
              <a:cxn ang="0">
                <a:pos x="237" y="0"/>
              </a:cxn>
              <a:cxn ang="0">
                <a:pos x="13" y="0"/>
              </a:cxn>
              <a:cxn ang="0">
                <a:pos x="0" y="13"/>
              </a:cxn>
              <a:cxn ang="0">
                <a:pos x="0" y="413"/>
              </a:cxn>
              <a:cxn ang="0">
                <a:pos x="13" y="427"/>
              </a:cxn>
              <a:cxn ang="0">
                <a:pos x="237" y="427"/>
              </a:cxn>
              <a:cxn ang="0">
                <a:pos x="251" y="413"/>
              </a:cxn>
              <a:cxn ang="0">
                <a:pos x="251" y="239"/>
              </a:cxn>
              <a:cxn ang="0">
                <a:pos x="237" y="226"/>
              </a:cxn>
              <a:cxn ang="0">
                <a:pos x="141" y="226"/>
              </a:cxn>
              <a:cxn ang="0">
                <a:pos x="128" y="239"/>
              </a:cxn>
              <a:cxn ang="0">
                <a:pos x="128" y="291"/>
              </a:cxn>
              <a:cxn ang="0">
                <a:pos x="141" y="304"/>
              </a:cxn>
              <a:cxn ang="0">
                <a:pos x="168" y="304"/>
              </a:cxn>
              <a:cxn ang="0">
                <a:pos x="128" y="354"/>
              </a:cxn>
              <a:cxn ang="0">
                <a:pos x="88" y="304"/>
              </a:cxn>
              <a:cxn ang="0">
                <a:pos x="104" y="304"/>
              </a:cxn>
              <a:cxn ang="0">
                <a:pos x="117" y="291"/>
              </a:cxn>
              <a:cxn ang="0">
                <a:pos x="104" y="278"/>
              </a:cxn>
              <a:cxn ang="0">
                <a:pos x="60" y="278"/>
              </a:cxn>
              <a:cxn ang="0">
                <a:pos x="48" y="285"/>
              </a:cxn>
              <a:cxn ang="0">
                <a:pos x="49" y="299"/>
              </a:cxn>
              <a:cxn ang="0">
                <a:pos x="117" y="384"/>
              </a:cxn>
              <a:cxn ang="0">
                <a:pos x="128" y="389"/>
              </a:cxn>
              <a:cxn ang="0">
                <a:pos x="138" y="384"/>
              </a:cxn>
              <a:cxn ang="0">
                <a:pos x="206" y="299"/>
              </a:cxn>
              <a:cxn ang="0">
                <a:pos x="208" y="285"/>
              </a:cxn>
              <a:cxn ang="0">
                <a:pos x="196" y="278"/>
              </a:cxn>
              <a:cxn ang="0">
                <a:pos x="155" y="278"/>
              </a:cxn>
              <a:cxn ang="0">
                <a:pos x="155" y="252"/>
              </a:cxn>
              <a:cxn ang="0">
                <a:pos x="224" y="252"/>
              </a:cxn>
              <a:cxn ang="0">
                <a:pos x="224" y="400"/>
              </a:cxn>
              <a:cxn ang="0">
                <a:pos x="27" y="400"/>
              </a:cxn>
              <a:cxn ang="0">
                <a:pos x="27" y="27"/>
              </a:cxn>
              <a:cxn ang="0">
                <a:pos x="224" y="27"/>
              </a:cxn>
              <a:cxn ang="0">
                <a:pos x="224" y="174"/>
              </a:cxn>
              <a:cxn ang="0">
                <a:pos x="155" y="174"/>
              </a:cxn>
              <a:cxn ang="0">
                <a:pos x="155" y="149"/>
              </a:cxn>
              <a:cxn ang="0">
                <a:pos x="196" y="149"/>
              </a:cxn>
              <a:cxn ang="0">
                <a:pos x="208" y="142"/>
              </a:cxn>
              <a:cxn ang="0">
                <a:pos x="206" y="127"/>
              </a:cxn>
              <a:cxn ang="0">
                <a:pos x="138" y="43"/>
              </a:cxn>
              <a:cxn ang="0">
                <a:pos x="128" y="38"/>
              </a:cxn>
              <a:cxn ang="0">
                <a:pos x="117" y="43"/>
              </a:cxn>
              <a:cxn ang="0">
                <a:pos x="49" y="127"/>
              </a:cxn>
              <a:cxn ang="0">
                <a:pos x="48" y="142"/>
              </a:cxn>
              <a:cxn ang="0">
                <a:pos x="60" y="149"/>
              </a:cxn>
              <a:cxn ang="0">
                <a:pos x="104" y="149"/>
              </a:cxn>
              <a:cxn ang="0">
                <a:pos x="117" y="136"/>
              </a:cxn>
              <a:cxn ang="0">
                <a:pos x="104" y="122"/>
              </a:cxn>
              <a:cxn ang="0">
                <a:pos x="88" y="122"/>
              </a:cxn>
              <a:cxn ang="0">
                <a:pos x="128" y="72"/>
              </a:cxn>
              <a:cxn ang="0">
                <a:pos x="168" y="122"/>
              </a:cxn>
              <a:cxn ang="0">
                <a:pos x="141" y="122"/>
              </a:cxn>
              <a:cxn ang="0">
                <a:pos x="128" y="136"/>
              </a:cxn>
            </a:cxnLst>
            <a:rect l="0" t="0" r="r" b="b"/>
            <a:pathLst>
              <a:path w="251" h="427">
                <a:moveTo>
                  <a:pt x="128" y="136"/>
                </a:moveTo>
                <a:cubicBezTo>
                  <a:pt x="128" y="188"/>
                  <a:pt x="128" y="188"/>
                  <a:pt x="128" y="188"/>
                </a:cubicBezTo>
                <a:cubicBezTo>
                  <a:pt x="128" y="195"/>
                  <a:pt x="134" y="201"/>
                  <a:pt x="141" y="201"/>
                </a:cubicBezTo>
                <a:cubicBezTo>
                  <a:pt x="237" y="201"/>
                  <a:pt x="237" y="201"/>
                  <a:pt x="237" y="201"/>
                </a:cubicBezTo>
                <a:cubicBezTo>
                  <a:pt x="245" y="201"/>
                  <a:pt x="251" y="195"/>
                  <a:pt x="251" y="188"/>
                </a:cubicBezTo>
                <a:cubicBezTo>
                  <a:pt x="251" y="13"/>
                  <a:pt x="251" y="13"/>
                  <a:pt x="251" y="13"/>
                </a:cubicBezTo>
                <a:cubicBezTo>
                  <a:pt x="251" y="6"/>
                  <a:pt x="245" y="0"/>
                  <a:pt x="237" y="0"/>
                </a:cubicBezTo>
                <a:cubicBezTo>
                  <a:pt x="13" y="0"/>
                  <a:pt x="13" y="0"/>
                  <a:pt x="13" y="0"/>
                </a:cubicBezTo>
                <a:cubicBezTo>
                  <a:pt x="6" y="0"/>
                  <a:pt x="0" y="6"/>
                  <a:pt x="0" y="13"/>
                </a:cubicBezTo>
                <a:cubicBezTo>
                  <a:pt x="0" y="413"/>
                  <a:pt x="0" y="413"/>
                  <a:pt x="0" y="413"/>
                </a:cubicBezTo>
                <a:cubicBezTo>
                  <a:pt x="0" y="421"/>
                  <a:pt x="6" y="427"/>
                  <a:pt x="13" y="427"/>
                </a:cubicBezTo>
                <a:cubicBezTo>
                  <a:pt x="237" y="427"/>
                  <a:pt x="237" y="427"/>
                  <a:pt x="237" y="427"/>
                </a:cubicBezTo>
                <a:cubicBezTo>
                  <a:pt x="245" y="427"/>
                  <a:pt x="251" y="421"/>
                  <a:pt x="251" y="413"/>
                </a:cubicBezTo>
                <a:cubicBezTo>
                  <a:pt x="251" y="239"/>
                  <a:pt x="251" y="239"/>
                  <a:pt x="251" y="239"/>
                </a:cubicBezTo>
                <a:cubicBezTo>
                  <a:pt x="251" y="232"/>
                  <a:pt x="245" y="226"/>
                  <a:pt x="237" y="226"/>
                </a:cubicBezTo>
                <a:cubicBezTo>
                  <a:pt x="141" y="226"/>
                  <a:pt x="141" y="226"/>
                  <a:pt x="141" y="226"/>
                </a:cubicBezTo>
                <a:cubicBezTo>
                  <a:pt x="134" y="226"/>
                  <a:pt x="128" y="232"/>
                  <a:pt x="128" y="239"/>
                </a:cubicBezTo>
                <a:cubicBezTo>
                  <a:pt x="128" y="291"/>
                  <a:pt x="128" y="291"/>
                  <a:pt x="128" y="291"/>
                </a:cubicBezTo>
                <a:cubicBezTo>
                  <a:pt x="128" y="298"/>
                  <a:pt x="134" y="304"/>
                  <a:pt x="141" y="304"/>
                </a:cubicBezTo>
                <a:cubicBezTo>
                  <a:pt x="168" y="304"/>
                  <a:pt x="168" y="304"/>
                  <a:pt x="168" y="304"/>
                </a:cubicBezTo>
                <a:cubicBezTo>
                  <a:pt x="128" y="354"/>
                  <a:pt x="128" y="354"/>
                  <a:pt x="128" y="354"/>
                </a:cubicBezTo>
                <a:cubicBezTo>
                  <a:pt x="88" y="304"/>
                  <a:pt x="88" y="304"/>
                  <a:pt x="88" y="304"/>
                </a:cubicBezTo>
                <a:cubicBezTo>
                  <a:pt x="104" y="304"/>
                  <a:pt x="104" y="304"/>
                  <a:pt x="104" y="304"/>
                </a:cubicBezTo>
                <a:cubicBezTo>
                  <a:pt x="111" y="304"/>
                  <a:pt x="117" y="298"/>
                  <a:pt x="117" y="291"/>
                </a:cubicBezTo>
                <a:cubicBezTo>
                  <a:pt x="117" y="283"/>
                  <a:pt x="111" y="278"/>
                  <a:pt x="104" y="278"/>
                </a:cubicBezTo>
                <a:cubicBezTo>
                  <a:pt x="60" y="278"/>
                  <a:pt x="60" y="278"/>
                  <a:pt x="60" y="278"/>
                </a:cubicBezTo>
                <a:cubicBezTo>
                  <a:pt x="55" y="278"/>
                  <a:pt x="50" y="280"/>
                  <a:pt x="48" y="285"/>
                </a:cubicBezTo>
                <a:cubicBezTo>
                  <a:pt x="46" y="290"/>
                  <a:pt x="46" y="295"/>
                  <a:pt x="49" y="299"/>
                </a:cubicBezTo>
                <a:cubicBezTo>
                  <a:pt x="117" y="384"/>
                  <a:pt x="117" y="384"/>
                  <a:pt x="117" y="384"/>
                </a:cubicBezTo>
                <a:cubicBezTo>
                  <a:pt x="120" y="387"/>
                  <a:pt x="124" y="389"/>
                  <a:pt x="128" y="389"/>
                </a:cubicBezTo>
                <a:cubicBezTo>
                  <a:pt x="132" y="389"/>
                  <a:pt x="136" y="387"/>
                  <a:pt x="138" y="384"/>
                </a:cubicBezTo>
                <a:cubicBezTo>
                  <a:pt x="206" y="299"/>
                  <a:pt x="206" y="299"/>
                  <a:pt x="206" y="299"/>
                </a:cubicBezTo>
                <a:cubicBezTo>
                  <a:pt x="209" y="295"/>
                  <a:pt x="210" y="290"/>
                  <a:pt x="208" y="285"/>
                </a:cubicBezTo>
                <a:cubicBezTo>
                  <a:pt x="206" y="280"/>
                  <a:pt x="201" y="278"/>
                  <a:pt x="196" y="278"/>
                </a:cubicBezTo>
                <a:cubicBezTo>
                  <a:pt x="155" y="278"/>
                  <a:pt x="155" y="278"/>
                  <a:pt x="155" y="278"/>
                </a:cubicBezTo>
                <a:cubicBezTo>
                  <a:pt x="155" y="252"/>
                  <a:pt x="155" y="252"/>
                  <a:pt x="155" y="252"/>
                </a:cubicBezTo>
                <a:cubicBezTo>
                  <a:pt x="224" y="252"/>
                  <a:pt x="224" y="252"/>
                  <a:pt x="224" y="252"/>
                </a:cubicBezTo>
                <a:cubicBezTo>
                  <a:pt x="224" y="400"/>
                  <a:pt x="224" y="400"/>
                  <a:pt x="224" y="400"/>
                </a:cubicBezTo>
                <a:cubicBezTo>
                  <a:pt x="27" y="400"/>
                  <a:pt x="27" y="400"/>
                  <a:pt x="27" y="400"/>
                </a:cubicBezTo>
                <a:cubicBezTo>
                  <a:pt x="27" y="27"/>
                  <a:pt x="27" y="27"/>
                  <a:pt x="27" y="27"/>
                </a:cubicBezTo>
                <a:cubicBezTo>
                  <a:pt x="224" y="27"/>
                  <a:pt x="224" y="27"/>
                  <a:pt x="224" y="27"/>
                </a:cubicBezTo>
                <a:cubicBezTo>
                  <a:pt x="224" y="174"/>
                  <a:pt x="224" y="174"/>
                  <a:pt x="224" y="174"/>
                </a:cubicBezTo>
                <a:cubicBezTo>
                  <a:pt x="155" y="174"/>
                  <a:pt x="155" y="174"/>
                  <a:pt x="155" y="174"/>
                </a:cubicBezTo>
                <a:cubicBezTo>
                  <a:pt x="155" y="149"/>
                  <a:pt x="155" y="149"/>
                  <a:pt x="155" y="149"/>
                </a:cubicBezTo>
                <a:cubicBezTo>
                  <a:pt x="196" y="149"/>
                  <a:pt x="196" y="149"/>
                  <a:pt x="196" y="149"/>
                </a:cubicBezTo>
                <a:cubicBezTo>
                  <a:pt x="201" y="149"/>
                  <a:pt x="206" y="146"/>
                  <a:pt x="208" y="142"/>
                </a:cubicBezTo>
                <a:cubicBezTo>
                  <a:pt x="210" y="137"/>
                  <a:pt x="209" y="131"/>
                  <a:pt x="206" y="127"/>
                </a:cubicBezTo>
                <a:cubicBezTo>
                  <a:pt x="138" y="43"/>
                  <a:pt x="138" y="43"/>
                  <a:pt x="138" y="43"/>
                </a:cubicBezTo>
                <a:cubicBezTo>
                  <a:pt x="136" y="39"/>
                  <a:pt x="132" y="38"/>
                  <a:pt x="128" y="38"/>
                </a:cubicBezTo>
                <a:cubicBezTo>
                  <a:pt x="124" y="38"/>
                  <a:pt x="120" y="39"/>
                  <a:pt x="117" y="43"/>
                </a:cubicBezTo>
                <a:cubicBezTo>
                  <a:pt x="49" y="127"/>
                  <a:pt x="49" y="127"/>
                  <a:pt x="49" y="127"/>
                </a:cubicBezTo>
                <a:cubicBezTo>
                  <a:pt x="46" y="131"/>
                  <a:pt x="46" y="137"/>
                  <a:pt x="48" y="142"/>
                </a:cubicBezTo>
                <a:cubicBezTo>
                  <a:pt x="50" y="146"/>
                  <a:pt x="55" y="149"/>
                  <a:pt x="60" y="149"/>
                </a:cubicBezTo>
                <a:cubicBezTo>
                  <a:pt x="104" y="149"/>
                  <a:pt x="104" y="149"/>
                  <a:pt x="104" y="149"/>
                </a:cubicBezTo>
                <a:cubicBezTo>
                  <a:pt x="111" y="149"/>
                  <a:pt x="117" y="143"/>
                  <a:pt x="117" y="136"/>
                </a:cubicBezTo>
                <a:cubicBezTo>
                  <a:pt x="117" y="128"/>
                  <a:pt x="111" y="122"/>
                  <a:pt x="104" y="122"/>
                </a:cubicBezTo>
                <a:cubicBezTo>
                  <a:pt x="88" y="122"/>
                  <a:pt x="88" y="122"/>
                  <a:pt x="88" y="122"/>
                </a:cubicBezTo>
                <a:cubicBezTo>
                  <a:pt x="128" y="72"/>
                  <a:pt x="128" y="72"/>
                  <a:pt x="128" y="72"/>
                </a:cubicBezTo>
                <a:cubicBezTo>
                  <a:pt x="168" y="122"/>
                  <a:pt x="168" y="122"/>
                  <a:pt x="168" y="122"/>
                </a:cubicBezTo>
                <a:cubicBezTo>
                  <a:pt x="141" y="122"/>
                  <a:pt x="141" y="122"/>
                  <a:pt x="141" y="122"/>
                </a:cubicBezTo>
                <a:cubicBezTo>
                  <a:pt x="134" y="122"/>
                  <a:pt x="128" y="128"/>
                  <a:pt x="128" y="13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9" name="Freeform 212"/>
          <p:cNvSpPr>
            <a:spLocks noChangeAspect="1"/>
          </p:cNvSpPr>
          <p:nvPr userDrawn="1"/>
        </p:nvSpPr>
        <p:spPr bwMode="auto">
          <a:xfrm>
            <a:off x="8576192" y="3838252"/>
            <a:ext cx="201481" cy="404361"/>
          </a:xfrm>
          <a:custGeom>
            <a:avLst/>
            <a:gdLst/>
            <a:ahLst/>
            <a:cxnLst>
              <a:cxn ang="0">
                <a:pos x="192" y="3"/>
              </a:cxn>
              <a:cxn ang="0">
                <a:pos x="184" y="0"/>
              </a:cxn>
              <a:cxn ang="0">
                <a:pos x="11" y="0"/>
              </a:cxn>
              <a:cxn ang="0">
                <a:pos x="3" y="3"/>
              </a:cxn>
              <a:cxn ang="0">
                <a:pos x="0" y="11"/>
              </a:cxn>
              <a:cxn ang="0">
                <a:pos x="0" y="230"/>
              </a:cxn>
              <a:cxn ang="0">
                <a:pos x="0" y="381"/>
              </a:cxn>
              <a:cxn ang="0">
                <a:pos x="11" y="392"/>
              </a:cxn>
              <a:cxn ang="0">
                <a:pos x="23" y="381"/>
              </a:cxn>
              <a:cxn ang="0">
                <a:pos x="23" y="381"/>
              </a:cxn>
              <a:cxn ang="0">
                <a:pos x="23" y="366"/>
              </a:cxn>
              <a:cxn ang="0">
                <a:pos x="53" y="366"/>
              </a:cxn>
              <a:cxn ang="0">
                <a:pos x="64" y="355"/>
              </a:cxn>
              <a:cxn ang="0">
                <a:pos x="53" y="343"/>
              </a:cxn>
              <a:cxn ang="0">
                <a:pos x="23" y="343"/>
              </a:cxn>
              <a:cxn ang="0">
                <a:pos x="23" y="314"/>
              </a:cxn>
              <a:cxn ang="0">
                <a:pos x="52" y="314"/>
              </a:cxn>
              <a:cxn ang="0">
                <a:pos x="63" y="302"/>
              </a:cxn>
              <a:cxn ang="0">
                <a:pos x="52" y="291"/>
              </a:cxn>
              <a:cxn ang="0">
                <a:pos x="23" y="291"/>
              </a:cxn>
              <a:cxn ang="0">
                <a:pos x="23" y="256"/>
              </a:cxn>
              <a:cxn ang="0">
                <a:pos x="96" y="256"/>
              </a:cxn>
              <a:cxn ang="0">
                <a:pos x="107" y="245"/>
              </a:cxn>
              <a:cxn ang="0">
                <a:pos x="96" y="234"/>
              </a:cxn>
              <a:cxn ang="0">
                <a:pos x="23" y="234"/>
              </a:cxn>
              <a:cxn ang="0">
                <a:pos x="23" y="230"/>
              </a:cxn>
              <a:cxn ang="0">
                <a:pos x="23" y="203"/>
              </a:cxn>
              <a:cxn ang="0">
                <a:pos x="51" y="203"/>
              </a:cxn>
              <a:cxn ang="0">
                <a:pos x="63" y="191"/>
              </a:cxn>
              <a:cxn ang="0">
                <a:pos x="51" y="180"/>
              </a:cxn>
              <a:cxn ang="0">
                <a:pos x="23" y="180"/>
              </a:cxn>
              <a:cxn ang="0">
                <a:pos x="23" y="156"/>
              </a:cxn>
              <a:cxn ang="0">
                <a:pos x="52" y="156"/>
              </a:cxn>
              <a:cxn ang="0">
                <a:pos x="63" y="145"/>
              </a:cxn>
              <a:cxn ang="0">
                <a:pos x="52" y="133"/>
              </a:cxn>
              <a:cxn ang="0">
                <a:pos x="23" y="133"/>
              </a:cxn>
              <a:cxn ang="0">
                <a:pos x="23" y="104"/>
              </a:cxn>
              <a:cxn ang="0">
                <a:pos x="95" y="104"/>
              </a:cxn>
              <a:cxn ang="0">
                <a:pos x="106" y="92"/>
              </a:cxn>
              <a:cxn ang="0">
                <a:pos x="95" y="81"/>
              </a:cxn>
              <a:cxn ang="0">
                <a:pos x="23" y="81"/>
              </a:cxn>
              <a:cxn ang="0">
                <a:pos x="23" y="22"/>
              </a:cxn>
              <a:cxn ang="0">
                <a:pos x="173" y="22"/>
              </a:cxn>
              <a:cxn ang="0">
                <a:pos x="173" y="291"/>
              </a:cxn>
              <a:cxn ang="0">
                <a:pos x="184" y="303"/>
              </a:cxn>
              <a:cxn ang="0">
                <a:pos x="195" y="291"/>
              </a:cxn>
              <a:cxn ang="0">
                <a:pos x="195" y="11"/>
              </a:cxn>
              <a:cxn ang="0">
                <a:pos x="192" y="3"/>
              </a:cxn>
            </a:cxnLst>
            <a:rect l="0" t="0" r="r" b="b"/>
            <a:pathLst>
              <a:path w="195" h="392">
                <a:moveTo>
                  <a:pt x="192" y="3"/>
                </a:moveTo>
                <a:cubicBezTo>
                  <a:pt x="190" y="1"/>
                  <a:pt x="187" y="0"/>
                  <a:pt x="184" y="0"/>
                </a:cubicBezTo>
                <a:cubicBezTo>
                  <a:pt x="11" y="0"/>
                  <a:pt x="11" y="0"/>
                  <a:pt x="11" y="0"/>
                </a:cubicBezTo>
                <a:cubicBezTo>
                  <a:pt x="8" y="0"/>
                  <a:pt x="6" y="1"/>
                  <a:pt x="3" y="3"/>
                </a:cubicBezTo>
                <a:cubicBezTo>
                  <a:pt x="1" y="5"/>
                  <a:pt x="0" y="8"/>
                  <a:pt x="0" y="11"/>
                </a:cubicBezTo>
                <a:cubicBezTo>
                  <a:pt x="0" y="230"/>
                  <a:pt x="0" y="230"/>
                  <a:pt x="0" y="230"/>
                </a:cubicBezTo>
                <a:cubicBezTo>
                  <a:pt x="0" y="381"/>
                  <a:pt x="0" y="381"/>
                  <a:pt x="0" y="381"/>
                </a:cubicBezTo>
                <a:cubicBezTo>
                  <a:pt x="0" y="387"/>
                  <a:pt x="5" y="392"/>
                  <a:pt x="11" y="392"/>
                </a:cubicBezTo>
                <a:cubicBezTo>
                  <a:pt x="18" y="392"/>
                  <a:pt x="23" y="387"/>
                  <a:pt x="23" y="381"/>
                </a:cubicBezTo>
                <a:cubicBezTo>
                  <a:pt x="23" y="381"/>
                  <a:pt x="23" y="381"/>
                  <a:pt x="23" y="381"/>
                </a:cubicBezTo>
                <a:cubicBezTo>
                  <a:pt x="23" y="366"/>
                  <a:pt x="23" y="366"/>
                  <a:pt x="23" y="366"/>
                </a:cubicBezTo>
                <a:cubicBezTo>
                  <a:pt x="53" y="366"/>
                  <a:pt x="53" y="366"/>
                  <a:pt x="53" y="366"/>
                </a:cubicBezTo>
                <a:cubicBezTo>
                  <a:pt x="59" y="366"/>
                  <a:pt x="64" y="361"/>
                  <a:pt x="64" y="355"/>
                </a:cubicBezTo>
                <a:cubicBezTo>
                  <a:pt x="64" y="348"/>
                  <a:pt x="59" y="343"/>
                  <a:pt x="53" y="343"/>
                </a:cubicBezTo>
                <a:cubicBezTo>
                  <a:pt x="23" y="343"/>
                  <a:pt x="23" y="343"/>
                  <a:pt x="23" y="343"/>
                </a:cubicBezTo>
                <a:cubicBezTo>
                  <a:pt x="23" y="314"/>
                  <a:pt x="23" y="314"/>
                  <a:pt x="23" y="314"/>
                </a:cubicBezTo>
                <a:cubicBezTo>
                  <a:pt x="52" y="314"/>
                  <a:pt x="52" y="314"/>
                  <a:pt x="52" y="314"/>
                </a:cubicBezTo>
                <a:cubicBezTo>
                  <a:pt x="58" y="314"/>
                  <a:pt x="63" y="309"/>
                  <a:pt x="63" y="302"/>
                </a:cubicBezTo>
                <a:cubicBezTo>
                  <a:pt x="63" y="296"/>
                  <a:pt x="58" y="291"/>
                  <a:pt x="52" y="291"/>
                </a:cubicBezTo>
                <a:cubicBezTo>
                  <a:pt x="23" y="291"/>
                  <a:pt x="23" y="291"/>
                  <a:pt x="23" y="291"/>
                </a:cubicBezTo>
                <a:cubicBezTo>
                  <a:pt x="23" y="256"/>
                  <a:pt x="23" y="256"/>
                  <a:pt x="23" y="256"/>
                </a:cubicBezTo>
                <a:cubicBezTo>
                  <a:pt x="96" y="256"/>
                  <a:pt x="96" y="256"/>
                  <a:pt x="96" y="256"/>
                </a:cubicBezTo>
                <a:cubicBezTo>
                  <a:pt x="102" y="256"/>
                  <a:pt x="107" y="251"/>
                  <a:pt x="107" y="245"/>
                </a:cubicBezTo>
                <a:cubicBezTo>
                  <a:pt x="107" y="239"/>
                  <a:pt x="102" y="234"/>
                  <a:pt x="96" y="234"/>
                </a:cubicBezTo>
                <a:cubicBezTo>
                  <a:pt x="23" y="234"/>
                  <a:pt x="23" y="234"/>
                  <a:pt x="23" y="234"/>
                </a:cubicBezTo>
                <a:cubicBezTo>
                  <a:pt x="23" y="230"/>
                  <a:pt x="23" y="230"/>
                  <a:pt x="23" y="230"/>
                </a:cubicBezTo>
                <a:cubicBezTo>
                  <a:pt x="23" y="203"/>
                  <a:pt x="23" y="203"/>
                  <a:pt x="23" y="203"/>
                </a:cubicBezTo>
                <a:cubicBezTo>
                  <a:pt x="51" y="203"/>
                  <a:pt x="51" y="203"/>
                  <a:pt x="51" y="203"/>
                </a:cubicBezTo>
                <a:cubicBezTo>
                  <a:pt x="57" y="203"/>
                  <a:pt x="63" y="198"/>
                  <a:pt x="63" y="191"/>
                </a:cubicBezTo>
                <a:cubicBezTo>
                  <a:pt x="63" y="185"/>
                  <a:pt x="57" y="180"/>
                  <a:pt x="51" y="180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56"/>
                  <a:pt x="23" y="156"/>
                  <a:pt x="23" y="156"/>
                </a:cubicBezTo>
                <a:cubicBezTo>
                  <a:pt x="52" y="156"/>
                  <a:pt x="52" y="156"/>
                  <a:pt x="52" y="156"/>
                </a:cubicBezTo>
                <a:cubicBezTo>
                  <a:pt x="58" y="156"/>
                  <a:pt x="63" y="151"/>
                  <a:pt x="63" y="145"/>
                </a:cubicBezTo>
                <a:cubicBezTo>
                  <a:pt x="63" y="138"/>
                  <a:pt x="58" y="133"/>
                  <a:pt x="52" y="133"/>
                </a:cubicBezTo>
                <a:cubicBezTo>
                  <a:pt x="23" y="133"/>
                  <a:pt x="23" y="133"/>
                  <a:pt x="23" y="133"/>
                </a:cubicBezTo>
                <a:cubicBezTo>
                  <a:pt x="23" y="104"/>
                  <a:pt x="23" y="104"/>
                  <a:pt x="23" y="104"/>
                </a:cubicBezTo>
                <a:cubicBezTo>
                  <a:pt x="95" y="104"/>
                  <a:pt x="95" y="104"/>
                  <a:pt x="95" y="104"/>
                </a:cubicBezTo>
                <a:cubicBezTo>
                  <a:pt x="101" y="104"/>
                  <a:pt x="106" y="99"/>
                  <a:pt x="106" y="92"/>
                </a:cubicBezTo>
                <a:cubicBezTo>
                  <a:pt x="106" y="86"/>
                  <a:pt x="101" y="81"/>
                  <a:pt x="95" y="81"/>
                </a:cubicBezTo>
                <a:cubicBezTo>
                  <a:pt x="23" y="81"/>
                  <a:pt x="23" y="81"/>
                  <a:pt x="23" y="81"/>
                </a:cubicBezTo>
                <a:cubicBezTo>
                  <a:pt x="23" y="22"/>
                  <a:pt x="23" y="22"/>
                  <a:pt x="23" y="22"/>
                </a:cubicBezTo>
                <a:cubicBezTo>
                  <a:pt x="173" y="22"/>
                  <a:pt x="173" y="22"/>
                  <a:pt x="173" y="22"/>
                </a:cubicBezTo>
                <a:cubicBezTo>
                  <a:pt x="173" y="291"/>
                  <a:pt x="173" y="291"/>
                  <a:pt x="173" y="291"/>
                </a:cubicBezTo>
                <a:cubicBezTo>
                  <a:pt x="173" y="298"/>
                  <a:pt x="178" y="303"/>
                  <a:pt x="184" y="303"/>
                </a:cubicBezTo>
                <a:cubicBezTo>
                  <a:pt x="190" y="303"/>
                  <a:pt x="195" y="298"/>
                  <a:pt x="195" y="291"/>
                </a:cubicBezTo>
                <a:cubicBezTo>
                  <a:pt x="195" y="11"/>
                  <a:pt x="195" y="11"/>
                  <a:pt x="195" y="11"/>
                </a:cubicBezTo>
                <a:cubicBezTo>
                  <a:pt x="195" y="8"/>
                  <a:pt x="194" y="5"/>
                  <a:pt x="192" y="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0" name="Freeform 228"/>
          <p:cNvSpPr>
            <a:spLocks noChangeAspect="1"/>
          </p:cNvSpPr>
          <p:nvPr userDrawn="1"/>
        </p:nvSpPr>
        <p:spPr bwMode="auto">
          <a:xfrm>
            <a:off x="9461324" y="3000094"/>
            <a:ext cx="371652" cy="393192"/>
          </a:xfrm>
          <a:custGeom>
            <a:avLst/>
            <a:gdLst/>
            <a:ahLst/>
            <a:cxnLst>
              <a:cxn ang="0">
                <a:pos x="43" y="292"/>
              </a:cxn>
              <a:cxn ang="0">
                <a:pos x="252" y="292"/>
              </a:cxn>
              <a:cxn ang="0">
                <a:pos x="252" y="241"/>
              </a:cxn>
              <a:cxn ang="0">
                <a:pos x="217" y="241"/>
              </a:cxn>
              <a:cxn ang="0">
                <a:pos x="169" y="195"/>
              </a:cxn>
              <a:cxn ang="0">
                <a:pos x="276" y="195"/>
              </a:cxn>
              <a:cxn ang="0">
                <a:pos x="276" y="0"/>
              </a:cxn>
              <a:cxn ang="0">
                <a:pos x="0" y="0"/>
              </a:cxn>
              <a:cxn ang="0">
                <a:pos x="0" y="191"/>
              </a:cxn>
              <a:cxn ang="0">
                <a:pos x="106" y="191"/>
              </a:cxn>
              <a:cxn ang="0">
                <a:pos x="106" y="244"/>
              </a:cxn>
            </a:cxnLst>
            <a:rect l="0" t="0" r="r" b="b"/>
            <a:pathLst>
              <a:path w="276" h="292">
                <a:moveTo>
                  <a:pt x="43" y="292"/>
                </a:moveTo>
                <a:lnTo>
                  <a:pt x="252" y="292"/>
                </a:lnTo>
                <a:lnTo>
                  <a:pt x="252" y="241"/>
                </a:lnTo>
                <a:lnTo>
                  <a:pt x="217" y="241"/>
                </a:lnTo>
                <a:lnTo>
                  <a:pt x="169" y="195"/>
                </a:lnTo>
                <a:lnTo>
                  <a:pt x="276" y="195"/>
                </a:lnTo>
                <a:lnTo>
                  <a:pt x="276" y="0"/>
                </a:lnTo>
                <a:lnTo>
                  <a:pt x="0" y="0"/>
                </a:lnTo>
                <a:lnTo>
                  <a:pt x="0" y="191"/>
                </a:lnTo>
                <a:lnTo>
                  <a:pt x="106" y="191"/>
                </a:lnTo>
                <a:lnTo>
                  <a:pt x="106" y="244"/>
                </a:ln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1" name="Freeform 208"/>
          <p:cNvSpPr>
            <a:spLocks noChangeAspect="1"/>
          </p:cNvSpPr>
          <p:nvPr userDrawn="1"/>
        </p:nvSpPr>
        <p:spPr bwMode="auto">
          <a:xfrm>
            <a:off x="8574375" y="2941489"/>
            <a:ext cx="254309" cy="451797"/>
          </a:xfrm>
          <a:custGeom>
            <a:avLst/>
            <a:gdLst/>
            <a:ahLst/>
            <a:cxnLst>
              <a:cxn ang="0">
                <a:pos x="0" y="128"/>
              </a:cxn>
              <a:cxn ang="0">
                <a:pos x="23" y="202"/>
              </a:cxn>
              <a:cxn ang="0">
                <a:pos x="24" y="202"/>
              </a:cxn>
              <a:cxn ang="0">
                <a:pos x="32" y="212"/>
              </a:cxn>
              <a:cxn ang="0">
                <a:pos x="32" y="213"/>
              </a:cxn>
              <a:cxn ang="0">
                <a:pos x="62" y="284"/>
              </a:cxn>
              <a:cxn ang="0">
                <a:pos x="77" y="296"/>
              </a:cxn>
              <a:cxn ang="0">
                <a:pos x="89" y="283"/>
              </a:cxn>
              <a:cxn ang="0">
                <a:pos x="89" y="281"/>
              </a:cxn>
              <a:cxn ang="0">
                <a:pos x="51" y="194"/>
              </a:cxn>
              <a:cxn ang="0">
                <a:pos x="45" y="186"/>
              </a:cxn>
              <a:cxn ang="0">
                <a:pos x="27" y="128"/>
              </a:cxn>
              <a:cxn ang="0">
                <a:pos x="128" y="27"/>
              </a:cxn>
              <a:cxn ang="0">
                <a:pos x="230" y="128"/>
              </a:cxn>
              <a:cxn ang="0">
                <a:pos x="207" y="192"/>
              </a:cxn>
              <a:cxn ang="0">
                <a:pos x="201" y="199"/>
              </a:cxn>
              <a:cxn ang="0">
                <a:pos x="169" y="275"/>
              </a:cxn>
              <a:cxn ang="0">
                <a:pos x="170" y="285"/>
              </a:cxn>
              <a:cxn ang="0">
                <a:pos x="170" y="297"/>
              </a:cxn>
              <a:cxn ang="0">
                <a:pos x="170" y="301"/>
              </a:cxn>
              <a:cxn ang="0">
                <a:pos x="166" y="301"/>
              </a:cxn>
              <a:cxn ang="0">
                <a:pos x="165" y="301"/>
              </a:cxn>
              <a:cxn ang="0">
                <a:pos x="155" y="301"/>
              </a:cxn>
              <a:cxn ang="0">
                <a:pos x="98" y="301"/>
              </a:cxn>
              <a:cxn ang="0">
                <a:pos x="69" y="310"/>
              </a:cxn>
              <a:cxn ang="0">
                <a:pos x="59" y="333"/>
              </a:cxn>
              <a:cxn ang="0">
                <a:pos x="94" y="367"/>
              </a:cxn>
              <a:cxn ang="0">
                <a:pos x="159" y="367"/>
              </a:cxn>
              <a:cxn ang="0">
                <a:pos x="170" y="370"/>
              </a:cxn>
              <a:cxn ang="0">
                <a:pos x="171" y="373"/>
              </a:cxn>
              <a:cxn ang="0">
                <a:pos x="162" y="380"/>
              </a:cxn>
              <a:cxn ang="0">
                <a:pos x="121" y="379"/>
              </a:cxn>
              <a:cxn ang="0">
                <a:pos x="66" y="400"/>
              </a:cxn>
              <a:cxn ang="0">
                <a:pos x="80" y="438"/>
              </a:cxn>
              <a:cxn ang="0">
                <a:pos x="133" y="449"/>
              </a:cxn>
              <a:cxn ang="0">
                <a:pos x="144" y="434"/>
              </a:cxn>
              <a:cxn ang="0">
                <a:pos x="128" y="423"/>
              </a:cxn>
              <a:cxn ang="0">
                <a:pos x="99" y="418"/>
              </a:cxn>
              <a:cxn ang="0">
                <a:pos x="93" y="408"/>
              </a:cxn>
              <a:cxn ang="0">
                <a:pos x="161" y="406"/>
              </a:cxn>
              <a:cxn ang="0">
                <a:pos x="162" y="406"/>
              </a:cxn>
              <a:cxn ang="0">
                <a:pos x="162" y="406"/>
              </a:cxn>
              <a:cxn ang="0">
                <a:pos x="198" y="373"/>
              </a:cxn>
              <a:cxn ang="0">
                <a:pos x="187" y="349"/>
              </a:cxn>
              <a:cxn ang="0">
                <a:pos x="159" y="340"/>
              </a:cxn>
              <a:cxn ang="0">
                <a:pos x="94" y="340"/>
              </a:cxn>
              <a:cxn ang="0">
                <a:pos x="85" y="333"/>
              </a:cxn>
              <a:cxn ang="0">
                <a:pos x="87" y="330"/>
              </a:cxn>
              <a:cxn ang="0">
                <a:pos x="98" y="328"/>
              </a:cxn>
              <a:cxn ang="0">
                <a:pos x="155" y="327"/>
              </a:cxn>
              <a:cxn ang="0">
                <a:pos x="162" y="327"/>
              </a:cxn>
              <a:cxn ang="0">
                <a:pos x="164" y="328"/>
              </a:cxn>
              <a:cxn ang="0">
                <a:pos x="189" y="322"/>
              </a:cxn>
              <a:cxn ang="0">
                <a:pos x="196" y="283"/>
              </a:cxn>
              <a:cxn ang="0">
                <a:pos x="222" y="216"/>
              </a:cxn>
              <a:cxn ang="0">
                <a:pos x="228" y="209"/>
              </a:cxn>
              <a:cxn ang="0">
                <a:pos x="256" y="128"/>
              </a:cxn>
              <a:cxn ang="0">
                <a:pos x="128" y="0"/>
              </a:cxn>
              <a:cxn ang="0">
                <a:pos x="0" y="128"/>
              </a:cxn>
            </a:cxnLst>
            <a:rect l="0" t="0" r="r" b="b"/>
            <a:pathLst>
              <a:path w="256" h="454">
                <a:moveTo>
                  <a:pt x="0" y="128"/>
                </a:moveTo>
                <a:cubicBezTo>
                  <a:pt x="0" y="154"/>
                  <a:pt x="8" y="180"/>
                  <a:pt x="23" y="202"/>
                </a:cubicBezTo>
                <a:cubicBezTo>
                  <a:pt x="24" y="202"/>
                  <a:pt x="24" y="202"/>
                  <a:pt x="24" y="202"/>
                </a:cubicBezTo>
                <a:cubicBezTo>
                  <a:pt x="32" y="212"/>
                  <a:pt x="32" y="212"/>
                  <a:pt x="32" y="212"/>
                </a:cubicBezTo>
                <a:cubicBezTo>
                  <a:pt x="32" y="213"/>
                  <a:pt x="32" y="213"/>
                  <a:pt x="32" y="213"/>
                </a:cubicBezTo>
                <a:cubicBezTo>
                  <a:pt x="54" y="232"/>
                  <a:pt x="60" y="266"/>
                  <a:pt x="62" y="284"/>
                </a:cubicBezTo>
                <a:cubicBezTo>
                  <a:pt x="63" y="291"/>
                  <a:pt x="69" y="297"/>
                  <a:pt x="77" y="296"/>
                </a:cubicBezTo>
                <a:cubicBezTo>
                  <a:pt x="84" y="295"/>
                  <a:pt x="89" y="290"/>
                  <a:pt x="89" y="283"/>
                </a:cubicBezTo>
                <a:cubicBezTo>
                  <a:pt x="89" y="282"/>
                  <a:pt x="89" y="282"/>
                  <a:pt x="89" y="281"/>
                </a:cubicBezTo>
                <a:cubicBezTo>
                  <a:pt x="86" y="255"/>
                  <a:pt x="77" y="218"/>
                  <a:pt x="51" y="194"/>
                </a:cubicBezTo>
                <a:cubicBezTo>
                  <a:pt x="51" y="193"/>
                  <a:pt x="46" y="187"/>
                  <a:pt x="45" y="186"/>
                </a:cubicBezTo>
                <a:cubicBezTo>
                  <a:pt x="33" y="169"/>
                  <a:pt x="27" y="149"/>
                  <a:pt x="27" y="128"/>
                </a:cubicBezTo>
                <a:cubicBezTo>
                  <a:pt x="27" y="72"/>
                  <a:pt x="72" y="27"/>
                  <a:pt x="128" y="27"/>
                </a:cubicBezTo>
                <a:cubicBezTo>
                  <a:pt x="184" y="27"/>
                  <a:pt x="230" y="72"/>
                  <a:pt x="230" y="128"/>
                </a:cubicBezTo>
                <a:cubicBezTo>
                  <a:pt x="230" y="151"/>
                  <a:pt x="216" y="180"/>
                  <a:pt x="207" y="192"/>
                </a:cubicBezTo>
                <a:cubicBezTo>
                  <a:pt x="201" y="199"/>
                  <a:pt x="201" y="199"/>
                  <a:pt x="201" y="199"/>
                </a:cubicBezTo>
                <a:cubicBezTo>
                  <a:pt x="186" y="217"/>
                  <a:pt x="169" y="237"/>
                  <a:pt x="169" y="275"/>
                </a:cubicBezTo>
                <a:cubicBezTo>
                  <a:pt x="169" y="278"/>
                  <a:pt x="170" y="281"/>
                  <a:pt x="170" y="285"/>
                </a:cubicBezTo>
                <a:cubicBezTo>
                  <a:pt x="170" y="290"/>
                  <a:pt x="170" y="294"/>
                  <a:pt x="170" y="297"/>
                </a:cubicBezTo>
                <a:cubicBezTo>
                  <a:pt x="170" y="299"/>
                  <a:pt x="170" y="300"/>
                  <a:pt x="170" y="301"/>
                </a:cubicBezTo>
                <a:cubicBezTo>
                  <a:pt x="169" y="301"/>
                  <a:pt x="168" y="301"/>
                  <a:pt x="166" y="301"/>
                </a:cubicBezTo>
                <a:cubicBezTo>
                  <a:pt x="165" y="301"/>
                  <a:pt x="165" y="301"/>
                  <a:pt x="165" y="301"/>
                </a:cubicBezTo>
                <a:cubicBezTo>
                  <a:pt x="162" y="301"/>
                  <a:pt x="162" y="301"/>
                  <a:pt x="155" y="301"/>
                </a:cubicBezTo>
                <a:cubicBezTo>
                  <a:pt x="98" y="301"/>
                  <a:pt x="98" y="301"/>
                  <a:pt x="98" y="301"/>
                </a:cubicBezTo>
                <a:cubicBezTo>
                  <a:pt x="83" y="301"/>
                  <a:pt x="74" y="306"/>
                  <a:pt x="69" y="310"/>
                </a:cubicBezTo>
                <a:cubicBezTo>
                  <a:pt x="62" y="316"/>
                  <a:pt x="59" y="324"/>
                  <a:pt x="59" y="333"/>
                </a:cubicBezTo>
                <a:cubicBezTo>
                  <a:pt x="59" y="350"/>
                  <a:pt x="72" y="367"/>
                  <a:pt x="94" y="367"/>
                </a:cubicBezTo>
                <a:cubicBezTo>
                  <a:pt x="159" y="367"/>
                  <a:pt x="159" y="367"/>
                  <a:pt x="159" y="367"/>
                </a:cubicBezTo>
                <a:cubicBezTo>
                  <a:pt x="164" y="367"/>
                  <a:pt x="168" y="368"/>
                  <a:pt x="170" y="370"/>
                </a:cubicBezTo>
                <a:cubicBezTo>
                  <a:pt x="171" y="371"/>
                  <a:pt x="171" y="372"/>
                  <a:pt x="171" y="373"/>
                </a:cubicBezTo>
                <a:cubicBezTo>
                  <a:pt x="171" y="376"/>
                  <a:pt x="169" y="379"/>
                  <a:pt x="162" y="380"/>
                </a:cubicBezTo>
                <a:cubicBezTo>
                  <a:pt x="159" y="379"/>
                  <a:pt x="140" y="378"/>
                  <a:pt x="121" y="379"/>
                </a:cubicBezTo>
                <a:cubicBezTo>
                  <a:pt x="90" y="379"/>
                  <a:pt x="68" y="383"/>
                  <a:pt x="66" y="400"/>
                </a:cubicBezTo>
                <a:cubicBezTo>
                  <a:pt x="65" y="411"/>
                  <a:pt x="68" y="426"/>
                  <a:pt x="80" y="438"/>
                </a:cubicBezTo>
                <a:cubicBezTo>
                  <a:pt x="89" y="446"/>
                  <a:pt x="105" y="454"/>
                  <a:pt x="133" y="449"/>
                </a:cubicBezTo>
                <a:cubicBezTo>
                  <a:pt x="140" y="448"/>
                  <a:pt x="145" y="441"/>
                  <a:pt x="144" y="434"/>
                </a:cubicBezTo>
                <a:cubicBezTo>
                  <a:pt x="143" y="427"/>
                  <a:pt x="136" y="422"/>
                  <a:pt x="128" y="423"/>
                </a:cubicBezTo>
                <a:cubicBezTo>
                  <a:pt x="115" y="425"/>
                  <a:pt x="105" y="424"/>
                  <a:pt x="99" y="418"/>
                </a:cubicBezTo>
                <a:cubicBezTo>
                  <a:pt x="95" y="415"/>
                  <a:pt x="94" y="411"/>
                  <a:pt x="93" y="408"/>
                </a:cubicBezTo>
                <a:cubicBezTo>
                  <a:pt x="104" y="405"/>
                  <a:pt x="133" y="404"/>
                  <a:pt x="161" y="406"/>
                </a:cubicBezTo>
                <a:cubicBezTo>
                  <a:pt x="162" y="406"/>
                  <a:pt x="162" y="406"/>
                  <a:pt x="162" y="406"/>
                </a:cubicBezTo>
                <a:cubicBezTo>
                  <a:pt x="162" y="406"/>
                  <a:pt x="162" y="406"/>
                  <a:pt x="162" y="406"/>
                </a:cubicBezTo>
                <a:cubicBezTo>
                  <a:pt x="184" y="406"/>
                  <a:pt x="198" y="389"/>
                  <a:pt x="198" y="373"/>
                </a:cubicBezTo>
                <a:cubicBezTo>
                  <a:pt x="198" y="364"/>
                  <a:pt x="194" y="355"/>
                  <a:pt x="187" y="349"/>
                </a:cubicBezTo>
                <a:cubicBezTo>
                  <a:pt x="182" y="345"/>
                  <a:pt x="173" y="340"/>
                  <a:pt x="159" y="340"/>
                </a:cubicBezTo>
                <a:cubicBezTo>
                  <a:pt x="94" y="340"/>
                  <a:pt x="94" y="340"/>
                  <a:pt x="94" y="340"/>
                </a:cubicBezTo>
                <a:cubicBezTo>
                  <a:pt x="88" y="340"/>
                  <a:pt x="85" y="336"/>
                  <a:pt x="85" y="333"/>
                </a:cubicBezTo>
                <a:cubicBezTo>
                  <a:pt x="85" y="332"/>
                  <a:pt x="86" y="331"/>
                  <a:pt x="87" y="330"/>
                </a:cubicBezTo>
                <a:cubicBezTo>
                  <a:pt x="89" y="329"/>
                  <a:pt x="93" y="328"/>
                  <a:pt x="98" y="328"/>
                </a:cubicBezTo>
                <a:cubicBezTo>
                  <a:pt x="155" y="327"/>
                  <a:pt x="155" y="327"/>
                  <a:pt x="155" y="327"/>
                </a:cubicBezTo>
                <a:cubicBezTo>
                  <a:pt x="161" y="327"/>
                  <a:pt x="161" y="327"/>
                  <a:pt x="162" y="327"/>
                </a:cubicBezTo>
                <a:cubicBezTo>
                  <a:pt x="164" y="328"/>
                  <a:pt x="164" y="328"/>
                  <a:pt x="164" y="328"/>
                </a:cubicBezTo>
                <a:cubicBezTo>
                  <a:pt x="173" y="329"/>
                  <a:pt x="182" y="329"/>
                  <a:pt x="189" y="322"/>
                </a:cubicBezTo>
                <a:cubicBezTo>
                  <a:pt x="197" y="315"/>
                  <a:pt x="198" y="303"/>
                  <a:pt x="196" y="283"/>
                </a:cubicBezTo>
                <a:cubicBezTo>
                  <a:pt x="194" y="249"/>
                  <a:pt x="206" y="235"/>
                  <a:pt x="222" y="216"/>
                </a:cubicBezTo>
                <a:cubicBezTo>
                  <a:pt x="228" y="209"/>
                  <a:pt x="228" y="209"/>
                  <a:pt x="228" y="209"/>
                </a:cubicBezTo>
                <a:cubicBezTo>
                  <a:pt x="239" y="195"/>
                  <a:pt x="256" y="159"/>
                  <a:pt x="256" y="128"/>
                </a:cubicBezTo>
                <a:cubicBezTo>
                  <a:pt x="256" y="57"/>
                  <a:pt x="199" y="0"/>
                  <a:pt x="128" y="0"/>
                </a:cubicBezTo>
                <a:cubicBezTo>
                  <a:pt x="58" y="0"/>
                  <a:pt x="0" y="57"/>
                  <a:pt x="0" y="12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2" name="Freeform 152"/>
          <p:cNvSpPr>
            <a:spLocks noChangeAspect="1"/>
          </p:cNvSpPr>
          <p:nvPr userDrawn="1"/>
        </p:nvSpPr>
        <p:spPr bwMode="auto">
          <a:xfrm>
            <a:off x="7471865" y="4723069"/>
            <a:ext cx="586683" cy="351304"/>
          </a:xfrm>
          <a:custGeom>
            <a:avLst/>
            <a:gdLst/>
            <a:ahLst/>
            <a:cxnLst>
              <a:cxn ang="0">
                <a:pos x="230" y="1"/>
              </a:cxn>
              <a:cxn ang="0">
                <a:pos x="218" y="11"/>
              </a:cxn>
              <a:cxn ang="0">
                <a:pos x="169" y="208"/>
              </a:cxn>
              <a:cxn ang="0">
                <a:pos x="118" y="25"/>
              </a:cxn>
              <a:cxn ang="0">
                <a:pos x="105" y="15"/>
              </a:cxn>
              <a:cxn ang="0">
                <a:pos x="92" y="26"/>
              </a:cxn>
              <a:cxn ang="0">
                <a:pos x="65" y="188"/>
              </a:cxn>
              <a:cxn ang="0">
                <a:pos x="60" y="178"/>
              </a:cxn>
              <a:cxn ang="0">
                <a:pos x="11" y="116"/>
              </a:cxn>
              <a:cxn ang="0">
                <a:pos x="0" y="129"/>
              </a:cxn>
              <a:cxn ang="0">
                <a:pos x="1" y="132"/>
              </a:cxn>
              <a:cxn ang="0">
                <a:pos x="11" y="142"/>
              </a:cxn>
              <a:cxn ang="0">
                <a:pos x="57" y="244"/>
              </a:cxn>
              <a:cxn ang="0">
                <a:pos x="70" y="253"/>
              </a:cxn>
              <a:cxn ang="0">
                <a:pos x="83" y="242"/>
              </a:cxn>
              <a:cxn ang="0">
                <a:pos x="108" y="90"/>
              </a:cxn>
              <a:cxn ang="0">
                <a:pos x="124" y="147"/>
              </a:cxn>
              <a:cxn ang="0">
                <a:pos x="146" y="226"/>
              </a:cxn>
              <a:cxn ang="0">
                <a:pos x="154" y="252"/>
              </a:cxn>
              <a:cxn ang="0">
                <a:pos x="156" y="260"/>
              </a:cxn>
              <a:cxn ang="0">
                <a:pos x="170" y="272"/>
              </a:cxn>
              <a:cxn ang="0">
                <a:pos x="183" y="262"/>
              </a:cxn>
              <a:cxn ang="0">
                <a:pos x="234" y="58"/>
              </a:cxn>
              <a:cxn ang="0">
                <a:pos x="265" y="139"/>
              </a:cxn>
              <a:cxn ang="0">
                <a:pos x="277" y="147"/>
              </a:cxn>
              <a:cxn ang="0">
                <a:pos x="441" y="147"/>
              </a:cxn>
              <a:cxn ang="0">
                <a:pos x="454" y="134"/>
              </a:cxn>
              <a:cxn ang="0">
                <a:pos x="441" y="121"/>
              </a:cxn>
              <a:cxn ang="0">
                <a:pos x="286" y="121"/>
              </a:cxn>
              <a:cxn ang="0">
                <a:pos x="244" y="9"/>
              </a:cxn>
              <a:cxn ang="0">
                <a:pos x="230" y="1"/>
              </a:cxn>
            </a:cxnLst>
            <a:rect l="0" t="0" r="r" b="b"/>
            <a:pathLst>
              <a:path w="454" h="272">
                <a:moveTo>
                  <a:pt x="230" y="1"/>
                </a:moveTo>
                <a:cubicBezTo>
                  <a:pt x="224" y="1"/>
                  <a:pt x="220" y="5"/>
                  <a:pt x="218" y="11"/>
                </a:cubicBezTo>
                <a:cubicBezTo>
                  <a:pt x="218" y="11"/>
                  <a:pt x="184" y="146"/>
                  <a:pt x="169" y="208"/>
                </a:cubicBezTo>
                <a:cubicBezTo>
                  <a:pt x="155" y="159"/>
                  <a:pt x="134" y="82"/>
                  <a:pt x="118" y="25"/>
                </a:cubicBezTo>
                <a:cubicBezTo>
                  <a:pt x="116" y="18"/>
                  <a:pt x="111" y="14"/>
                  <a:pt x="105" y="15"/>
                </a:cubicBezTo>
                <a:cubicBezTo>
                  <a:pt x="98" y="15"/>
                  <a:pt x="93" y="20"/>
                  <a:pt x="92" y="26"/>
                </a:cubicBezTo>
                <a:cubicBezTo>
                  <a:pt x="92" y="26"/>
                  <a:pt x="74" y="131"/>
                  <a:pt x="65" y="188"/>
                </a:cubicBezTo>
                <a:cubicBezTo>
                  <a:pt x="63" y="185"/>
                  <a:pt x="62" y="181"/>
                  <a:pt x="60" y="178"/>
                </a:cubicBezTo>
                <a:cubicBezTo>
                  <a:pt x="40" y="129"/>
                  <a:pt x="27" y="113"/>
                  <a:pt x="11" y="116"/>
                </a:cubicBezTo>
                <a:cubicBezTo>
                  <a:pt x="5" y="117"/>
                  <a:pt x="0" y="123"/>
                  <a:pt x="0" y="129"/>
                </a:cubicBezTo>
                <a:cubicBezTo>
                  <a:pt x="0" y="130"/>
                  <a:pt x="0" y="131"/>
                  <a:pt x="1" y="132"/>
                </a:cubicBezTo>
                <a:cubicBezTo>
                  <a:pt x="2" y="137"/>
                  <a:pt x="6" y="141"/>
                  <a:pt x="11" y="142"/>
                </a:cubicBezTo>
                <a:cubicBezTo>
                  <a:pt x="20" y="151"/>
                  <a:pt x="40" y="196"/>
                  <a:pt x="57" y="244"/>
                </a:cubicBezTo>
                <a:cubicBezTo>
                  <a:pt x="59" y="250"/>
                  <a:pt x="64" y="253"/>
                  <a:pt x="70" y="253"/>
                </a:cubicBezTo>
                <a:cubicBezTo>
                  <a:pt x="77" y="252"/>
                  <a:pt x="82" y="248"/>
                  <a:pt x="83" y="242"/>
                </a:cubicBezTo>
                <a:cubicBezTo>
                  <a:pt x="83" y="242"/>
                  <a:pt x="98" y="151"/>
                  <a:pt x="108" y="90"/>
                </a:cubicBezTo>
                <a:cubicBezTo>
                  <a:pt x="116" y="118"/>
                  <a:pt x="124" y="147"/>
                  <a:pt x="124" y="147"/>
                </a:cubicBezTo>
                <a:cubicBezTo>
                  <a:pt x="146" y="226"/>
                  <a:pt x="146" y="226"/>
                  <a:pt x="146" y="226"/>
                </a:cubicBezTo>
                <a:cubicBezTo>
                  <a:pt x="154" y="252"/>
                  <a:pt x="154" y="252"/>
                  <a:pt x="154" y="252"/>
                </a:cubicBezTo>
                <a:cubicBezTo>
                  <a:pt x="156" y="260"/>
                  <a:pt x="156" y="260"/>
                  <a:pt x="156" y="260"/>
                </a:cubicBezTo>
                <a:cubicBezTo>
                  <a:pt x="157" y="263"/>
                  <a:pt x="160" y="272"/>
                  <a:pt x="170" y="272"/>
                </a:cubicBezTo>
                <a:cubicBezTo>
                  <a:pt x="176" y="272"/>
                  <a:pt x="181" y="268"/>
                  <a:pt x="183" y="262"/>
                </a:cubicBezTo>
                <a:cubicBezTo>
                  <a:pt x="183" y="262"/>
                  <a:pt x="219" y="115"/>
                  <a:pt x="234" y="58"/>
                </a:cubicBezTo>
                <a:cubicBezTo>
                  <a:pt x="247" y="94"/>
                  <a:pt x="265" y="139"/>
                  <a:pt x="265" y="139"/>
                </a:cubicBezTo>
                <a:cubicBezTo>
                  <a:pt x="267" y="144"/>
                  <a:pt x="272" y="147"/>
                  <a:pt x="277" y="147"/>
                </a:cubicBezTo>
                <a:cubicBezTo>
                  <a:pt x="441" y="147"/>
                  <a:pt x="441" y="147"/>
                  <a:pt x="441" y="147"/>
                </a:cubicBezTo>
                <a:cubicBezTo>
                  <a:pt x="448" y="147"/>
                  <a:pt x="454" y="141"/>
                  <a:pt x="454" y="134"/>
                </a:cubicBezTo>
                <a:cubicBezTo>
                  <a:pt x="454" y="127"/>
                  <a:pt x="448" y="121"/>
                  <a:pt x="441" y="121"/>
                </a:cubicBezTo>
                <a:cubicBezTo>
                  <a:pt x="441" y="121"/>
                  <a:pt x="303" y="121"/>
                  <a:pt x="286" y="121"/>
                </a:cubicBezTo>
                <a:cubicBezTo>
                  <a:pt x="281" y="106"/>
                  <a:pt x="244" y="9"/>
                  <a:pt x="244" y="9"/>
                </a:cubicBezTo>
                <a:cubicBezTo>
                  <a:pt x="241" y="4"/>
                  <a:pt x="236" y="0"/>
                  <a:pt x="230" y="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3" name="Freeform 176"/>
          <p:cNvSpPr>
            <a:spLocks noChangeAspect="1"/>
          </p:cNvSpPr>
          <p:nvPr userDrawn="1"/>
        </p:nvSpPr>
        <p:spPr bwMode="auto">
          <a:xfrm>
            <a:off x="11346411" y="2195360"/>
            <a:ext cx="383945" cy="393192"/>
          </a:xfrm>
          <a:custGeom>
            <a:avLst/>
            <a:gdLst/>
            <a:ahLst/>
            <a:cxnLst>
              <a:cxn ang="0">
                <a:pos x="167" y="10"/>
              </a:cxn>
              <a:cxn ang="0">
                <a:pos x="159" y="23"/>
              </a:cxn>
              <a:cxn ang="0">
                <a:pos x="110" y="92"/>
              </a:cxn>
              <a:cxn ang="0">
                <a:pos x="58" y="71"/>
              </a:cxn>
              <a:cxn ang="0">
                <a:pos x="10" y="186"/>
              </a:cxn>
              <a:cxn ang="0">
                <a:pos x="77" y="196"/>
              </a:cxn>
              <a:cxn ang="0">
                <a:pos x="69" y="179"/>
              </a:cxn>
              <a:cxn ang="0">
                <a:pos x="69" y="98"/>
              </a:cxn>
              <a:cxn ang="0">
                <a:pos x="120" y="119"/>
              </a:cxn>
              <a:cxn ang="0">
                <a:pos x="192" y="72"/>
              </a:cxn>
              <a:cxn ang="0">
                <a:pos x="187" y="31"/>
              </a:cxn>
              <a:cxn ang="0">
                <a:pos x="262" y="71"/>
              </a:cxn>
              <a:cxn ang="0">
                <a:pos x="273" y="85"/>
              </a:cxn>
              <a:cxn ang="0">
                <a:pos x="341" y="125"/>
              </a:cxn>
              <a:cxn ang="0">
                <a:pos x="354" y="120"/>
              </a:cxn>
              <a:cxn ang="0">
                <a:pos x="421" y="165"/>
              </a:cxn>
              <a:cxn ang="0">
                <a:pos x="386" y="180"/>
              </a:cxn>
              <a:cxn ang="0">
                <a:pos x="378" y="193"/>
              </a:cxn>
              <a:cxn ang="0">
                <a:pos x="383" y="226"/>
              </a:cxn>
              <a:cxn ang="0">
                <a:pos x="377" y="274"/>
              </a:cxn>
              <a:cxn ang="0">
                <a:pos x="386" y="286"/>
              </a:cxn>
              <a:cxn ang="0">
                <a:pos x="407" y="335"/>
              </a:cxn>
              <a:cxn ang="0">
                <a:pos x="372" y="358"/>
              </a:cxn>
              <a:cxn ang="0">
                <a:pos x="351" y="345"/>
              </a:cxn>
              <a:cxn ang="0">
                <a:pos x="330" y="348"/>
              </a:cxn>
              <a:cxn ang="0">
                <a:pos x="274" y="378"/>
              </a:cxn>
              <a:cxn ang="0">
                <a:pos x="263" y="383"/>
              </a:cxn>
              <a:cxn ang="0">
                <a:pos x="260" y="395"/>
              </a:cxn>
              <a:cxn ang="0">
                <a:pos x="227" y="435"/>
              </a:cxn>
              <a:cxn ang="0">
                <a:pos x="188" y="393"/>
              </a:cxn>
              <a:cxn ang="0">
                <a:pos x="175" y="379"/>
              </a:cxn>
              <a:cxn ang="0">
                <a:pos x="120" y="346"/>
              </a:cxn>
              <a:cxn ang="0">
                <a:pos x="111" y="341"/>
              </a:cxn>
              <a:cxn ang="0">
                <a:pos x="71" y="368"/>
              </a:cxn>
              <a:cxn ang="0">
                <a:pos x="147" y="244"/>
              </a:cxn>
              <a:cxn ang="0">
                <a:pos x="227" y="160"/>
              </a:cxn>
              <a:cxn ang="0">
                <a:pos x="227" y="304"/>
              </a:cxn>
              <a:cxn ang="0">
                <a:pos x="154" y="279"/>
              </a:cxn>
              <a:cxn ang="0">
                <a:pos x="227" y="330"/>
              </a:cxn>
              <a:cxn ang="0">
                <a:pos x="325" y="232"/>
              </a:cxn>
              <a:cxn ang="0">
                <a:pos x="128" y="223"/>
              </a:cxn>
              <a:cxn ang="0">
                <a:pos x="4" y="292"/>
              </a:cxn>
              <a:cxn ang="0">
                <a:pos x="63" y="397"/>
              </a:cxn>
              <a:cxn ang="0">
                <a:pos x="109" y="371"/>
              </a:cxn>
              <a:cxn ang="0">
                <a:pos x="161" y="402"/>
              </a:cxn>
              <a:cxn ang="0">
                <a:pos x="159" y="440"/>
              </a:cxn>
              <a:cxn ang="0">
                <a:pos x="194" y="459"/>
              </a:cxn>
              <a:cxn ang="0">
                <a:pos x="292" y="447"/>
              </a:cxn>
              <a:cxn ang="0">
                <a:pos x="295" y="440"/>
              </a:cxn>
              <a:cxn ang="0">
                <a:pos x="288" y="403"/>
              </a:cxn>
              <a:cxn ang="0">
                <a:pos x="344" y="372"/>
              </a:cxn>
              <a:cxn ang="0">
                <a:pos x="379" y="394"/>
              </a:cxn>
              <a:cxn ang="0">
                <a:pos x="429" y="350"/>
              </a:cxn>
              <a:cxn ang="0">
                <a:pos x="450" y="289"/>
              </a:cxn>
              <a:cxn ang="0">
                <a:pos x="406" y="265"/>
              </a:cxn>
              <a:cxn ang="0">
                <a:pos x="407" y="200"/>
              </a:cxn>
              <a:cxn ang="0">
                <a:pos x="443" y="184"/>
              </a:cxn>
              <a:cxn ang="0">
                <a:pos x="451" y="169"/>
              </a:cxn>
              <a:cxn ang="0">
                <a:pos x="377" y="70"/>
              </a:cxn>
              <a:cxn ang="0">
                <a:pos x="289" y="62"/>
              </a:cxn>
              <a:cxn ang="0">
                <a:pos x="291" y="19"/>
              </a:cxn>
              <a:cxn ang="0">
                <a:pos x="228" y="1"/>
              </a:cxn>
            </a:cxnLst>
            <a:rect l="0" t="0" r="r" b="b"/>
            <a:pathLst>
              <a:path w="451" h="462">
                <a:moveTo>
                  <a:pt x="228" y="1"/>
                </a:moveTo>
                <a:cubicBezTo>
                  <a:pt x="218" y="1"/>
                  <a:pt x="184" y="2"/>
                  <a:pt x="167" y="10"/>
                </a:cubicBezTo>
                <a:cubicBezTo>
                  <a:pt x="162" y="12"/>
                  <a:pt x="159" y="17"/>
                  <a:pt x="159" y="22"/>
                </a:cubicBezTo>
                <a:cubicBezTo>
                  <a:pt x="159" y="22"/>
                  <a:pt x="159" y="23"/>
                  <a:pt x="159" y="23"/>
                </a:cubicBezTo>
                <a:cubicBezTo>
                  <a:pt x="159" y="23"/>
                  <a:pt x="162" y="49"/>
                  <a:pt x="164" y="62"/>
                </a:cubicBezTo>
                <a:cubicBezTo>
                  <a:pt x="143" y="70"/>
                  <a:pt x="123" y="83"/>
                  <a:pt x="110" y="92"/>
                </a:cubicBezTo>
                <a:cubicBezTo>
                  <a:pt x="100" y="86"/>
                  <a:pt x="74" y="70"/>
                  <a:pt x="74" y="70"/>
                </a:cubicBezTo>
                <a:cubicBezTo>
                  <a:pt x="69" y="67"/>
                  <a:pt x="63" y="67"/>
                  <a:pt x="58" y="71"/>
                </a:cubicBezTo>
                <a:cubicBezTo>
                  <a:pt x="46" y="80"/>
                  <a:pt x="10" y="131"/>
                  <a:pt x="1" y="170"/>
                </a:cubicBezTo>
                <a:cubicBezTo>
                  <a:pt x="0" y="177"/>
                  <a:pt x="4" y="183"/>
                  <a:pt x="10" y="186"/>
                </a:cubicBezTo>
                <a:cubicBezTo>
                  <a:pt x="60" y="204"/>
                  <a:pt x="60" y="204"/>
                  <a:pt x="60" y="204"/>
                </a:cubicBezTo>
                <a:cubicBezTo>
                  <a:pt x="66" y="207"/>
                  <a:pt x="74" y="203"/>
                  <a:pt x="77" y="196"/>
                </a:cubicBezTo>
                <a:cubicBezTo>
                  <a:pt x="77" y="195"/>
                  <a:pt x="78" y="193"/>
                  <a:pt x="78" y="192"/>
                </a:cubicBezTo>
                <a:cubicBezTo>
                  <a:pt x="78" y="186"/>
                  <a:pt x="74" y="181"/>
                  <a:pt x="69" y="179"/>
                </a:cubicBezTo>
                <a:cubicBezTo>
                  <a:pt x="69" y="179"/>
                  <a:pt x="44" y="170"/>
                  <a:pt x="31" y="165"/>
                </a:cubicBezTo>
                <a:cubicBezTo>
                  <a:pt x="39" y="139"/>
                  <a:pt x="58" y="111"/>
                  <a:pt x="69" y="98"/>
                </a:cubicBezTo>
                <a:cubicBezTo>
                  <a:pt x="80" y="105"/>
                  <a:pt x="104" y="120"/>
                  <a:pt x="104" y="120"/>
                </a:cubicBezTo>
                <a:cubicBezTo>
                  <a:pt x="109" y="123"/>
                  <a:pt x="115" y="123"/>
                  <a:pt x="120" y="119"/>
                </a:cubicBezTo>
                <a:cubicBezTo>
                  <a:pt x="137" y="105"/>
                  <a:pt x="162" y="89"/>
                  <a:pt x="181" y="85"/>
                </a:cubicBezTo>
                <a:cubicBezTo>
                  <a:pt x="187" y="84"/>
                  <a:pt x="192" y="78"/>
                  <a:pt x="192" y="72"/>
                </a:cubicBezTo>
                <a:cubicBezTo>
                  <a:pt x="192" y="72"/>
                  <a:pt x="192" y="71"/>
                  <a:pt x="191" y="71"/>
                </a:cubicBezTo>
                <a:cubicBezTo>
                  <a:pt x="191" y="71"/>
                  <a:pt x="189" y="45"/>
                  <a:pt x="187" y="31"/>
                </a:cubicBezTo>
                <a:cubicBezTo>
                  <a:pt x="208" y="27"/>
                  <a:pt x="247" y="26"/>
                  <a:pt x="264" y="29"/>
                </a:cubicBezTo>
                <a:cubicBezTo>
                  <a:pt x="264" y="40"/>
                  <a:pt x="263" y="60"/>
                  <a:pt x="262" y="71"/>
                </a:cubicBezTo>
                <a:cubicBezTo>
                  <a:pt x="262" y="71"/>
                  <a:pt x="262" y="72"/>
                  <a:pt x="262" y="72"/>
                </a:cubicBezTo>
                <a:cubicBezTo>
                  <a:pt x="262" y="79"/>
                  <a:pt x="266" y="84"/>
                  <a:pt x="273" y="85"/>
                </a:cubicBezTo>
                <a:cubicBezTo>
                  <a:pt x="289" y="88"/>
                  <a:pt x="327" y="112"/>
                  <a:pt x="332" y="119"/>
                </a:cubicBezTo>
                <a:cubicBezTo>
                  <a:pt x="334" y="122"/>
                  <a:pt x="337" y="124"/>
                  <a:pt x="341" y="125"/>
                </a:cubicBezTo>
                <a:cubicBezTo>
                  <a:pt x="344" y="126"/>
                  <a:pt x="348" y="125"/>
                  <a:pt x="351" y="122"/>
                </a:cubicBezTo>
                <a:cubicBezTo>
                  <a:pt x="354" y="120"/>
                  <a:pt x="354" y="120"/>
                  <a:pt x="354" y="120"/>
                </a:cubicBezTo>
                <a:cubicBezTo>
                  <a:pt x="362" y="114"/>
                  <a:pt x="373" y="105"/>
                  <a:pt x="382" y="99"/>
                </a:cubicBezTo>
                <a:cubicBezTo>
                  <a:pt x="395" y="116"/>
                  <a:pt x="413" y="148"/>
                  <a:pt x="421" y="165"/>
                </a:cubicBezTo>
                <a:cubicBezTo>
                  <a:pt x="417" y="167"/>
                  <a:pt x="412" y="169"/>
                  <a:pt x="412" y="169"/>
                </a:cubicBezTo>
                <a:cubicBezTo>
                  <a:pt x="386" y="180"/>
                  <a:pt x="386" y="180"/>
                  <a:pt x="386" y="180"/>
                </a:cubicBezTo>
                <a:cubicBezTo>
                  <a:pt x="382" y="182"/>
                  <a:pt x="379" y="185"/>
                  <a:pt x="378" y="189"/>
                </a:cubicBezTo>
                <a:cubicBezTo>
                  <a:pt x="378" y="190"/>
                  <a:pt x="378" y="191"/>
                  <a:pt x="378" y="193"/>
                </a:cubicBezTo>
                <a:cubicBezTo>
                  <a:pt x="378" y="195"/>
                  <a:pt x="378" y="198"/>
                  <a:pt x="379" y="200"/>
                </a:cubicBezTo>
                <a:cubicBezTo>
                  <a:pt x="382" y="203"/>
                  <a:pt x="383" y="214"/>
                  <a:pt x="383" y="226"/>
                </a:cubicBezTo>
                <a:cubicBezTo>
                  <a:pt x="383" y="243"/>
                  <a:pt x="381" y="262"/>
                  <a:pt x="378" y="268"/>
                </a:cubicBezTo>
                <a:cubicBezTo>
                  <a:pt x="377" y="270"/>
                  <a:pt x="377" y="272"/>
                  <a:pt x="377" y="274"/>
                </a:cubicBezTo>
                <a:cubicBezTo>
                  <a:pt x="377" y="276"/>
                  <a:pt x="377" y="277"/>
                  <a:pt x="378" y="279"/>
                </a:cubicBezTo>
                <a:cubicBezTo>
                  <a:pt x="379" y="283"/>
                  <a:pt x="382" y="285"/>
                  <a:pt x="386" y="286"/>
                </a:cubicBezTo>
                <a:cubicBezTo>
                  <a:pt x="401" y="291"/>
                  <a:pt x="410" y="294"/>
                  <a:pt x="423" y="300"/>
                </a:cubicBezTo>
                <a:cubicBezTo>
                  <a:pt x="421" y="307"/>
                  <a:pt x="416" y="319"/>
                  <a:pt x="407" y="335"/>
                </a:cubicBezTo>
                <a:cubicBezTo>
                  <a:pt x="398" y="350"/>
                  <a:pt x="391" y="360"/>
                  <a:pt x="385" y="366"/>
                </a:cubicBezTo>
                <a:cubicBezTo>
                  <a:pt x="381" y="364"/>
                  <a:pt x="376" y="361"/>
                  <a:pt x="372" y="358"/>
                </a:cubicBezTo>
                <a:cubicBezTo>
                  <a:pt x="364" y="353"/>
                  <a:pt x="352" y="346"/>
                  <a:pt x="350" y="344"/>
                </a:cubicBezTo>
                <a:cubicBezTo>
                  <a:pt x="351" y="345"/>
                  <a:pt x="351" y="345"/>
                  <a:pt x="351" y="345"/>
                </a:cubicBezTo>
                <a:cubicBezTo>
                  <a:pt x="348" y="342"/>
                  <a:pt x="344" y="341"/>
                  <a:pt x="340" y="342"/>
                </a:cubicBezTo>
                <a:cubicBezTo>
                  <a:pt x="336" y="342"/>
                  <a:pt x="332" y="345"/>
                  <a:pt x="330" y="348"/>
                </a:cubicBezTo>
                <a:cubicBezTo>
                  <a:pt x="330" y="348"/>
                  <a:pt x="330" y="348"/>
                  <a:pt x="330" y="348"/>
                </a:cubicBezTo>
                <a:cubicBezTo>
                  <a:pt x="324" y="357"/>
                  <a:pt x="284" y="379"/>
                  <a:pt x="274" y="378"/>
                </a:cubicBezTo>
                <a:cubicBezTo>
                  <a:pt x="275" y="378"/>
                  <a:pt x="275" y="378"/>
                  <a:pt x="275" y="378"/>
                </a:cubicBezTo>
                <a:cubicBezTo>
                  <a:pt x="270" y="378"/>
                  <a:pt x="266" y="380"/>
                  <a:pt x="263" y="383"/>
                </a:cubicBezTo>
                <a:cubicBezTo>
                  <a:pt x="260" y="387"/>
                  <a:pt x="259" y="392"/>
                  <a:pt x="260" y="396"/>
                </a:cubicBezTo>
                <a:cubicBezTo>
                  <a:pt x="260" y="395"/>
                  <a:pt x="260" y="395"/>
                  <a:pt x="260" y="395"/>
                </a:cubicBezTo>
                <a:cubicBezTo>
                  <a:pt x="260" y="397"/>
                  <a:pt x="264" y="420"/>
                  <a:pt x="267" y="432"/>
                </a:cubicBezTo>
                <a:cubicBezTo>
                  <a:pt x="261" y="434"/>
                  <a:pt x="248" y="436"/>
                  <a:pt x="227" y="435"/>
                </a:cubicBezTo>
                <a:cubicBezTo>
                  <a:pt x="209" y="435"/>
                  <a:pt x="194" y="432"/>
                  <a:pt x="186" y="431"/>
                </a:cubicBezTo>
                <a:cubicBezTo>
                  <a:pt x="187" y="418"/>
                  <a:pt x="188" y="393"/>
                  <a:pt x="188" y="393"/>
                </a:cubicBezTo>
                <a:cubicBezTo>
                  <a:pt x="188" y="393"/>
                  <a:pt x="188" y="393"/>
                  <a:pt x="188" y="392"/>
                </a:cubicBezTo>
                <a:cubicBezTo>
                  <a:pt x="188" y="385"/>
                  <a:pt x="182" y="379"/>
                  <a:pt x="175" y="379"/>
                </a:cubicBezTo>
                <a:cubicBezTo>
                  <a:pt x="175" y="379"/>
                  <a:pt x="175" y="379"/>
                  <a:pt x="175" y="379"/>
                </a:cubicBezTo>
                <a:cubicBezTo>
                  <a:pt x="166" y="378"/>
                  <a:pt x="126" y="353"/>
                  <a:pt x="120" y="346"/>
                </a:cubicBezTo>
                <a:cubicBezTo>
                  <a:pt x="121" y="347"/>
                  <a:pt x="121" y="347"/>
                  <a:pt x="121" y="347"/>
                </a:cubicBezTo>
                <a:cubicBezTo>
                  <a:pt x="119" y="344"/>
                  <a:pt x="115" y="342"/>
                  <a:pt x="111" y="341"/>
                </a:cubicBezTo>
                <a:cubicBezTo>
                  <a:pt x="108" y="340"/>
                  <a:pt x="103" y="341"/>
                  <a:pt x="101" y="343"/>
                </a:cubicBezTo>
                <a:cubicBezTo>
                  <a:pt x="101" y="343"/>
                  <a:pt x="81" y="359"/>
                  <a:pt x="71" y="368"/>
                </a:cubicBezTo>
                <a:cubicBezTo>
                  <a:pt x="59" y="355"/>
                  <a:pt x="38" y="326"/>
                  <a:pt x="32" y="300"/>
                </a:cubicBezTo>
                <a:cubicBezTo>
                  <a:pt x="47" y="292"/>
                  <a:pt x="147" y="244"/>
                  <a:pt x="147" y="244"/>
                </a:cubicBezTo>
                <a:cubicBezTo>
                  <a:pt x="152" y="241"/>
                  <a:pt x="155" y="237"/>
                  <a:pt x="155" y="232"/>
                </a:cubicBezTo>
                <a:cubicBezTo>
                  <a:pt x="155" y="192"/>
                  <a:pt x="187" y="160"/>
                  <a:pt x="227" y="160"/>
                </a:cubicBezTo>
                <a:cubicBezTo>
                  <a:pt x="266" y="160"/>
                  <a:pt x="299" y="192"/>
                  <a:pt x="299" y="232"/>
                </a:cubicBezTo>
                <a:cubicBezTo>
                  <a:pt x="299" y="271"/>
                  <a:pt x="266" y="304"/>
                  <a:pt x="227" y="304"/>
                </a:cubicBezTo>
                <a:cubicBezTo>
                  <a:pt x="206" y="304"/>
                  <a:pt x="187" y="295"/>
                  <a:pt x="173" y="280"/>
                </a:cubicBezTo>
                <a:cubicBezTo>
                  <a:pt x="168" y="274"/>
                  <a:pt x="160" y="274"/>
                  <a:pt x="154" y="279"/>
                </a:cubicBezTo>
                <a:cubicBezTo>
                  <a:pt x="149" y="284"/>
                  <a:pt x="148" y="292"/>
                  <a:pt x="153" y="298"/>
                </a:cubicBezTo>
                <a:cubicBezTo>
                  <a:pt x="172" y="318"/>
                  <a:pt x="199" y="330"/>
                  <a:pt x="227" y="330"/>
                </a:cubicBezTo>
                <a:cubicBezTo>
                  <a:pt x="253" y="330"/>
                  <a:pt x="278" y="320"/>
                  <a:pt x="296" y="302"/>
                </a:cubicBezTo>
                <a:cubicBezTo>
                  <a:pt x="315" y="283"/>
                  <a:pt x="325" y="258"/>
                  <a:pt x="325" y="232"/>
                </a:cubicBezTo>
                <a:cubicBezTo>
                  <a:pt x="325" y="177"/>
                  <a:pt x="281" y="133"/>
                  <a:pt x="227" y="133"/>
                </a:cubicBezTo>
                <a:cubicBezTo>
                  <a:pt x="175" y="133"/>
                  <a:pt x="133" y="173"/>
                  <a:pt x="128" y="223"/>
                </a:cubicBezTo>
                <a:cubicBezTo>
                  <a:pt x="116" y="229"/>
                  <a:pt x="11" y="280"/>
                  <a:pt x="11" y="280"/>
                </a:cubicBezTo>
                <a:cubicBezTo>
                  <a:pt x="7" y="282"/>
                  <a:pt x="4" y="287"/>
                  <a:pt x="4" y="292"/>
                </a:cubicBezTo>
                <a:cubicBezTo>
                  <a:pt x="4" y="292"/>
                  <a:pt x="4" y="293"/>
                  <a:pt x="4" y="293"/>
                </a:cubicBezTo>
                <a:cubicBezTo>
                  <a:pt x="7" y="336"/>
                  <a:pt x="50" y="389"/>
                  <a:pt x="63" y="397"/>
                </a:cubicBezTo>
                <a:cubicBezTo>
                  <a:pt x="68" y="400"/>
                  <a:pt x="74" y="400"/>
                  <a:pt x="78" y="396"/>
                </a:cubicBezTo>
                <a:cubicBezTo>
                  <a:pt x="78" y="396"/>
                  <a:pt x="98" y="380"/>
                  <a:pt x="109" y="371"/>
                </a:cubicBezTo>
                <a:cubicBezTo>
                  <a:pt x="115" y="377"/>
                  <a:pt x="124" y="382"/>
                  <a:pt x="131" y="387"/>
                </a:cubicBezTo>
                <a:cubicBezTo>
                  <a:pt x="145" y="395"/>
                  <a:pt x="154" y="400"/>
                  <a:pt x="161" y="402"/>
                </a:cubicBezTo>
                <a:cubicBezTo>
                  <a:pt x="160" y="415"/>
                  <a:pt x="159" y="439"/>
                  <a:pt x="159" y="439"/>
                </a:cubicBezTo>
                <a:cubicBezTo>
                  <a:pt x="159" y="439"/>
                  <a:pt x="159" y="439"/>
                  <a:pt x="159" y="440"/>
                </a:cubicBezTo>
                <a:cubicBezTo>
                  <a:pt x="159" y="443"/>
                  <a:pt x="160" y="446"/>
                  <a:pt x="162" y="448"/>
                </a:cubicBezTo>
                <a:cubicBezTo>
                  <a:pt x="165" y="452"/>
                  <a:pt x="170" y="456"/>
                  <a:pt x="194" y="459"/>
                </a:cubicBezTo>
                <a:cubicBezTo>
                  <a:pt x="209" y="461"/>
                  <a:pt x="226" y="462"/>
                  <a:pt x="240" y="462"/>
                </a:cubicBezTo>
                <a:cubicBezTo>
                  <a:pt x="276" y="462"/>
                  <a:pt x="287" y="453"/>
                  <a:pt x="292" y="447"/>
                </a:cubicBezTo>
                <a:cubicBezTo>
                  <a:pt x="293" y="446"/>
                  <a:pt x="294" y="444"/>
                  <a:pt x="294" y="443"/>
                </a:cubicBezTo>
                <a:cubicBezTo>
                  <a:pt x="294" y="442"/>
                  <a:pt x="295" y="441"/>
                  <a:pt x="295" y="440"/>
                </a:cubicBezTo>
                <a:cubicBezTo>
                  <a:pt x="295" y="437"/>
                  <a:pt x="294" y="431"/>
                  <a:pt x="290" y="413"/>
                </a:cubicBezTo>
                <a:cubicBezTo>
                  <a:pt x="289" y="409"/>
                  <a:pt x="289" y="406"/>
                  <a:pt x="288" y="403"/>
                </a:cubicBezTo>
                <a:cubicBezTo>
                  <a:pt x="296" y="400"/>
                  <a:pt x="306" y="396"/>
                  <a:pt x="317" y="390"/>
                </a:cubicBezTo>
                <a:cubicBezTo>
                  <a:pt x="324" y="386"/>
                  <a:pt x="335" y="379"/>
                  <a:pt x="344" y="372"/>
                </a:cubicBezTo>
                <a:cubicBezTo>
                  <a:pt x="347" y="374"/>
                  <a:pt x="352" y="377"/>
                  <a:pt x="358" y="381"/>
                </a:cubicBezTo>
                <a:cubicBezTo>
                  <a:pt x="366" y="386"/>
                  <a:pt x="375" y="391"/>
                  <a:pt x="379" y="394"/>
                </a:cubicBezTo>
                <a:cubicBezTo>
                  <a:pt x="384" y="397"/>
                  <a:pt x="389" y="397"/>
                  <a:pt x="393" y="395"/>
                </a:cubicBezTo>
                <a:cubicBezTo>
                  <a:pt x="406" y="388"/>
                  <a:pt x="426" y="356"/>
                  <a:pt x="429" y="350"/>
                </a:cubicBezTo>
                <a:cubicBezTo>
                  <a:pt x="439" y="333"/>
                  <a:pt x="450" y="310"/>
                  <a:pt x="450" y="294"/>
                </a:cubicBezTo>
                <a:cubicBezTo>
                  <a:pt x="450" y="292"/>
                  <a:pt x="450" y="291"/>
                  <a:pt x="450" y="289"/>
                </a:cubicBezTo>
                <a:cubicBezTo>
                  <a:pt x="449" y="285"/>
                  <a:pt x="446" y="281"/>
                  <a:pt x="442" y="279"/>
                </a:cubicBezTo>
                <a:cubicBezTo>
                  <a:pt x="427" y="273"/>
                  <a:pt x="418" y="269"/>
                  <a:pt x="406" y="265"/>
                </a:cubicBezTo>
                <a:cubicBezTo>
                  <a:pt x="408" y="254"/>
                  <a:pt x="409" y="241"/>
                  <a:pt x="409" y="227"/>
                </a:cubicBezTo>
                <a:cubicBezTo>
                  <a:pt x="409" y="217"/>
                  <a:pt x="409" y="208"/>
                  <a:pt x="407" y="200"/>
                </a:cubicBezTo>
                <a:cubicBezTo>
                  <a:pt x="415" y="197"/>
                  <a:pt x="423" y="193"/>
                  <a:pt x="423" y="193"/>
                </a:cubicBezTo>
                <a:cubicBezTo>
                  <a:pt x="443" y="184"/>
                  <a:pt x="443" y="184"/>
                  <a:pt x="443" y="184"/>
                </a:cubicBezTo>
                <a:cubicBezTo>
                  <a:pt x="448" y="182"/>
                  <a:pt x="451" y="177"/>
                  <a:pt x="451" y="172"/>
                </a:cubicBezTo>
                <a:cubicBezTo>
                  <a:pt x="451" y="171"/>
                  <a:pt x="451" y="170"/>
                  <a:pt x="451" y="169"/>
                </a:cubicBezTo>
                <a:cubicBezTo>
                  <a:pt x="448" y="156"/>
                  <a:pt x="413" y="89"/>
                  <a:pt x="393" y="71"/>
                </a:cubicBezTo>
                <a:cubicBezTo>
                  <a:pt x="388" y="67"/>
                  <a:pt x="382" y="67"/>
                  <a:pt x="377" y="70"/>
                </a:cubicBezTo>
                <a:cubicBezTo>
                  <a:pt x="368" y="76"/>
                  <a:pt x="355" y="86"/>
                  <a:pt x="344" y="94"/>
                </a:cubicBezTo>
                <a:cubicBezTo>
                  <a:pt x="330" y="83"/>
                  <a:pt x="307" y="69"/>
                  <a:pt x="289" y="62"/>
                </a:cubicBezTo>
                <a:cubicBezTo>
                  <a:pt x="290" y="44"/>
                  <a:pt x="291" y="21"/>
                  <a:pt x="291" y="20"/>
                </a:cubicBezTo>
                <a:cubicBezTo>
                  <a:pt x="291" y="20"/>
                  <a:pt x="291" y="19"/>
                  <a:pt x="291" y="19"/>
                </a:cubicBezTo>
                <a:cubicBezTo>
                  <a:pt x="291" y="15"/>
                  <a:pt x="289" y="11"/>
                  <a:pt x="286" y="9"/>
                </a:cubicBezTo>
                <a:cubicBezTo>
                  <a:pt x="277" y="2"/>
                  <a:pt x="258" y="0"/>
                  <a:pt x="228" y="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4" name="Freeform 140"/>
          <p:cNvSpPr>
            <a:spLocks noChangeAspect="1"/>
          </p:cNvSpPr>
          <p:nvPr userDrawn="1"/>
        </p:nvSpPr>
        <p:spPr bwMode="auto">
          <a:xfrm>
            <a:off x="10350368" y="3849421"/>
            <a:ext cx="393194" cy="393192"/>
          </a:xfrm>
          <a:custGeom>
            <a:avLst/>
            <a:gdLst/>
            <a:ahLst/>
            <a:cxnLst>
              <a:cxn ang="0">
                <a:pos x="199" y="26"/>
              </a:cxn>
              <a:cxn ang="0">
                <a:pos x="185" y="99"/>
              </a:cxn>
              <a:cxn ang="0">
                <a:pos x="100" y="80"/>
              </a:cxn>
              <a:cxn ang="0">
                <a:pos x="44" y="43"/>
              </a:cxn>
              <a:cxn ang="0">
                <a:pos x="18" y="52"/>
              </a:cxn>
              <a:cxn ang="0">
                <a:pos x="33" y="80"/>
              </a:cxn>
              <a:cxn ang="0">
                <a:pos x="105" y="171"/>
              </a:cxn>
              <a:cxn ang="0">
                <a:pos x="56" y="215"/>
              </a:cxn>
              <a:cxn ang="0">
                <a:pos x="0" y="244"/>
              </a:cxn>
              <a:cxn ang="0">
                <a:pos x="26" y="262"/>
              </a:cxn>
              <a:cxn ang="0">
                <a:pos x="98" y="275"/>
              </a:cxn>
              <a:cxn ang="0">
                <a:pos x="80" y="361"/>
              </a:cxn>
              <a:cxn ang="0">
                <a:pos x="43" y="417"/>
              </a:cxn>
              <a:cxn ang="0">
                <a:pos x="43" y="439"/>
              </a:cxn>
              <a:cxn ang="0">
                <a:pos x="80" y="427"/>
              </a:cxn>
              <a:cxn ang="0">
                <a:pos x="171" y="356"/>
              </a:cxn>
              <a:cxn ang="0">
                <a:pos x="215" y="404"/>
              </a:cxn>
              <a:cxn ang="0">
                <a:pos x="245" y="461"/>
              </a:cxn>
              <a:cxn ang="0">
                <a:pos x="269" y="401"/>
              </a:cxn>
              <a:cxn ang="0">
                <a:pos x="309" y="346"/>
              </a:cxn>
              <a:cxn ang="0">
                <a:pos x="402" y="408"/>
              </a:cxn>
              <a:cxn ang="0">
                <a:pos x="439" y="418"/>
              </a:cxn>
              <a:cxn ang="0">
                <a:pos x="427" y="381"/>
              </a:cxn>
              <a:cxn ang="0">
                <a:pos x="351" y="283"/>
              </a:cxn>
              <a:cxn ang="0">
                <a:pos x="327" y="292"/>
              </a:cxn>
              <a:cxn ang="0">
                <a:pos x="378" y="361"/>
              </a:cxn>
              <a:cxn ang="0">
                <a:pos x="301" y="319"/>
              </a:cxn>
              <a:cxn ang="0">
                <a:pos x="251" y="349"/>
              </a:cxn>
              <a:cxn ang="0">
                <a:pos x="228" y="351"/>
              </a:cxn>
              <a:cxn ang="0">
                <a:pos x="175" y="329"/>
              </a:cxn>
              <a:cxn ang="0">
                <a:pos x="100" y="378"/>
              </a:cxn>
              <a:cxn ang="0">
                <a:pos x="144" y="309"/>
              </a:cxn>
              <a:cxn ang="0">
                <a:pos x="122" y="261"/>
              </a:cxn>
              <a:cxn ang="0">
                <a:pos x="60" y="242"/>
              </a:cxn>
              <a:cxn ang="0">
                <a:pos x="120" y="216"/>
              </a:cxn>
              <a:cxn ang="0">
                <a:pos x="134" y="169"/>
              </a:cxn>
              <a:cxn ang="0">
                <a:pos x="82" y="100"/>
              </a:cxn>
              <a:cxn ang="0">
                <a:pos x="160" y="141"/>
              </a:cxn>
              <a:cxn ang="0">
                <a:pos x="210" y="112"/>
              </a:cxn>
              <a:cxn ang="0">
                <a:pos x="233" y="110"/>
              </a:cxn>
              <a:cxn ang="0">
                <a:pos x="285" y="132"/>
              </a:cxn>
              <a:cxn ang="0">
                <a:pos x="361" y="82"/>
              </a:cxn>
              <a:cxn ang="0">
                <a:pos x="316" y="152"/>
              </a:cxn>
              <a:cxn ang="0">
                <a:pos x="338" y="200"/>
              </a:cxn>
              <a:cxn ang="0">
                <a:pos x="401" y="219"/>
              </a:cxn>
              <a:cxn ang="0">
                <a:pos x="341" y="246"/>
              </a:cxn>
              <a:cxn ang="0">
                <a:pos x="357" y="259"/>
              </a:cxn>
              <a:cxn ang="0">
                <a:pos x="437" y="236"/>
              </a:cxn>
              <a:cxn ang="0">
                <a:pos x="461" y="216"/>
              </a:cxn>
              <a:cxn ang="0">
                <a:pos x="401" y="192"/>
              </a:cxn>
              <a:cxn ang="0">
                <a:pos x="346" y="151"/>
              </a:cxn>
              <a:cxn ang="0">
                <a:pos x="408" y="59"/>
              </a:cxn>
              <a:cxn ang="0">
                <a:pos x="422" y="31"/>
              </a:cxn>
              <a:cxn ang="0">
                <a:pos x="395" y="23"/>
              </a:cxn>
              <a:cxn ang="0">
                <a:pos x="341" y="64"/>
              </a:cxn>
              <a:cxn ang="0">
                <a:pos x="256" y="95"/>
              </a:cxn>
              <a:cxn ang="0">
                <a:pos x="236" y="24"/>
              </a:cxn>
            </a:cxnLst>
            <a:rect l="0" t="0" r="r" b="b"/>
            <a:pathLst>
              <a:path w="461" h="461">
                <a:moveTo>
                  <a:pt x="216" y="0"/>
                </a:moveTo>
                <a:cubicBezTo>
                  <a:pt x="204" y="1"/>
                  <a:pt x="202" y="12"/>
                  <a:pt x="199" y="26"/>
                </a:cubicBezTo>
                <a:cubicBezTo>
                  <a:pt x="197" y="34"/>
                  <a:pt x="194" y="45"/>
                  <a:pt x="192" y="59"/>
                </a:cubicBezTo>
                <a:cubicBezTo>
                  <a:pt x="189" y="74"/>
                  <a:pt x="187" y="90"/>
                  <a:pt x="185" y="99"/>
                </a:cubicBezTo>
                <a:cubicBezTo>
                  <a:pt x="173" y="103"/>
                  <a:pt x="162" y="108"/>
                  <a:pt x="151" y="115"/>
                </a:cubicBezTo>
                <a:cubicBezTo>
                  <a:pt x="141" y="107"/>
                  <a:pt x="120" y="93"/>
                  <a:pt x="100" y="80"/>
                </a:cubicBezTo>
                <a:cubicBezTo>
                  <a:pt x="83" y="68"/>
                  <a:pt x="69" y="59"/>
                  <a:pt x="59" y="52"/>
                </a:cubicBezTo>
                <a:cubicBezTo>
                  <a:pt x="52" y="48"/>
                  <a:pt x="48" y="45"/>
                  <a:pt x="44" y="43"/>
                </a:cubicBezTo>
                <a:cubicBezTo>
                  <a:pt x="39" y="41"/>
                  <a:pt x="30" y="35"/>
                  <a:pt x="22" y="43"/>
                </a:cubicBezTo>
                <a:cubicBezTo>
                  <a:pt x="19" y="46"/>
                  <a:pt x="18" y="49"/>
                  <a:pt x="18" y="52"/>
                </a:cubicBezTo>
                <a:cubicBezTo>
                  <a:pt x="18" y="58"/>
                  <a:pt x="21" y="63"/>
                  <a:pt x="23" y="66"/>
                </a:cubicBezTo>
                <a:cubicBezTo>
                  <a:pt x="26" y="69"/>
                  <a:pt x="29" y="74"/>
                  <a:pt x="33" y="80"/>
                </a:cubicBezTo>
                <a:cubicBezTo>
                  <a:pt x="41" y="90"/>
                  <a:pt x="51" y="103"/>
                  <a:pt x="64" y="120"/>
                </a:cubicBezTo>
                <a:cubicBezTo>
                  <a:pt x="80" y="140"/>
                  <a:pt x="97" y="161"/>
                  <a:pt x="105" y="171"/>
                </a:cubicBezTo>
                <a:cubicBezTo>
                  <a:pt x="100" y="181"/>
                  <a:pt x="97" y="193"/>
                  <a:pt x="95" y="204"/>
                </a:cubicBezTo>
                <a:cubicBezTo>
                  <a:pt x="86" y="207"/>
                  <a:pt x="71" y="211"/>
                  <a:pt x="56" y="215"/>
                </a:cubicBezTo>
                <a:cubicBezTo>
                  <a:pt x="43" y="219"/>
                  <a:pt x="32" y="222"/>
                  <a:pt x="24" y="225"/>
                </a:cubicBezTo>
                <a:cubicBezTo>
                  <a:pt x="12" y="229"/>
                  <a:pt x="0" y="233"/>
                  <a:pt x="0" y="244"/>
                </a:cubicBezTo>
                <a:cubicBezTo>
                  <a:pt x="0" y="244"/>
                  <a:pt x="0" y="245"/>
                  <a:pt x="0" y="245"/>
                </a:cubicBezTo>
                <a:cubicBezTo>
                  <a:pt x="1" y="257"/>
                  <a:pt x="12" y="259"/>
                  <a:pt x="26" y="262"/>
                </a:cubicBezTo>
                <a:cubicBezTo>
                  <a:pt x="34" y="264"/>
                  <a:pt x="45" y="266"/>
                  <a:pt x="59" y="269"/>
                </a:cubicBezTo>
                <a:cubicBezTo>
                  <a:pt x="74" y="271"/>
                  <a:pt x="89" y="274"/>
                  <a:pt x="98" y="275"/>
                </a:cubicBezTo>
                <a:cubicBezTo>
                  <a:pt x="102" y="287"/>
                  <a:pt x="108" y="299"/>
                  <a:pt x="115" y="309"/>
                </a:cubicBezTo>
                <a:cubicBezTo>
                  <a:pt x="107" y="320"/>
                  <a:pt x="93" y="340"/>
                  <a:pt x="80" y="361"/>
                </a:cubicBezTo>
                <a:cubicBezTo>
                  <a:pt x="68" y="378"/>
                  <a:pt x="59" y="392"/>
                  <a:pt x="52" y="402"/>
                </a:cubicBezTo>
                <a:cubicBezTo>
                  <a:pt x="48" y="408"/>
                  <a:pt x="45" y="413"/>
                  <a:pt x="43" y="417"/>
                </a:cubicBezTo>
                <a:cubicBezTo>
                  <a:pt x="42" y="420"/>
                  <a:pt x="39" y="424"/>
                  <a:pt x="39" y="429"/>
                </a:cubicBezTo>
                <a:cubicBezTo>
                  <a:pt x="39" y="432"/>
                  <a:pt x="40" y="436"/>
                  <a:pt x="43" y="439"/>
                </a:cubicBezTo>
                <a:cubicBezTo>
                  <a:pt x="51" y="447"/>
                  <a:pt x="61" y="440"/>
                  <a:pt x="66" y="437"/>
                </a:cubicBezTo>
                <a:cubicBezTo>
                  <a:pt x="69" y="435"/>
                  <a:pt x="74" y="432"/>
                  <a:pt x="80" y="427"/>
                </a:cubicBezTo>
                <a:cubicBezTo>
                  <a:pt x="90" y="420"/>
                  <a:pt x="103" y="410"/>
                  <a:pt x="120" y="396"/>
                </a:cubicBezTo>
                <a:cubicBezTo>
                  <a:pt x="140" y="380"/>
                  <a:pt x="161" y="364"/>
                  <a:pt x="171" y="356"/>
                </a:cubicBezTo>
                <a:cubicBezTo>
                  <a:pt x="181" y="361"/>
                  <a:pt x="193" y="364"/>
                  <a:pt x="204" y="366"/>
                </a:cubicBezTo>
                <a:cubicBezTo>
                  <a:pt x="207" y="375"/>
                  <a:pt x="211" y="390"/>
                  <a:pt x="215" y="404"/>
                </a:cubicBezTo>
                <a:cubicBezTo>
                  <a:pt x="219" y="418"/>
                  <a:pt x="222" y="429"/>
                  <a:pt x="225" y="437"/>
                </a:cubicBezTo>
                <a:cubicBezTo>
                  <a:pt x="229" y="449"/>
                  <a:pt x="233" y="461"/>
                  <a:pt x="245" y="461"/>
                </a:cubicBezTo>
                <a:cubicBezTo>
                  <a:pt x="257" y="460"/>
                  <a:pt x="259" y="449"/>
                  <a:pt x="262" y="435"/>
                </a:cubicBezTo>
                <a:cubicBezTo>
                  <a:pt x="264" y="427"/>
                  <a:pt x="266" y="416"/>
                  <a:pt x="269" y="401"/>
                </a:cubicBezTo>
                <a:cubicBezTo>
                  <a:pt x="272" y="386"/>
                  <a:pt x="274" y="371"/>
                  <a:pt x="276" y="362"/>
                </a:cubicBezTo>
                <a:cubicBezTo>
                  <a:pt x="288" y="358"/>
                  <a:pt x="299" y="353"/>
                  <a:pt x="309" y="346"/>
                </a:cubicBezTo>
                <a:cubicBezTo>
                  <a:pt x="320" y="353"/>
                  <a:pt x="340" y="367"/>
                  <a:pt x="361" y="381"/>
                </a:cubicBezTo>
                <a:cubicBezTo>
                  <a:pt x="378" y="393"/>
                  <a:pt x="392" y="402"/>
                  <a:pt x="402" y="408"/>
                </a:cubicBezTo>
                <a:cubicBezTo>
                  <a:pt x="408" y="412"/>
                  <a:pt x="413" y="415"/>
                  <a:pt x="417" y="417"/>
                </a:cubicBezTo>
                <a:cubicBezTo>
                  <a:pt x="422" y="420"/>
                  <a:pt x="431" y="425"/>
                  <a:pt x="439" y="418"/>
                </a:cubicBezTo>
                <a:cubicBezTo>
                  <a:pt x="447" y="409"/>
                  <a:pt x="440" y="400"/>
                  <a:pt x="437" y="395"/>
                </a:cubicBezTo>
                <a:cubicBezTo>
                  <a:pt x="435" y="392"/>
                  <a:pt x="432" y="387"/>
                  <a:pt x="427" y="381"/>
                </a:cubicBezTo>
                <a:cubicBezTo>
                  <a:pt x="420" y="371"/>
                  <a:pt x="410" y="357"/>
                  <a:pt x="396" y="341"/>
                </a:cubicBezTo>
                <a:cubicBezTo>
                  <a:pt x="374" y="312"/>
                  <a:pt x="351" y="284"/>
                  <a:pt x="351" y="283"/>
                </a:cubicBezTo>
                <a:cubicBezTo>
                  <a:pt x="346" y="278"/>
                  <a:pt x="338" y="277"/>
                  <a:pt x="332" y="281"/>
                </a:cubicBezTo>
                <a:cubicBezTo>
                  <a:pt x="329" y="284"/>
                  <a:pt x="327" y="288"/>
                  <a:pt x="327" y="292"/>
                </a:cubicBezTo>
                <a:cubicBezTo>
                  <a:pt x="327" y="295"/>
                  <a:pt x="328" y="298"/>
                  <a:pt x="330" y="300"/>
                </a:cubicBezTo>
                <a:cubicBezTo>
                  <a:pt x="347" y="321"/>
                  <a:pt x="364" y="342"/>
                  <a:pt x="378" y="361"/>
                </a:cubicBezTo>
                <a:cubicBezTo>
                  <a:pt x="359" y="348"/>
                  <a:pt x="337" y="333"/>
                  <a:pt x="317" y="319"/>
                </a:cubicBezTo>
                <a:cubicBezTo>
                  <a:pt x="312" y="315"/>
                  <a:pt x="305" y="315"/>
                  <a:pt x="301" y="319"/>
                </a:cubicBezTo>
                <a:cubicBezTo>
                  <a:pt x="290" y="328"/>
                  <a:pt x="275" y="335"/>
                  <a:pt x="261" y="338"/>
                </a:cubicBezTo>
                <a:cubicBezTo>
                  <a:pt x="256" y="339"/>
                  <a:pt x="252" y="343"/>
                  <a:pt x="251" y="349"/>
                </a:cubicBezTo>
                <a:cubicBezTo>
                  <a:pt x="248" y="367"/>
                  <a:pt x="245" y="385"/>
                  <a:pt x="242" y="401"/>
                </a:cubicBezTo>
                <a:cubicBezTo>
                  <a:pt x="237" y="386"/>
                  <a:pt x="232" y="367"/>
                  <a:pt x="228" y="351"/>
                </a:cubicBezTo>
                <a:cubicBezTo>
                  <a:pt x="226" y="345"/>
                  <a:pt x="222" y="341"/>
                  <a:pt x="216" y="341"/>
                </a:cubicBezTo>
                <a:cubicBezTo>
                  <a:pt x="201" y="339"/>
                  <a:pt x="188" y="335"/>
                  <a:pt x="175" y="329"/>
                </a:cubicBezTo>
                <a:cubicBezTo>
                  <a:pt x="170" y="326"/>
                  <a:pt x="165" y="327"/>
                  <a:pt x="161" y="330"/>
                </a:cubicBezTo>
                <a:cubicBezTo>
                  <a:pt x="140" y="346"/>
                  <a:pt x="119" y="364"/>
                  <a:pt x="100" y="378"/>
                </a:cubicBezTo>
                <a:cubicBezTo>
                  <a:pt x="113" y="359"/>
                  <a:pt x="128" y="337"/>
                  <a:pt x="142" y="317"/>
                </a:cubicBezTo>
                <a:cubicBezTo>
                  <a:pt x="144" y="314"/>
                  <a:pt x="144" y="312"/>
                  <a:pt x="144" y="309"/>
                </a:cubicBezTo>
                <a:cubicBezTo>
                  <a:pt x="144" y="306"/>
                  <a:pt x="143" y="303"/>
                  <a:pt x="141" y="301"/>
                </a:cubicBezTo>
                <a:cubicBezTo>
                  <a:pt x="132" y="289"/>
                  <a:pt x="125" y="274"/>
                  <a:pt x="122" y="261"/>
                </a:cubicBezTo>
                <a:cubicBezTo>
                  <a:pt x="121" y="255"/>
                  <a:pt x="117" y="251"/>
                  <a:pt x="111" y="250"/>
                </a:cubicBezTo>
                <a:cubicBezTo>
                  <a:pt x="94" y="248"/>
                  <a:pt x="75" y="245"/>
                  <a:pt x="60" y="242"/>
                </a:cubicBezTo>
                <a:cubicBezTo>
                  <a:pt x="75" y="237"/>
                  <a:pt x="93" y="232"/>
                  <a:pt x="110" y="228"/>
                </a:cubicBezTo>
                <a:cubicBezTo>
                  <a:pt x="115" y="227"/>
                  <a:pt x="119" y="222"/>
                  <a:pt x="120" y="216"/>
                </a:cubicBezTo>
                <a:cubicBezTo>
                  <a:pt x="121" y="201"/>
                  <a:pt x="126" y="188"/>
                  <a:pt x="132" y="175"/>
                </a:cubicBezTo>
                <a:cubicBezTo>
                  <a:pt x="133" y="173"/>
                  <a:pt x="134" y="171"/>
                  <a:pt x="134" y="169"/>
                </a:cubicBezTo>
                <a:cubicBezTo>
                  <a:pt x="134" y="166"/>
                  <a:pt x="133" y="163"/>
                  <a:pt x="131" y="161"/>
                </a:cubicBezTo>
                <a:cubicBezTo>
                  <a:pt x="114" y="140"/>
                  <a:pt x="97" y="119"/>
                  <a:pt x="82" y="100"/>
                </a:cubicBezTo>
                <a:cubicBezTo>
                  <a:pt x="101" y="113"/>
                  <a:pt x="123" y="128"/>
                  <a:pt x="144" y="142"/>
                </a:cubicBezTo>
                <a:cubicBezTo>
                  <a:pt x="149" y="146"/>
                  <a:pt x="155" y="145"/>
                  <a:pt x="160" y="141"/>
                </a:cubicBezTo>
                <a:cubicBezTo>
                  <a:pt x="171" y="133"/>
                  <a:pt x="186" y="126"/>
                  <a:pt x="200" y="123"/>
                </a:cubicBezTo>
                <a:cubicBezTo>
                  <a:pt x="205" y="122"/>
                  <a:pt x="209" y="117"/>
                  <a:pt x="210" y="112"/>
                </a:cubicBezTo>
                <a:cubicBezTo>
                  <a:pt x="213" y="94"/>
                  <a:pt x="216" y="75"/>
                  <a:pt x="219" y="59"/>
                </a:cubicBezTo>
                <a:cubicBezTo>
                  <a:pt x="223" y="75"/>
                  <a:pt x="228" y="93"/>
                  <a:pt x="233" y="110"/>
                </a:cubicBezTo>
                <a:cubicBezTo>
                  <a:pt x="234" y="115"/>
                  <a:pt x="239" y="119"/>
                  <a:pt x="244" y="120"/>
                </a:cubicBezTo>
                <a:cubicBezTo>
                  <a:pt x="259" y="121"/>
                  <a:pt x="273" y="126"/>
                  <a:pt x="285" y="132"/>
                </a:cubicBezTo>
                <a:cubicBezTo>
                  <a:pt x="290" y="135"/>
                  <a:pt x="296" y="134"/>
                  <a:pt x="300" y="131"/>
                </a:cubicBezTo>
                <a:cubicBezTo>
                  <a:pt x="320" y="114"/>
                  <a:pt x="342" y="97"/>
                  <a:pt x="361" y="82"/>
                </a:cubicBezTo>
                <a:cubicBezTo>
                  <a:pt x="348" y="102"/>
                  <a:pt x="333" y="123"/>
                  <a:pt x="319" y="144"/>
                </a:cubicBezTo>
                <a:cubicBezTo>
                  <a:pt x="317" y="146"/>
                  <a:pt x="316" y="149"/>
                  <a:pt x="316" y="152"/>
                </a:cubicBezTo>
                <a:cubicBezTo>
                  <a:pt x="316" y="155"/>
                  <a:pt x="317" y="158"/>
                  <a:pt x="319" y="160"/>
                </a:cubicBezTo>
                <a:cubicBezTo>
                  <a:pt x="328" y="171"/>
                  <a:pt x="335" y="186"/>
                  <a:pt x="338" y="200"/>
                </a:cubicBezTo>
                <a:cubicBezTo>
                  <a:pt x="339" y="205"/>
                  <a:pt x="343" y="209"/>
                  <a:pt x="349" y="210"/>
                </a:cubicBezTo>
                <a:cubicBezTo>
                  <a:pt x="367" y="213"/>
                  <a:pt x="385" y="216"/>
                  <a:pt x="401" y="219"/>
                </a:cubicBezTo>
                <a:cubicBezTo>
                  <a:pt x="386" y="223"/>
                  <a:pt x="367" y="228"/>
                  <a:pt x="351" y="233"/>
                </a:cubicBezTo>
                <a:cubicBezTo>
                  <a:pt x="345" y="234"/>
                  <a:pt x="341" y="240"/>
                  <a:pt x="341" y="246"/>
                </a:cubicBezTo>
                <a:cubicBezTo>
                  <a:pt x="341" y="247"/>
                  <a:pt x="341" y="248"/>
                  <a:pt x="341" y="249"/>
                </a:cubicBezTo>
                <a:cubicBezTo>
                  <a:pt x="343" y="256"/>
                  <a:pt x="350" y="260"/>
                  <a:pt x="357" y="259"/>
                </a:cubicBezTo>
                <a:cubicBezTo>
                  <a:pt x="358" y="259"/>
                  <a:pt x="381" y="252"/>
                  <a:pt x="404" y="246"/>
                </a:cubicBezTo>
                <a:cubicBezTo>
                  <a:pt x="418" y="242"/>
                  <a:pt x="429" y="239"/>
                  <a:pt x="437" y="236"/>
                </a:cubicBezTo>
                <a:cubicBezTo>
                  <a:pt x="449" y="232"/>
                  <a:pt x="461" y="228"/>
                  <a:pt x="461" y="217"/>
                </a:cubicBezTo>
                <a:cubicBezTo>
                  <a:pt x="461" y="216"/>
                  <a:pt x="461" y="216"/>
                  <a:pt x="461" y="216"/>
                </a:cubicBezTo>
                <a:cubicBezTo>
                  <a:pt x="460" y="204"/>
                  <a:pt x="449" y="202"/>
                  <a:pt x="435" y="199"/>
                </a:cubicBezTo>
                <a:cubicBezTo>
                  <a:pt x="427" y="197"/>
                  <a:pt x="416" y="194"/>
                  <a:pt x="401" y="192"/>
                </a:cubicBezTo>
                <a:cubicBezTo>
                  <a:pt x="386" y="189"/>
                  <a:pt x="371" y="187"/>
                  <a:pt x="362" y="185"/>
                </a:cubicBezTo>
                <a:cubicBezTo>
                  <a:pt x="358" y="173"/>
                  <a:pt x="353" y="162"/>
                  <a:pt x="346" y="151"/>
                </a:cubicBezTo>
                <a:cubicBezTo>
                  <a:pt x="353" y="141"/>
                  <a:pt x="367" y="120"/>
                  <a:pt x="381" y="100"/>
                </a:cubicBezTo>
                <a:cubicBezTo>
                  <a:pt x="393" y="83"/>
                  <a:pt x="402" y="69"/>
                  <a:pt x="408" y="59"/>
                </a:cubicBezTo>
                <a:cubicBezTo>
                  <a:pt x="412" y="52"/>
                  <a:pt x="415" y="48"/>
                  <a:pt x="417" y="44"/>
                </a:cubicBezTo>
                <a:cubicBezTo>
                  <a:pt x="419" y="41"/>
                  <a:pt x="422" y="36"/>
                  <a:pt x="422" y="31"/>
                </a:cubicBezTo>
                <a:cubicBezTo>
                  <a:pt x="422" y="28"/>
                  <a:pt x="421" y="25"/>
                  <a:pt x="418" y="22"/>
                </a:cubicBezTo>
                <a:cubicBezTo>
                  <a:pt x="409" y="14"/>
                  <a:pt x="400" y="20"/>
                  <a:pt x="395" y="23"/>
                </a:cubicBezTo>
                <a:cubicBezTo>
                  <a:pt x="392" y="26"/>
                  <a:pt x="387" y="29"/>
                  <a:pt x="381" y="33"/>
                </a:cubicBezTo>
                <a:cubicBezTo>
                  <a:pt x="371" y="41"/>
                  <a:pt x="357" y="51"/>
                  <a:pt x="341" y="64"/>
                </a:cubicBezTo>
                <a:cubicBezTo>
                  <a:pt x="320" y="81"/>
                  <a:pt x="300" y="97"/>
                  <a:pt x="290" y="105"/>
                </a:cubicBezTo>
                <a:cubicBezTo>
                  <a:pt x="279" y="100"/>
                  <a:pt x="268" y="97"/>
                  <a:pt x="256" y="95"/>
                </a:cubicBezTo>
                <a:cubicBezTo>
                  <a:pt x="254" y="86"/>
                  <a:pt x="250" y="71"/>
                  <a:pt x="246" y="56"/>
                </a:cubicBezTo>
                <a:cubicBezTo>
                  <a:pt x="242" y="43"/>
                  <a:pt x="239" y="32"/>
                  <a:pt x="236" y="24"/>
                </a:cubicBezTo>
                <a:cubicBezTo>
                  <a:pt x="232" y="11"/>
                  <a:pt x="228" y="0"/>
                  <a:pt x="216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5" name="Freeform 172"/>
          <p:cNvSpPr>
            <a:spLocks noChangeAspect="1"/>
          </p:cNvSpPr>
          <p:nvPr userDrawn="1"/>
        </p:nvSpPr>
        <p:spPr bwMode="auto">
          <a:xfrm>
            <a:off x="11340334" y="3836721"/>
            <a:ext cx="395565" cy="393192"/>
          </a:xfrm>
          <a:custGeom>
            <a:avLst/>
            <a:gdLst/>
            <a:ahLst/>
            <a:cxnLst>
              <a:cxn ang="0">
                <a:pos x="428" y="13"/>
              </a:cxn>
              <a:cxn ang="0">
                <a:pos x="428" y="250"/>
              </a:cxn>
              <a:cxn ang="0">
                <a:pos x="346" y="251"/>
              </a:cxn>
              <a:cxn ang="0">
                <a:pos x="298" y="167"/>
              </a:cxn>
              <a:cxn ang="0">
                <a:pos x="337" y="159"/>
              </a:cxn>
              <a:cxn ang="0">
                <a:pos x="347" y="146"/>
              </a:cxn>
              <a:cxn ang="0">
                <a:pos x="347" y="144"/>
              </a:cxn>
              <a:cxn ang="0">
                <a:pos x="328" y="31"/>
              </a:cxn>
              <a:cxn ang="0">
                <a:pos x="323" y="22"/>
              </a:cxn>
              <a:cxn ang="0">
                <a:pos x="313" y="20"/>
              </a:cxn>
              <a:cxn ang="0">
                <a:pos x="11" y="73"/>
              </a:cxn>
              <a:cxn ang="0">
                <a:pos x="1" y="81"/>
              </a:cxn>
              <a:cxn ang="0">
                <a:pos x="3" y="93"/>
              </a:cxn>
              <a:cxn ang="0">
                <a:pos x="33" y="140"/>
              </a:cxn>
              <a:cxn ang="0">
                <a:pos x="47" y="145"/>
              </a:cxn>
              <a:cxn ang="0">
                <a:pos x="68" y="142"/>
              </a:cxn>
              <a:cxn ang="0">
                <a:pos x="75" y="182"/>
              </a:cxn>
              <a:cxn ang="0">
                <a:pos x="91" y="192"/>
              </a:cxn>
              <a:cxn ang="0">
                <a:pos x="203" y="173"/>
              </a:cxn>
              <a:cxn ang="0">
                <a:pos x="295" y="318"/>
              </a:cxn>
              <a:cxn ang="0">
                <a:pos x="306" y="324"/>
              </a:cxn>
              <a:cxn ang="0">
                <a:pos x="428" y="324"/>
              </a:cxn>
              <a:cxn ang="0">
                <a:pos x="428" y="438"/>
              </a:cxn>
              <a:cxn ang="0">
                <a:pos x="441" y="451"/>
              </a:cxn>
              <a:cxn ang="0">
                <a:pos x="454" y="438"/>
              </a:cxn>
              <a:cxn ang="0">
                <a:pos x="454" y="311"/>
              </a:cxn>
              <a:cxn ang="0">
                <a:pos x="441" y="297"/>
              </a:cxn>
              <a:cxn ang="0">
                <a:pos x="314" y="297"/>
              </a:cxn>
              <a:cxn ang="0">
                <a:pos x="221" y="151"/>
              </a:cxn>
              <a:cxn ang="0">
                <a:pos x="207" y="145"/>
              </a:cxn>
              <a:cxn ang="0">
                <a:pos x="99" y="164"/>
              </a:cxn>
              <a:cxn ang="0">
                <a:pos x="92" y="124"/>
              </a:cxn>
              <a:cxn ang="0">
                <a:pos x="77" y="113"/>
              </a:cxn>
              <a:cxn ang="0">
                <a:pos x="51" y="118"/>
              </a:cxn>
              <a:cxn ang="0">
                <a:pos x="36" y="96"/>
              </a:cxn>
              <a:cxn ang="0">
                <a:pos x="304" y="48"/>
              </a:cxn>
              <a:cxn ang="0">
                <a:pos x="319" y="136"/>
              </a:cxn>
              <a:cxn ang="0">
                <a:pos x="274" y="145"/>
              </a:cxn>
              <a:cxn ang="0">
                <a:pos x="265" y="152"/>
              </a:cxn>
              <a:cxn ang="0">
                <a:pos x="264" y="158"/>
              </a:cxn>
              <a:cxn ang="0">
                <a:pos x="265" y="165"/>
              </a:cxn>
              <a:cxn ang="0">
                <a:pos x="327" y="271"/>
              </a:cxn>
              <a:cxn ang="0">
                <a:pos x="338" y="278"/>
              </a:cxn>
              <a:cxn ang="0">
                <a:pos x="441" y="277"/>
              </a:cxn>
              <a:cxn ang="0">
                <a:pos x="454" y="264"/>
              </a:cxn>
              <a:cxn ang="0">
                <a:pos x="454" y="13"/>
              </a:cxn>
              <a:cxn ang="0">
                <a:pos x="441" y="0"/>
              </a:cxn>
              <a:cxn ang="0">
                <a:pos x="428" y="13"/>
              </a:cxn>
            </a:cxnLst>
            <a:rect l="0" t="0" r="r" b="b"/>
            <a:pathLst>
              <a:path w="454" h="451">
                <a:moveTo>
                  <a:pt x="428" y="13"/>
                </a:moveTo>
                <a:cubicBezTo>
                  <a:pt x="428" y="13"/>
                  <a:pt x="428" y="227"/>
                  <a:pt x="428" y="250"/>
                </a:cubicBezTo>
                <a:cubicBezTo>
                  <a:pt x="409" y="251"/>
                  <a:pt x="357" y="251"/>
                  <a:pt x="346" y="251"/>
                </a:cubicBezTo>
                <a:cubicBezTo>
                  <a:pt x="340" y="241"/>
                  <a:pt x="310" y="189"/>
                  <a:pt x="298" y="167"/>
                </a:cubicBezTo>
                <a:cubicBezTo>
                  <a:pt x="314" y="164"/>
                  <a:pt x="337" y="159"/>
                  <a:pt x="337" y="159"/>
                </a:cubicBezTo>
                <a:cubicBezTo>
                  <a:pt x="343" y="158"/>
                  <a:pt x="347" y="152"/>
                  <a:pt x="347" y="146"/>
                </a:cubicBezTo>
                <a:cubicBezTo>
                  <a:pt x="347" y="145"/>
                  <a:pt x="347" y="145"/>
                  <a:pt x="347" y="144"/>
                </a:cubicBezTo>
                <a:cubicBezTo>
                  <a:pt x="328" y="31"/>
                  <a:pt x="328" y="31"/>
                  <a:pt x="328" y="31"/>
                </a:cubicBezTo>
                <a:cubicBezTo>
                  <a:pt x="328" y="27"/>
                  <a:pt x="326" y="24"/>
                  <a:pt x="323" y="22"/>
                </a:cubicBezTo>
                <a:cubicBezTo>
                  <a:pt x="320" y="20"/>
                  <a:pt x="316" y="19"/>
                  <a:pt x="313" y="20"/>
                </a:cubicBezTo>
                <a:cubicBezTo>
                  <a:pt x="11" y="73"/>
                  <a:pt x="11" y="73"/>
                  <a:pt x="11" y="73"/>
                </a:cubicBezTo>
                <a:cubicBezTo>
                  <a:pt x="7" y="74"/>
                  <a:pt x="3" y="77"/>
                  <a:pt x="1" y="81"/>
                </a:cubicBezTo>
                <a:cubicBezTo>
                  <a:pt x="0" y="85"/>
                  <a:pt x="0" y="90"/>
                  <a:pt x="3" y="93"/>
                </a:cubicBezTo>
                <a:cubicBezTo>
                  <a:pt x="33" y="140"/>
                  <a:pt x="33" y="140"/>
                  <a:pt x="33" y="140"/>
                </a:cubicBezTo>
                <a:cubicBezTo>
                  <a:pt x="36" y="144"/>
                  <a:pt x="41" y="146"/>
                  <a:pt x="47" y="145"/>
                </a:cubicBezTo>
                <a:cubicBezTo>
                  <a:pt x="47" y="145"/>
                  <a:pt x="58" y="143"/>
                  <a:pt x="68" y="142"/>
                </a:cubicBezTo>
                <a:cubicBezTo>
                  <a:pt x="71" y="156"/>
                  <a:pt x="75" y="182"/>
                  <a:pt x="75" y="182"/>
                </a:cubicBezTo>
                <a:cubicBezTo>
                  <a:pt x="76" y="189"/>
                  <a:pt x="83" y="194"/>
                  <a:pt x="91" y="192"/>
                </a:cubicBezTo>
                <a:cubicBezTo>
                  <a:pt x="91" y="192"/>
                  <a:pt x="188" y="175"/>
                  <a:pt x="203" y="173"/>
                </a:cubicBezTo>
                <a:cubicBezTo>
                  <a:pt x="212" y="186"/>
                  <a:pt x="295" y="318"/>
                  <a:pt x="295" y="318"/>
                </a:cubicBezTo>
                <a:cubicBezTo>
                  <a:pt x="297" y="322"/>
                  <a:pt x="302" y="324"/>
                  <a:pt x="306" y="324"/>
                </a:cubicBezTo>
                <a:cubicBezTo>
                  <a:pt x="306" y="324"/>
                  <a:pt x="406" y="324"/>
                  <a:pt x="428" y="324"/>
                </a:cubicBezTo>
                <a:cubicBezTo>
                  <a:pt x="428" y="345"/>
                  <a:pt x="428" y="438"/>
                  <a:pt x="428" y="438"/>
                </a:cubicBezTo>
                <a:cubicBezTo>
                  <a:pt x="428" y="445"/>
                  <a:pt x="434" y="451"/>
                  <a:pt x="441" y="451"/>
                </a:cubicBezTo>
                <a:cubicBezTo>
                  <a:pt x="448" y="451"/>
                  <a:pt x="454" y="445"/>
                  <a:pt x="454" y="438"/>
                </a:cubicBezTo>
                <a:cubicBezTo>
                  <a:pt x="454" y="311"/>
                  <a:pt x="454" y="311"/>
                  <a:pt x="454" y="311"/>
                </a:cubicBezTo>
                <a:cubicBezTo>
                  <a:pt x="454" y="303"/>
                  <a:pt x="448" y="297"/>
                  <a:pt x="441" y="297"/>
                </a:cubicBezTo>
                <a:cubicBezTo>
                  <a:pt x="441" y="297"/>
                  <a:pt x="327" y="297"/>
                  <a:pt x="314" y="297"/>
                </a:cubicBezTo>
                <a:cubicBezTo>
                  <a:pt x="306" y="286"/>
                  <a:pt x="221" y="151"/>
                  <a:pt x="221" y="151"/>
                </a:cubicBezTo>
                <a:cubicBezTo>
                  <a:pt x="218" y="146"/>
                  <a:pt x="213" y="144"/>
                  <a:pt x="207" y="145"/>
                </a:cubicBezTo>
                <a:cubicBezTo>
                  <a:pt x="207" y="145"/>
                  <a:pt x="120" y="160"/>
                  <a:pt x="99" y="164"/>
                </a:cubicBezTo>
                <a:cubicBezTo>
                  <a:pt x="96" y="149"/>
                  <a:pt x="92" y="124"/>
                  <a:pt x="92" y="124"/>
                </a:cubicBezTo>
                <a:cubicBezTo>
                  <a:pt x="91" y="117"/>
                  <a:pt x="84" y="112"/>
                  <a:pt x="77" y="113"/>
                </a:cubicBezTo>
                <a:cubicBezTo>
                  <a:pt x="77" y="113"/>
                  <a:pt x="60" y="116"/>
                  <a:pt x="51" y="118"/>
                </a:cubicBezTo>
                <a:cubicBezTo>
                  <a:pt x="47" y="112"/>
                  <a:pt x="43" y="106"/>
                  <a:pt x="36" y="96"/>
                </a:cubicBezTo>
                <a:cubicBezTo>
                  <a:pt x="69" y="90"/>
                  <a:pt x="282" y="52"/>
                  <a:pt x="304" y="48"/>
                </a:cubicBezTo>
                <a:cubicBezTo>
                  <a:pt x="307" y="66"/>
                  <a:pt x="316" y="118"/>
                  <a:pt x="319" y="136"/>
                </a:cubicBezTo>
                <a:cubicBezTo>
                  <a:pt x="303" y="139"/>
                  <a:pt x="274" y="145"/>
                  <a:pt x="274" y="145"/>
                </a:cubicBezTo>
                <a:cubicBezTo>
                  <a:pt x="270" y="146"/>
                  <a:pt x="266" y="149"/>
                  <a:pt x="265" y="152"/>
                </a:cubicBezTo>
                <a:cubicBezTo>
                  <a:pt x="264" y="154"/>
                  <a:pt x="264" y="156"/>
                  <a:pt x="264" y="158"/>
                </a:cubicBezTo>
                <a:cubicBezTo>
                  <a:pt x="264" y="160"/>
                  <a:pt x="264" y="162"/>
                  <a:pt x="265" y="165"/>
                </a:cubicBezTo>
                <a:cubicBezTo>
                  <a:pt x="327" y="271"/>
                  <a:pt x="327" y="271"/>
                  <a:pt x="327" y="271"/>
                </a:cubicBezTo>
                <a:cubicBezTo>
                  <a:pt x="329" y="275"/>
                  <a:pt x="333" y="278"/>
                  <a:pt x="338" y="278"/>
                </a:cubicBezTo>
                <a:cubicBezTo>
                  <a:pt x="441" y="277"/>
                  <a:pt x="441" y="277"/>
                  <a:pt x="441" y="277"/>
                </a:cubicBezTo>
                <a:cubicBezTo>
                  <a:pt x="448" y="277"/>
                  <a:pt x="454" y="271"/>
                  <a:pt x="454" y="264"/>
                </a:cubicBezTo>
                <a:cubicBezTo>
                  <a:pt x="454" y="13"/>
                  <a:pt x="454" y="13"/>
                  <a:pt x="454" y="13"/>
                </a:cubicBezTo>
                <a:cubicBezTo>
                  <a:pt x="454" y="6"/>
                  <a:pt x="448" y="0"/>
                  <a:pt x="441" y="0"/>
                </a:cubicBezTo>
                <a:cubicBezTo>
                  <a:pt x="434" y="0"/>
                  <a:pt x="428" y="6"/>
                  <a:pt x="428" y="1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6" name="Freeform 48"/>
          <p:cNvSpPr>
            <a:spLocks noChangeAspect="1"/>
          </p:cNvSpPr>
          <p:nvPr userDrawn="1"/>
        </p:nvSpPr>
        <p:spPr bwMode="auto">
          <a:xfrm>
            <a:off x="3424348" y="1185552"/>
            <a:ext cx="276964" cy="393192"/>
          </a:xfrm>
          <a:custGeom>
            <a:avLst/>
            <a:gdLst/>
            <a:ahLst/>
            <a:cxnLst>
              <a:cxn ang="0">
                <a:pos x="245" y="8"/>
              </a:cxn>
              <a:cxn ang="0">
                <a:pos x="208" y="64"/>
              </a:cxn>
              <a:cxn ang="0">
                <a:pos x="107" y="64"/>
              </a:cxn>
              <a:cxn ang="0">
                <a:pos x="70" y="8"/>
              </a:cxn>
              <a:cxn ang="0">
                <a:pos x="54" y="2"/>
              </a:cxn>
              <a:cxn ang="0">
                <a:pos x="45" y="15"/>
              </a:cxn>
              <a:cxn ang="0">
                <a:pos x="45" y="17"/>
              </a:cxn>
              <a:cxn ang="0">
                <a:pos x="52" y="71"/>
              </a:cxn>
              <a:cxn ang="0">
                <a:pos x="8" y="90"/>
              </a:cxn>
              <a:cxn ang="0">
                <a:pos x="0" y="102"/>
              </a:cxn>
              <a:cxn ang="0">
                <a:pos x="0" y="105"/>
              </a:cxn>
              <a:cxn ang="0">
                <a:pos x="13" y="116"/>
              </a:cxn>
              <a:cxn ang="0">
                <a:pos x="65" y="116"/>
              </a:cxn>
              <a:cxn ang="0">
                <a:pos x="99" y="215"/>
              </a:cxn>
              <a:cxn ang="0">
                <a:pos x="44" y="430"/>
              </a:cxn>
              <a:cxn ang="0">
                <a:pos x="44" y="434"/>
              </a:cxn>
              <a:cxn ang="0">
                <a:pos x="51" y="445"/>
              </a:cxn>
              <a:cxn ang="0">
                <a:pos x="67" y="443"/>
              </a:cxn>
              <a:cxn ang="0">
                <a:pos x="169" y="340"/>
              </a:cxn>
              <a:cxn ang="0">
                <a:pos x="169" y="321"/>
              </a:cxn>
              <a:cxn ang="0">
                <a:pos x="150" y="321"/>
              </a:cxn>
              <a:cxn ang="0">
                <a:pos x="82" y="390"/>
              </a:cxn>
              <a:cxn ang="0">
                <a:pos x="126" y="217"/>
              </a:cxn>
              <a:cxn ang="0">
                <a:pos x="126" y="214"/>
              </a:cxn>
              <a:cxn ang="0">
                <a:pos x="126" y="210"/>
              </a:cxn>
              <a:cxn ang="0">
                <a:pos x="87" y="99"/>
              </a:cxn>
              <a:cxn ang="0">
                <a:pos x="74" y="90"/>
              </a:cxn>
              <a:cxn ang="0">
                <a:pos x="80" y="79"/>
              </a:cxn>
              <a:cxn ang="0">
                <a:pos x="80" y="78"/>
              </a:cxn>
              <a:cxn ang="0">
                <a:pos x="78" y="69"/>
              </a:cxn>
              <a:cxn ang="0">
                <a:pos x="89" y="85"/>
              </a:cxn>
              <a:cxn ang="0">
                <a:pos x="100" y="91"/>
              </a:cxn>
              <a:cxn ang="0">
                <a:pos x="215" y="91"/>
              </a:cxn>
              <a:cxn ang="0">
                <a:pos x="226" y="85"/>
              </a:cxn>
              <a:cxn ang="0">
                <a:pos x="236" y="69"/>
              </a:cxn>
              <a:cxn ang="0">
                <a:pos x="235" y="78"/>
              </a:cxn>
              <a:cxn ang="0">
                <a:pos x="235" y="79"/>
              </a:cxn>
              <a:cxn ang="0">
                <a:pos x="240" y="90"/>
              </a:cxn>
              <a:cxn ang="0">
                <a:pos x="228" y="99"/>
              </a:cxn>
              <a:cxn ang="0">
                <a:pos x="189" y="210"/>
              </a:cxn>
              <a:cxn ang="0">
                <a:pos x="188" y="214"/>
              </a:cxn>
              <a:cxn ang="0">
                <a:pos x="189" y="217"/>
              </a:cxn>
              <a:cxn ang="0">
                <a:pos x="245" y="437"/>
              </a:cxn>
              <a:cxn ang="0">
                <a:pos x="261" y="447"/>
              </a:cxn>
              <a:cxn ang="0">
                <a:pos x="271" y="434"/>
              </a:cxn>
              <a:cxn ang="0">
                <a:pos x="270" y="430"/>
              </a:cxn>
              <a:cxn ang="0">
                <a:pos x="216" y="215"/>
              </a:cxn>
              <a:cxn ang="0">
                <a:pos x="250" y="116"/>
              </a:cxn>
              <a:cxn ang="0">
                <a:pos x="302" y="116"/>
              </a:cxn>
              <a:cxn ang="0">
                <a:pos x="315" y="105"/>
              </a:cxn>
              <a:cxn ang="0">
                <a:pos x="315" y="102"/>
              </a:cxn>
              <a:cxn ang="0">
                <a:pos x="307" y="90"/>
              </a:cxn>
              <a:cxn ang="0">
                <a:pos x="263" y="71"/>
              </a:cxn>
              <a:cxn ang="0">
                <a:pos x="269" y="17"/>
              </a:cxn>
              <a:cxn ang="0">
                <a:pos x="270" y="15"/>
              </a:cxn>
              <a:cxn ang="0">
                <a:pos x="261" y="2"/>
              </a:cxn>
              <a:cxn ang="0">
                <a:pos x="245" y="8"/>
              </a:cxn>
            </a:cxnLst>
            <a:rect l="0" t="0" r="r" b="b"/>
            <a:pathLst>
              <a:path w="315" h="448">
                <a:moveTo>
                  <a:pt x="245" y="8"/>
                </a:moveTo>
                <a:cubicBezTo>
                  <a:pt x="245" y="8"/>
                  <a:pt x="214" y="54"/>
                  <a:pt x="208" y="64"/>
                </a:cubicBezTo>
                <a:cubicBezTo>
                  <a:pt x="196" y="64"/>
                  <a:pt x="119" y="64"/>
                  <a:pt x="107" y="64"/>
                </a:cubicBezTo>
                <a:cubicBezTo>
                  <a:pt x="101" y="54"/>
                  <a:pt x="70" y="8"/>
                  <a:pt x="70" y="8"/>
                </a:cubicBezTo>
                <a:cubicBezTo>
                  <a:pt x="66" y="2"/>
                  <a:pt x="60" y="0"/>
                  <a:pt x="54" y="2"/>
                </a:cubicBezTo>
                <a:cubicBezTo>
                  <a:pt x="49" y="4"/>
                  <a:pt x="45" y="9"/>
                  <a:pt x="45" y="15"/>
                </a:cubicBezTo>
                <a:cubicBezTo>
                  <a:pt x="45" y="16"/>
                  <a:pt x="45" y="16"/>
                  <a:pt x="45" y="17"/>
                </a:cubicBezTo>
                <a:cubicBezTo>
                  <a:pt x="45" y="17"/>
                  <a:pt x="50" y="57"/>
                  <a:pt x="52" y="71"/>
                </a:cubicBezTo>
                <a:cubicBezTo>
                  <a:pt x="39" y="76"/>
                  <a:pt x="8" y="90"/>
                  <a:pt x="8" y="90"/>
                </a:cubicBezTo>
                <a:cubicBezTo>
                  <a:pt x="3" y="92"/>
                  <a:pt x="0" y="97"/>
                  <a:pt x="0" y="102"/>
                </a:cubicBezTo>
                <a:cubicBezTo>
                  <a:pt x="0" y="103"/>
                  <a:pt x="0" y="104"/>
                  <a:pt x="0" y="105"/>
                </a:cubicBezTo>
                <a:cubicBezTo>
                  <a:pt x="1" y="111"/>
                  <a:pt x="7" y="116"/>
                  <a:pt x="13" y="116"/>
                </a:cubicBezTo>
                <a:cubicBezTo>
                  <a:pt x="13" y="116"/>
                  <a:pt x="51" y="116"/>
                  <a:pt x="65" y="116"/>
                </a:cubicBezTo>
                <a:cubicBezTo>
                  <a:pt x="70" y="131"/>
                  <a:pt x="97" y="208"/>
                  <a:pt x="99" y="215"/>
                </a:cubicBezTo>
                <a:cubicBezTo>
                  <a:pt x="97" y="222"/>
                  <a:pt x="44" y="430"/>
                  <a:pt x="44" y="430"/>
                </a:cubicBezTo>
                <a:cubicBezTo>
                  <a:pt x="44" y="431"/>
                  <a:pt x="44" y="433"/>
                  <a:pt x="44" y="434"/>
                </a:cubicBezTo>
                <a:cubicBezTo>
                  <a:pt x="44" y="438"/>
                  <a:pt x="46" y="443"/>
                  <a:pt x="51" y="445"/>
                </a:cubicBezTo>
                <a:cubicBezTo>
                  <a:pt x="56" y="448"/>
                  <a:pt x="62" y="447"/>
                  <a:pt x="67" y="443"/>
                </a:cubicBezTo>
                <a:cubicBezTo>
                  <a:pt x="169" y="340"/>
                  <a:pt x="169" y="340"/>
                  <a:pt x="169" y="340"/>
                </a:cubicBezTo>
                <a:cubicBezTo>
                  <a:pt x="174" y="335"/>
                  <a:pt x="174" y="326"/>
                  <a:pt x="169" y="321"/>
                </a:cubicBezTo>
                <a:cubicBezTo>
                  <a:pt x="164" y="316"/>
                  <a:pt x="155" y="316"/>
                  <a:pt x="150" y="321"/>
                </a:cubicBezTo>
                <a:cubicBezTo>
                  <a:pt x="150" y="321"/>
                  <a:pt x="112" y="359"/>
                  <a:pt x="82" y="390"/>
                </a:cubicBezTo>
                <a:cubicBezTo>
                  <a:pt x="97" y="331"/>
                  <a:pt x="126" y="217"/>
                  <a:pt x="126" y="217"/>
                </a:cubicBezTo>
                <a:cubicBezTo>
                  <a:pt x="126" y="216"/>
                  <a:pt x="126" y="215"/>
                  <a:pt x="126" y="214"/>
                </a:cubicBezTo>
                <a:cubicBezTo>
                  <a:pt x="126" y="212"/>
                  <a:pt x="126" y="211"/>
                  <a:pt x="126" y="210"/>
                </a:cubicBezTo>
                <a:cubicBezTo>
                  <a:pt x="87" y="99"/>
                  <a:pt x="87" y="99"/>
                  <a:pt x="87" y="99"/>
                </a:cubicBezTo>
                <a:cubicBezTo>
                  <a:pt x="85" y="93"/>
                  <a:pt x="80" y="90"/>
                  <a:pt x="74" y="90"/>
                </a:cubicBezTo>
                <a:cubicBezTo>
                  <a:pt x="78" y="87"/>
                  <a:pt x="80" y="83"/>
                  <a:pt x="80" y="79"/>
                </a:cubicBezTo>
                <a:cubicBezTo>
                  <a:pt x="80" y="79"/>
                  <a:pt x="80" y="78"/>
                  <a:pt x="80" y="78"/>
                </a:cubicBezTo>
                <a:cubicBezTo>
                  <a:pt x="80" y="78"/>
                  <a:pt x="79" y="71"/>
                  <a:pt x="78" y="69"/>
                </a:cubicBezTo>
                <a:cubicBezTo>
                  <a:pt x="82" y="75"/>
                  <a:pt x="89" y="85"/>
                  <a:pt x="89" y="85"/>
                </a:cubicBezTo>
                <a:cubicBezTo>
                  <a:pt x="91" y="88"/>
                  <a:pt x="96" y="91"/>
                  <a:pt x="100" y="91"/>
                </a:cubicBezTo>
                <a:cubicBezTo>
                  <a:pt x="215" y="91"/>
                  <a:pt x="215" y="91"/>
                  <a:pt x="215" y="91"/>
                </a:cubicBezTo>
                <a:cubicBezTo>
                  <a:pt x="219" y="91"/>
                  <a:pt x="223" y="88"/>
                  <a:pt x="226" y="85"/>
                </a:cubicBezTo>
                <a:cubicBezTo>
                  <a:pt x="226" y="85"/>
                  <a:pt x="232" y="75"/>
                  <a:pt x="236" y="69"/>
                </a:cubicBezTo>
                <a:cubicBezTo>
                  <a:pt x="236" y="71"/>
                  <a:pt x="235" y="78"/>
                  <a:pt x="235" y="78"/>
                </a:cubicBezTo>
                <a:cubicBezTo>
                  <a:pt x="235" y="78"/>
                  <a:pt x="235" y="79"/>
                  <a:pt x="235" y="79"/>
                </a:cubicBezTo>
                <a:cubicBezTo>
                  <a:pt x="235" y="83"/>
                  <a:pt x="237" y="87"/>
                  <a:pt x="240" y="90"/>
                </a:cubicBezTo>
                <a:cubicBezTo>
                  <a:pt x="235" y="90"/>
                  <a:pt x="230" y="93"/>
                  <a:pt x="228" y="99"/>
                </a:cubicBezTo>
                <a:cubicBezTo>
                  <a:pt x="189" y="210"/>
                  <a:pt x="189" y="210"/>
                  <a:pt x="189" y="210"/>
                </a:cubicBezTo>
                <a:cubicBezTo>
                  <a:pt x="189" y="211"/>
                  <a:pt x="188" y="212"/>
                  <a:pt x="188" y="214"/>
                </a:cubicBezTo>
                <a:cubicBezTo>
                  <a:pt x="188" y="215"/>
                  <a:pt x="189" y="216"/>
                  <a:pt x="189" y="217"/>
                </a:cubicBezTo>
                <a:cubicBezTo>
                  <a:pt x="245" y="437"/>
                  <a:pt x="245" y="437"/>
                  <a:pt x="245" y="437"/>
                </a:cubicBezTo>
                <a:cubicBezTo>
                  <a:pt x="246" y="444"/>
                  <a:pt x="254" y="448"/>
                  <a:pt x="261" y="447"/>
                </a:cubicBezTo>
                <a:cubicBezTo>
                  <a:pt x="267" y="445"/>
                  <a:pt x="271" y="440"/>
                  <a:pt x="271" y="434"/>
                </a:cubicBezTo>
                <a:cubicBezTo>
                  <a:pt x="271" y="433"/>
                  <a:pt x="271" y="431"/>
                  <a:pt x="270" y="430"/>
                </a:cubicBezTo>
                <a:cubicBezTo>
                  <a:pt x="270" y="430"/>
                  <a:pt x="218" y="222"/>
                  <a:pt x="216" y="215"/>
                </a:cubicBezTo>
                <a:cubicBezTo>
                  <a:pt x="218" y="208"/>
                  <a:pt x="245" y="131"/>
                  <a:pt x="250" y="116"/>
                </a:cubicBezTo>
                <a:cubicBezTo>
                  <a:pt x="263" y="116"/>
                  <a:pt x="302" y="116"/>
                  <a:pt x="302" y="116"/>
                </a:cubicBezTo>
                <a:cubicBezTo>
                  <a:pt x="308" y="116"/>
                  <a:pt x="313" y="111"/>
                  <a:pt x="315" y="105"/>
                </a:cubicBezTo>
                <a:cubicBezTo>
                  <a:pt x="315" y="104"/>
                  <a:pt x="315" y="103"/>
                  <a:pt x="315" y="102"/>
                </a:cubicBezTo>
                <a:cubicBezTo>
                  <a:pt x="315" y="97"/>
                  <a:pt x="312" y="92"/>
                  <a:pt x="307" y="90"/>
                </a:cubicBezTo>
                <a:cubicBezTo>
                  <a:pt x="307" y="90"/>
                  <a:pt x="275" y="76"/>
                  <a:pt x="263" y="71"/>
                </a:cubicBezTo>
                <a:cubicBezTo>
                  <a:pt x="265" y="57"/>
                  <a:pt x="269" y="17"/>
                  <a:pt x="269" y="17"/>
                </a:cubicBezTo>
                <a:cubicBezTo>
                  <a:pt x="269" y="16"/>
                  <a:pt x="270" y="16"/>
                  <a:pt x="270" y="15"/>
                </a:cubicBezTo>
                <a:cubicBezTo>
                  <a:pt x="270" y="9"/>
                  <a:pt x="266" y="4"/>
                  <a:pt x="261" y="2"/>
                </a:cubicBezTo>
                <a:cubicBezTo>
                  <a:pt x="255" y="0"/>
                  <a:pt x="248" y="2"/>
                  <a:pt x="245" y="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7" name="TextBox 276"/>
          <p:cNvSpPr txBox="1"/>
          <p:nvPr userDrawn="1"/>
        </p:nvSpPr>
        <p:spPr>
          <a:xfrm>
            <a:off x="3143304" y="1669178"/>
            <a:ext cx="810056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Energy &amp;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infrastructure</a:t>
            </a:r>
          </a:p>
        </p:txBody>
      </p:sp>
      <p:sp>
        <p:nvSpPr>
          <p:cNvPr id="278" name="Freeform 52"/>
          <p:cNvSpPr>
            <a:spLocks noChangeAspect="1"/>
          </p:cNvSpPr>
          <p:nvPr userDrawn="1"/>
        </p:nvSpPr>
        <p:spPr bwMode="auto">
          <a:xfrm>
            <a:off x="4303854" y="1185552"/>
            <a:ext cx="380589" cy="393192"/>
          </a:xfrm>
          <a:custGeom>
            <a:avLst/>
            <a:gdLst/>
            <a:ahLst/>
            <a:cxnLst>
              <a:cxn ang="0">
                <a:pos x="348" y="0"/>
              </a:cxn>
              <a:cxn ang="0">
                <a:pos x="335" y="12"/>
              </a:cxn>
              <a:cxn ang="0">
                <a:pos x="317" y="204"/>
              </a:cxn>
              <a:cxn ang="0">
                <a:pos x="233" y="119"/>
              </a:cxn>
              <a:cxn ang="0">
                <a:pos x="218" y="116"/>
              </a:cxn>
              <a:cxn ang="0">
                <a:pos x="210" y="128"/>
              </a:cxn>
              <a:cxn ang="0">
                <a:pos x="210" y="202"/>
              </a:cxn>
              <a:cxn ang="0">
                <a:pos x="128" y="119"/>
              </a:cxn>
              <a:cxn ang="0">
                <a:pos x="113" y="116"/>
              </a:cxn>
              <a:cxn ang="0">
                <a:pos x="105" y="128"/>
              </a:cxn>
              <a:cxn ang="0">
                <a:pos x="105" y="201"/>
              </a:cxn>
              <a:cxn ang="0">
                <a:pos x="23" y="119"/>
              </a:cxn>
              <a:cxn ang="0">
                <a:pos x="9" y="116"/>
              </a:cxn>
              <a:cxn ang="0">
                <a:pos x="0" y="128"/>
              </a:cxn>
              <a:cxn ang="0">
                <a:pos x="0" y="426"/>
              </a:cxn>
              <a:cxn ang="0">
                <a:pos x="14" y="439"/>
              </a:cxn>
              <a:cxn ang="0">
                <a:pos x="275" y="439"/>
              </a:cxn>
              <a:cxn ang="0">
                <a:pos x="288" y="426"/>
              </a:cxn>
              <a:cxn ang="0">
                <a:pos x="275" y="412"/>
              </a:cxn>
              <a:cxn ang="0">
                <a:pos x="27" y="412"/>
              </a:cxn>
              <a:cxn ang="0">
                <a:pos x="27" y="161"/>
              </a:cxn>
              <a:cxn ang="0">
                <a:pos x="109" y="243"/>
              </a:cxn>
              <a:cxn ang="0">
                <a:pos x="123" y="246"/>
              </a:cxn>
              <a:cxn ang="0">
                <a:pos x="132" y="234"/>
              </a:cxn>
              <a:cxn ang="0">
                <a:pos x="132" y="161"/>
              </a:cxn>
              <a:cxn ang="0">
                <a:pos x="214" y="243"/>
              </a:cxn>
              <a:cxn ang="0">
                <a:pos x="229" y="246"/>
              </a:cxn>
              <a:cxn ang="0">
                <a:pos x="237" y="234"/>
              </a:cxn>
              <a:cxn ang="0">
                <a:pos x="237" y="161"/>
              </a:cxn>
              <a:cxn ang="0">
                <a:pos x="318" y="243"/>
              </a:cxn>
              <a:cxn ang="0">
                <a:pos x="332" y="246"/>
              </a:cxn>
              <a:cxn ang="0">
                <a:pos x="341" y="235"/>
              </a:cxn>
              <a:cxn ang="0">
                <a:pos x="360" y="26"/>
              </a:cxn>
              <a:cxn ang="0">
                <a:pos x="375" y="26"/>
              </a:cxn>
              <a:cxn ang="0">
                <a:pos x="398" y="426"/>
              </a:cxn>
              <a:cxn ang="0">
                <a:pos x="412" y="439"/>
              </a:cxn>
              <a:cxn ang="0">
                <a:pos x="424" y="425"/>
              </a:cxn>
              <a:cxn ang="0">
                <a:pos x="401" y="12"/>
              </a:cxn>
              <a:cxn ang="0">
                <a:pos x="388" y="0"/>
              </a:cxn>
              <a:cxn ang="0">
                <a:pos x="348" y="0"/>
              </a:cxn>
            </a:cxnLst>
            <a:rect l="0" t="0" r="r" b="b"/>
            <a:pathLst>
              <a:path w="425" h="439">
                <a:moveTo>
                  <a:pt x="348" y="0"/>
                </a:moveTo>
                <a:cubicBezTo>
                  <a:pt x="341" y="0"/>
                  <a:pt x="336" y="5"/>
                  <a:pt x="335" y="12"/>
                </a:cubicBezTo>
                <a:cubicBezTo>
                  <a:pt x="335" y="12"/>
                  <a:pt x="321" y="161"/>
                  <a:pt x="317" y="204"/>
                </a:cubicBezTo>
                <a:cubicBezTo>
                  <a:pt x="291" y="178"/>
                  <a:pt x="233" y="119"/>
                  <a:pt x="233" y="119"/>
                </a:cubicBezTo>
                <a:cubicBezTo>
                  <a:pt x="229" y="115"/>
                  <a:pt x="223" y="114"/>
                  <a:pt x="218" y="116"/>
                </a:cubicBezTo>
                <a:cubicBezTo>
                  <a:pt x="213" y="118"/>
                  <a:pt x="210" y="123"/>
                  <a:pt x="210" y="128"/>
                </a:cubicBezTo>
                <a:cubicBezTo>
                  <a:pt x="210" y="128"/>
                  <a:pt x="210" y="171"/>
                  <a:pt x="210" y="202"/>
                </a:cubicBezTo>
                <a:cubicBezTo>
                  <a:pt x="182" y="174"/>
                  <a:pt x="128" y="119"/>
                  <a:pt x="128" y="119"/>
                </a:cubicBezTo>
                <a:cubicBezTo>
                  <a:pt x="124" y="115"/>
                  <a:pt x="118" y="114"/>
                  <a:pt x="113" y="116"/>
                </a:cubicBezTo>
                <a:cubicBezTo>
                  <a:pt x="108" y="118"/>
                  <a:pt x="105" y="123"/>
                  <a:pt x="105" y="128"/>
                </a:cubicBezTo>
                <a:cubicBezTo>
                  <a:pt x="105" y="128"/>
                  <a:pt x="105" y="170"/>
                  <a:pt x="105" y="201"/>
                </a:cubicBezTo>
                <a:cubicBezTo>
                  <a:pt x="77" y="173"/>
                  <a:pt x="23" y="119"/>
                  <a:pt x="23" y="119"/>
                </a:cubicBezTo>
                <a:cubicBezTo>
                  <a:pt x="19" y="115"/>
                  <a:pt x="14" y="114"/>
                  <a:pt x="9" y="116"/>
                </a:cubicBezTo>
                <a:cubicBezTo>
                  <a:pt x="4" y="118"/>
                  <a:pt x="0" y="123"/>
                  <a:pt x="0" y="128"/>
                </a:cubicBezTo>
                <a:cubicBezTo>
                  <a:pt x="0" y="426"/>
                  <a:pt x="0" y="426"/>
                  <a:pt x="0" y="426"/>
                </a:cubicBezTo>
                <a:cubicBezTo>
                  <a:pt x="0" y="433"/>
                  <a:pt x="6" y="439"/>
                  <a:pt x="14" y="439"/>
                </a:cubicBezTo>
                <a:cubicBezTo>
                  <a:pt x="275" y="439"/>
                  <a:pt x="275" y="439"/>
                  <a:pt x="275" y="439"/>
                </a:cubicBezTo>
                <a:cubicBezTo>
                  <a:pt x="282" y="439"/>
                  <a:pt x="288" y="433"/>
                  <a:pt x="288" y="426"/>
                </a:cubicBezTo>
                <a:cubicBezTo>
                  <a:pt x="288" y="418"/>
                  <a:pt x="282" y="412"/>
                  <a:pt x="275" y="412"/>
                </a:cubicBezTo>
                <a:cubicBezTo>
                  <a:pt x="275" y="412"/>
                  <a:pt x="51" y="412"/>
                  <a:pt x="27" y="412"/>
                </a:cubicBezTo>
                <a:cubicBezTo>
                  <a:pt x="27" y="391"/>
                  <a:pt x="27" y="210"/>
                  <a:pt x="27" y="161"/>
                </a:cubicBezTo>
                <a:cubicBezTo>
                  <a:pt x="55" y="189"/>
                  <a:pt x="109" y="243"/>
                  <a:pt x="109" y="243"/>
                </a:cubicBezTo>
                <a:cubicBezTo>
                  <a:pt x="113" y="247"/>
                  <a:pt x="118" y="248"/>
                  <a:pt x="123" y="246"/>
                </a:cubicBezTo>
                <a:cubicBezTo>
                  <a:pt x="128" y="244"/>
                  <a:pt x="132" y="239"/>
                  <a:pt x="132" y="234"/>
                </a:cubicBezTo>
                <a:cubicBezTo>
                  <a:pt x="132" y="234"/>
                  <a:pt x="132" y="192"/>
                  <a:pt x="132" y="161"/>
                </a:cubicBezTo>
                <a:cubicBezTo>
                  <a:pt x="159" y="189"/>
                  <a:pt x="214" y="243"/>
                  <a:pt x="214" y="243"/>
                </a:cubicBezTo>
                <a:cubicBezTo>
                  <a:pt x="218" y="247"/>
                  <a:pt x="224" y="248"/>
                  <a:pt x="229" y="246"/>
                </a:cubicBezTo>
                <a:cubicBezTo>
                  <a:pt x="234" y="244"/>
                  <a:pt x="237" y="239"/>
                  <a:pt x="237" y="234"/>
                </a:cubicBezTo>
                <a:cubicBezTo>
                  <a:pt x="237" y="234"/>
                  <a:pt x="237" y="192"/>
                  <a:pt x="237" y="161"/>
                </a:cubicBezTo>
                <a:cubicBezTo>
                  <a:pt x="265" y="189"/>
                  <a:pt x="318" y="243"/>
                  <a:pt x="318" y="243"/>
                </a:cubicBezTo>
                <a:cubicBezTo>
                  <a:pt x="322" y="247"/>
                  <a:pt x="327" y="248"/>
                  <a:pt x="332" y="246"/>
                </a:cubicBezTo>
                <a:cubicBezTo>
                  <a:pt x="337" y="245"/>
                  <a:pt x="340" y="240"/>
                  <a:pt x="341" y="235"/>
                </a:cubicBezTo>
                <a:cubicBezTo>
                  <a:pt x="341" y="235"/>
                  <a:pt x="358" y="48"/>
                  <a:pt x="360" y="26"/>
                </a:cubicBezTo>
                <a:cubicBezTo>
                  <a:pt x="367" y="26"/>
                  <a:pt x="369" y="26"/>
                  <a:pt x="375" y="26"/>
                </a:cubicBezTo>
                <a:cubicBezTo>
                  <a:pt x="376" y="50"/>
                  <a:pt x="398" y="426"/>
                  <a:pt x="398" y="426"/>
                </a:cubicBezTo>
                <a:cubicBezTo>
                  <a:pt x="398" y="434"/>
                  <a:pt x="404" y="439"/>
                  <a:pt x="412" y="439"/>
                </a:cubicBezTo>
                <a:cubicBezTo>
                  <a:pt x="419" y="439"/>
                  <a:pt x="425" y="432"/>
                  <a:pt x="424" y="425"/>
                </a:cubicBezTo>
                <a:cubicBezTo>
                  <a:pt x="401" y="12"/>
                  <a:pt x="401" y="12"/>
                  <a:pt x="401" y="12"/>
                </a:cubicBezTo>
                <a:cubicBezTo>
                  <a:pt x="400" y="5"/>
                  <a:pt x="395" y="0"/>
                  <a:pt x="388" y="0"/>
                </a:cubicBezTo>
                <a:lnTo>
                  <a:pt x="348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79" name="TextBox 278"/>
          <p:cNvSpPr txBox="1"/>
          <p:nvPr userDrawn="1"/>
        </p:nvSpPr>
        <p:spPr>
          <a:xfrm>
            <a:off x="4196931" y="1669178"/>
            <a:ext cx="590226" cy="12311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Industry</a:t>
            </a:r>
          </a:p>
        </p:txBody>
      </p:sp>
      <p:sp>
        <p:nvSpPr>
          <p:cNvPr id="280" name="Freeform 68"/>
          <p:cNvSpPr>
            <a:spLocks noChangeAspect="1"/>
          </p:cNvSpPr>
          <p:nvPr userDrawn="1"/>
        </p:nvSpPr>
        <p:spPr bwMode="auto">
          <a:xfrm>
            <a:off x="1438331" y="1185552"/>
            <a:ext cx="448619" cy="393192"/>
          </a:xfrm>
          <a:custGeom>
            <a:avLst/>
            <a:gdLst/>
            <a:ahLst/>
            <a:cxnLst>
              <a:cxn ang="0">
                <a:pos x="99" y="0"/>
              </a:cxn>
              <a:cxn ang="0">
                <a:pos x="86" y="14"/>
              </a:cxn>
              <a:cxn ang="0">
                <a:pos x="86" y="117"/>
              </a:cxn>
              <a:cxn ang="0">
                <a:pos x="68" y="117"/>
              </a:cxn>
              <a:cxn ang="0">
                <a:pos x="55" y="130"/>
              </a:cxn>
              <a:cxn ang="0">
                <a:pos x="55" y="293"/>
              </a:cxn>
              <a:cxn ang="0">
                <a:pos x="13" y="293"/>
              </a:cxn>
              <a:cxn ang="0">
                <a:pos x="0" y="306"/>
              </a:cxn>
              <a:cxn ang="0">
                <a:pos x="13" y="320"/>
              </a:cxn>
              <a:cxn ang="0">
                <a:pos x="68" y="320"/>
              </a:cxn>
              <a:cxn ang="0">
                <a:pos x="81" y="306"/>
              </a:cxn>
              <a:cxn ang="0">
                <a:pos x="81" y="143"/>
              </a:cxn>
              <a:cxn ang="0">
                <a:pos x="99" y="143"/>
              </a:cxn>
              <a:cxn ang="0">
                <a:pos x="112" y="130"/>
              </a:cxn>
              <a:cxn ang="0">
                <a:pos x="112" y="27"/>
              </a:cxn>
              <a:cxn ang="0">
                <a:pos x="184" y="27"/>
              </a:cxn>
              <a:cxn ang="0">
                <a:pos x="184" y="207"/>
              </a:cxn>
              <a:cxn ang="0">
                <a:pos x="198" y="220"/>
              </a:cxn>
              <a:cxn ang="0">
                <a:pos x="231" y="220"/>
              </a:cxn>
              <a:cxn ang="0">
                <a:pos x="231" y="270"/>
              </a:cxn>
              <a:cxn ang="0">
                <a:pos x="244" y="284"/>
              </a:cxn>
              <a:cxn ang="0">
                <a:pos x="298" y="284"/>
              </a:cxn>
              <a:cxn ang="0">
                <a:pos x="311" y="270"/>
              </a:cxn>
              <a:cxn ang="0">
                <a:pos x="311" y="83"/>
              </a:cxn>
              <a:cxn ang="0">
                <a:pos x="340" y="83"/>
              </a:cxn>
              <a:cxn ang="0">
                <a:pos x="340" y="307"/>
              </a:cxn>
              <a:cxn ang="0">
                <a:pos x="353" y="320"/>
              </a:cxn>
              <a:cxn ang="0">
                <a:pos x="366" y="307"/>
              </a:cxn>
              <a:cxn ang="0">
                <a:pos x="366" y="70"/>
              </a:cxn>
              <a:cxn ang="0">
                <a:pos x="353" y="57"/>
              </a:cxn>
              <a:cxn ang="0">
                <a:pos x="298" y="57"/>
              </a:cxn>
              <a:cxn ang="0">
                <a:pos x="285" y="70"/>
              </a:cxn>
              <a:cxn ang="0">
                <a:pos x="285" y="257"/>
              </a:cxn>
              <a:cxn ang="0">
                <a:pos x="257" y="257"/>
              </a:cxn>
              <a:cxn ang="0">
                <a:pos x="257" y="207"/>
              </a:cxn>
              <a:cxn ang="0">
                <a:pos x="244" y="193"/>
              </a:cxn>
              <a:cxn ang="0">
                <a:pos x="211" y="193"/>
              </a:cxn>
              <a:cxn ang="0">
                <a:pos x="211" y="14"/>
              </a:cxn>
              <a:cxn ang="0">
                <a:pos x="198" y="0"/>
              </a:cxn>
              <a:cxn ang="0">
                <a:pos x="99" y="0"/>
              </a:cxn>
            </a:cxnLst>
            <a:rect l="0" t="0" r="r" b="b"/>
            <a:pathLst>
              <a:path w="366" h="320">
                <a:moveTo>
                  <a:pt x="99" y="0"/>
                </a:moveTo>
                <a:cubicBezTo>
                  <a:pt x="92" y="0"/>
                  <a:pt x="86" y="6"/>
                  <a:pt x="86" y="14"/>
                </a:cubicBezTo>
                <a:cubicBezTo>
                  <a:pt x="86" y="14"/>
                  <a:pt x="86" y="96"/>
                  <a:pt x="86" y="117"/>
                </a:cubicBezTo>
                <a:cubicBezTo>
                  <a:pt x="77" y="117"/>
                  <a:pt x="68" y="117"/>
                  <a:pt x="68" y="117"/>
                </a:cubicBezTo>
                <a:cubicBezTo>
                  <a:pt x="61" y="117"/>
                  <a:pt x="55" y="123"/>
                  <a:pt x="55" y="130"/>
                </a:cubicBezTo>
                <a:cubicBezTo>
                  <a:pt x="55" y="130"/>
                  <a:pt x="55" y="271"/>
                  <a:pt x="55" y="293"/>
                </a:cubicBezTo>
                <a:cubicBezTo>
                  <a:pt x="40" y="293"/>
                  <a:pt x="13" y="293"/>
                  <a:pt x="13" y="293"/>
                </a:cubicBezTo>
                <a:cubicBezTo>
                  <a:pt x="6" y="293"/>
                  <a:pt x="0" y="299"/>
                  <a:pt x="0" y="306"/>
                </a:cubicBezTo>
                <a:cubicBezTo>
                  <a:pt x="0" y="314"/>
                  <a:pt x="6" y="320"/>
                  <a:pt x="13" y="320"/>
                </a:cubicBezTo>
                <a:cubicBezTo>
                  <a:pt x="68" y="320"/>
                  <a:pt x="68" y="320"/>
                  <a:pt x="68" y="320"/>
                </a:cubicBezTo>
                <a:cubicBezTo>
                  <a:pt x="75" y="320"/>
                  <a:pt x="81" y="314"/>
                  <a:pt x="81" y="306"/>
                </a:cubicBezTo>
                <a:cubicBezTo>
                  <a:pt x="81" y="306"/>
                  <a:pt x="81" y="165"/>
                  <a:pt x="81" y="143"/>
                </a:cubicBezTo>
                <a:cubicBezTo>
                  <a:pt x="90" y="143"/>
                  <a:pt x="99" y="143"/>
                  <a:pt x="99" y="143"/>
                </a:cubicBezTo>
                <a:cubicBezTo>
                  <a:pt x="106" y="143"/>
                  <a:pt x="112" y="137"/>
                  <a:pt x="112" y="130"/>
                </a:cubicBezTo>
                <a:cubicBezTo>
                  <a:pt x="112" y="130"/>
                  <a:pt x="112" y="47"/>
                  <a:pt x="112" y="27"/>
                </a:cubicBezTo>
                <a:cubicBezTo>
                  <a:pt x="129" y="27"/>
                  <a:pt x="168" y="27"/>
                  <a:pt x="184" y="27"/>
                </a:cubicBezTo>
                <a:cubicBezTo>
                  <a:pt x="184" y="49"/>
                  <a:pt x="184" y="207"/>
                  <a:pt x="184" y="207"/>
                </a:cubicBezTo>
                <a:cubicBezTo>
                  <a:pt x="184" y="214"/>
                  <a:pt x="190" y="220"/>
                  <a:pt x="198" y="220"/>
                </a:cubicBezTo>
                <a:cubicBezTo>
                  <a:pt x="198" y="220"/>
                  <a:pt x="217" y="220"/>
                  <a:pt x="231" y="220"/>
                </a:cubicBezTo>
                <a:cubicBezTo>
                  <a:pt x="231" y="236"/>
                  <a:pt x="231" y="270"/>
                  <a:pt x="231" y="270"/>
                </a:cubicBezTo>
                <a:cubicBezTo>
                  <a:pt x="231" y="278"/>
                  <a:pt x="237" y="284"/>
                  <a:pt x="244" y="284"/>
                </a:cubicBezTo>
                <a:cubicBezTo>
                  <a:pt x="298" y="284"/>
                  <a:pt x="298" y="284"/>
                  <a:pt x="298" y="284"/>
                </a:cubicBezTo>
                <a:cubicBezTo>
                  <a:pt x="305" y="284"/>
                  <a:pt x="311" y="278"/>
                  <a:pt x="311" y="270"/>
                </a:cubicBezTo>
                <a:cubicBezTo>
                  <a:pt x="311" y="270"/>
                  <a:pt x="311" y="106"/>
                  <a:pt x="311" y="83"/>
                </a:cubicBezTo>
                <a:cubicBezTo>
                  <a:pt x="322" y="83"/>
                  <a:pt x="330" y="83"/>
                  <a:pt x="340" y="83"/>
                </a:cubicBezTo>
                <a:cubicBezTo>
                  <a:pt x="340" y="107"/>
                  <a:pt x="340" y="307"/>
                  <a:pt x="340" y="307"/>
                </a:cubicBezTo>
                <a:cubicBezTo>
                  <a:pt x="340" y="314"/>
                  <a:pt x="346" y="320"/>
                  <a:pt x="353" y="320"/>
                </a:cubicBezTo>
                <a:cubicBezTo>
                  <a:pt x="361" y="320"/>
                  <a:pt x="366" y="314"/>
                  <a:pt x="366" y="307"/>
                </a:cubicBezTo>
                <a:cubicBezTo>
                  <a:pt x="366" y="70"/>
                  <a:pt x="366" y="70"/>
                  <a:pt x="366" y="70"/>
                </a:cubicBezTo>
                <a:cubicBezTo>
                  <a:pt x="366" y="63"/>
                  <a:pt x="361" y="57"/>
                  <a:pt x="353" y="57"/>
                </a:cubicBezTo>
                <a:cubicBezTo>
                  <a:pt x="298" y="57"/>
                  <a:pt x="298" y="57"/>
                  <a:pt x="298" y="57"/>
                </a:cubicBezTo>
                <a:cubicBezTo>
                  <a:pt x="291" y="57"/>
                  <a:pt x="285" y="63"/>
                  <a:pt x="285" y="70"/>
                </a:cubicBezTo>
                <a:cubicBezTo>
                  <a:pt x="285" y="70"/>
                  <a:pt x="285" y="234"/>
                  <a:pt x="285" y="257"/>
                </a:cubicBezTo>
                <a:cubicBezTo>
                  <a:pt x="275" y="257"/>
                  <a:pt x="267" y="257"/>
                  <a:pt x="257" y="257"/>
                </a:cubicBezTo>
                <a:cubicBezTo>
                  <a:pt x="257" y="241"/>
                  <a:pt x="257" y="207"/>
                  <a:pt x="257" y="207"/>
                </a:cubicBezTo>
                <a:cubicBezTo>
                  <a:pt x="257" y="199"/>
                  <a:pt x="251" y="193"/>
                  <a:pt x="244" y="193"/>
                </a:cubicBezTo>
                <a:cubicBezTo>
                  <a:pt x="244" y="193"/>
                  <a:pt x="224" y="193"/>
                  <a:pt x="211" y="193"/>
                </a:cubicBezTo>
                <a:cubicBezTo>
                  <a:pt x="211" y="171"/>
                  <a:pt x="211" y="14"/>
                  <a:pt x="211" y="14"/>
                </a:cubicBezTo>
                <a:cubicBezTo>
                  <a:pt x="211" y="6"/>
                  <a:pt x="205" y="0"/>
                  <a:pt x="198" y="0"/>
                </a:cubicBezTo>
                <a:lnTo>
                  <a:pt x="99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1" name="TextBox 280"/>
          <p:cNvSpPr txBox="1"/>
          <p:nvPr userDrawn="1"/>
        </p:nvSpPr>
        <p:spPr>
          <a:xfrm>
            <a:off x="1342302" y="1669178"/>
            <a:ext cx="652743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Buildings</a:t>
            </a:r>
          </a:p>
        </p:txBody>
      </p:sp>
      <p:sp>
        <p:nvSpPr>
          <p:cNvPr id="282" name="Freeform 60"/>
          <p:cNvSpPr>
            <a:spLocks noChangeAspect="1"/>
          </p:cNvSpPr>
          <p:nvPr userDrawn="1"/>
        </p:nvSpPr>
        <p:spPr bwMode="auto">
          <a:xfrm>
            <a:off x="2317350" y="1222064"/>
            <a:ext cx="493975" cy="353487"/>
          </a:xfrm>
          <a:custGeom>
            <a:avLst/>
            <a:gdLst/>
            <a:ahLst/>
            <a:cxnLst>
              <a:cxn ang="0">
                <a:pos x="318" y="316"/>
              </a:cxn>
              <a:cxn ang="0">
                <a:pos x="117" y="97"/>
              </a:cxn>
              <a:cxn ang="0">
                <a:pos x="148" y="254"/>
              </a:cxn>
              <a:cxn ang="0">
                <a:pos x="153" y="130"/>
              </a:cxn>
              <a:cxn ang="0">
                <a:pos x="214" y="140"/>
              </a:cxn>
              <a:cxn ang="0">
                <a:pos x="224" y="278"/>
              </a:cxn>
              <a:cxn ang="0">
                <a:pos x="255" y="164"/>
              </a:cxn>
              <a:cxn ang="0">
                <a:pos x="281" y="164"/>
              </a:cxn>
              <a:cxn ang="0">
                <a:pos x="276" y="315"/>
              </a:cxn>
              <a:cxn ang="0">
                <a:pos x="208" y="300"/>
              </a:cxn>
              <a:cxn ang="0">
                <a:pos x="198" y="163"/>
              </a:cxn>
              <a:cxn ang="0">
                <a:pos x="174" y="271"/>
              </a:cxn>
              <a:cxn ang="0">
                <a:pos x="157" y="283"/>
              </a:cxn>
              <a:cxn ang="0">
                <a:pos x="91" y="257"/>
              </a:cxn>
              <a:cxn ang="0">
                <a:pos x="96" y="71"/>
              </a:cxn>
              <a:cxn ang="0">
                <a:pos x="333" y="120"/>
              </a:cxn>
              <a:cxn ang="0">
                <a:pos x="343" y="290"/>
              </a:cxn>
              <a:cxn ang="0">
                <a:pos x="435" y="51"/>
              </a:cxn>
              <a:cxn ang="0">
                <a:pos x="222" y="33"/>
              </a:cxn>
              <a:cxn ang="0">
                <a:pos x="217" y="56"/>
              </a:cxn>
              <a:cxn ang="0">
                <a:pos x="160" y="52"/>
              </a:cxn>
              <a:cxn ang="0">
                <a:pos x="75" y="244"/>
              </a:cxn>
              <a:cxn ang="0">
                <a:pos x="62" y="257"/>
              </a:cxn>
              <a:cxn ang="0">
                <a:pos x="0" y="244"/>
              </a:cxn>
              <a:cxn ang="0">
                <a:pos x="49" y="232"/>
              </a:cxn>
              <a:cxn ang="0">
                <a:pos x="60" y="39"/>
              </a:cxn>
              <a:cxn ang="0">
                <a:pos x="163" y="26"/>
              </a:cxn>
              <a:cxn ang="0">
                <a:pos x="196" y="22"/>
              </a:cxn>
              <a:cxn ang="0">
                <a:pos x="299" y="0"/>
              </a:cxn>
              <a:cxn ang="0">
                <a:pos x="450" y="27"/>
              </a:cxn>
              <a:cxn ang="0">
                <a:pos x="461" y="228"/>
              </a:cxn>
              <a:cxn ang="0">
                <a:pos x="338" y="326"/>
              </a:cxn>
              <a:cxn ang="0">
                <a:pos x="325" y="328"/>
              </a:cxn>
            </a:cxnLst>
            <a:rect l="0" t="0" r="r" b="b"/>
            <a:pathLst>
              <a:path w="461" h="329">
                <a:moveTo>
                  <a:pt x="325" y="328"/>
                </a:moveTo>
                <a:cubicBezTo>
                  <a:pt x="320" y="325"/>
                  <a:pt x="318" y="321"/>
                  <a:pt x="318" y="316"/>
                </a:cubicBezTo>
                <a:cubicBezTo>
                  <a:pt x="318" y="143"/>
                  <a:pt x="318" y="143"/>
                  <a:pt x="318" y="143"/>
                </a:cubicBezTo>
                <a:cubicBezTo>
                  <a:pt x="117" y="97"/>
                  <a:pt x="117" y="97"/>
                  <a:pt x="117" y="97"/>
                </a:cubicBezTo>
                <a:cubicBezTo>
                  <a:pt x="117" y="246"/>
                  <a:pt x="117" y="246"/>
                  <a:pt x="117" y="246"/>
                </a:cubicBezTo>
                <a:cubicBezTo>
                  <a:pt x="148" y="254"/>
                  <a:pt x="148" y="254"/>
                  <a:pt x="148" y="254"/>
                </a:cubicBezTo>
                <a:cubicBezTo>
                  <a:pt x="148" y="141"/>
                  <a:pt x="148" y="141"/>
                  <a:pt x="148" y="141"/>
                </a:cubicBezTo>
                <a:cubicBezTo>
                  <a:pt x="148" y="137"/>
                  <a:pt x="149" y="133"/>
                  <a:pt x="153" y="130"/>
                </a:cubicBezTo>
                <a:cubicBezTo>
                  <a:pt x="156" y="128"/>
                  <a:pt x="160" y="127"/>
                  <a:pt x="164" y="128"/>
                </a:cubicBezTo>
                <a:cubicBezTo>
                  <a:pt x="214" y="140"/>
                  <a:pt x="214" y="140"/>
                  <a:pt x="214" y="140"/>
                </a:cubicBezTo>
                <a:cubicBezTo>
                  <a:pt x="220" y="141"/>
                  <a:pt x="224" y="147"/>
                  <a:pt x="224" y="153"/>
                </a:cubicBezTo>
                <a:cubicBezTo>
                  <a:pt x="224" y="278"/>
                  <a:pt x="224" y="278"/>
                  <a:pt x="224" y="278"/>
                </a:cubicBezTo>
                <a:cubicBezTo>
                  <a:pt x="255" y="287"/>
                  <a:pt x="255" y="287"/>
                  <a:pt x="255" y="287"/>
                </a:cubicBezTo>
                <a:cubicBezTo>
                  <a:pt x="255" y="164"/>
                  <a:pt x="255" y="164"/>
                  <a:pt x="255" y="164"/>
                </a:cubicBezTo>
                <a:cubicBezTo>
                  <a:pt x="255" y="157"/>
                  <a:pt x="261" y="151"/>
                  <a:pt x="268" y="151"/>
                </a:cubicBezTo>
                <a:cubicBezTo>
                  <a:pt x="275" y="151"/>
                  <a:pt x="281" y="157"/>
                  <a:pt x="281" y="164"/>
                </a:cubicBezTo>
                <a:cubicBezTo>
                  <a:pt x="281" y="304"/>
                  <a:pt x="281" y="304"/>
                  <a:pt x="281" y="304"/>
                </a:cubicBezTo>
                <a:cubicBezTo>
                  <a:pt x="281" y="308"/>
                  <a:pt x="280" y="312"/>
                  <a:pt x="276" y="315"/>
                </a:cubicBezTo>
                <a:cubicBezTo>
                  <a:pt x="273" y="317"/>
                  <a:pt x="269" y="318"/>
                  <a:pt x="265" y="317"/>
                </a:cubicBezTo>
                <a:cubicBezTo>
                  <a:pt x="208" y="300"/>
                  <a:pt x="208" y="300"/>
                  <a:pt x="208" y="300"/>
                </a:cubicBezTo>
                <a:cubicBezTo>
                  <a:pt x="202" y="298"/>
                  <a:pt x="198" y="293"/>
                  <a:pt x="198" y="287"/>
                </a:cubicBezTo>
                <a:cubicBezTo>
                  <a:pt x="198" y="163"/>
                  <a:pt x="198" y="163"/>
                  <a:pt x="198" y="163"/>
                </a:cubicBezTo>
                <a:cubicBezTo>
                  <a:pt x="174" y="157"/>
                  <a:pt x="174" y="157"/>
                  <a:pt x="174" y="157"/>
                </a:cubicBezTo>
                <a:cubicBezTo>
                  <a:pt x="174" y="271"/>
                  <a:pt x="174" y="271"/>
                  <a:pt x="174" y="271"/>
                </a:cubicBezTo>
                <a:cubicBezTo>
                  <a:pt x="174" y="275"/>
                  <a:pt x="172" y="278"/>
                  <a:pt x="169" y="281"/>
                </a:cubicBezTo>
                <a:cubicBezTo>
                  <a:pt x="165" y="283"/>
                  <a:pt x="161" y="284"/>
                  <a:pt x="157" y="283"/>
                </a:cubicBezTo>
                <a:cubicBezTo>
                  <a:pt x="101" y="269"/>
                  <a:pt x="101" y="269"/>
                  <a:pt x="101" y="269"/>
                </a:cubicBezTo>
                <a:cubicBezTo>
                  <a:pt x="95" y="268"/>
                  <a:pt x="91" y="262"/>
                  <a:pt x="91" y="257"/>
                </a:cubicBezTo>
                <a:cubicBezTo>
                  <a:pt x="91" y="81"/>
                  <a:pt x="91" y="81"/>
                  <a:pt x="91" y="81"/>
                </a:cubicBezTo>
                <a:cubicBezTo>
                  <a:pt x="91" y="77"/>
                  <a:pt x="93" y="73"/>
                  <a:pt x="96" y="71"/>
                </a:cubicBezTo>
                <a:cubicBezTo>
                  <a:pt x="99" y="68"/>
                  <a:pt x="103" y="68"/>
                  <a:pt x="107" y="68"/>
                </a:cubicBezTo>
                <a:cubicBezTo>
                  <a:pt x="333" y="120"/>
                  <a:pt x="333" y="120"/>
                  <a:pt x="333" y="120"/>
                </a:cubicBezTo>
                <a:cubicBezTo>
                  <a:pt x="339" y="121"/>
                  <a:pt x="343" y="126"/>
                  <a:pt x="343" y="132"/>
                </a:cubicBezTo>
                <a:cubicBezTo>
                  <a:pt x="343" y="290"/>
                  <a:pt x="343" y="290"/>
                  <a:pt x="343" y="290"/>
                </a:cubicBezTo>
                <a:cubicBezTo>
                  <a:pt x="435" y="221"/>
                  <a:pt x="435" y="221"/>
                  <a:pt x="435" y="221"/>
                </a:cubicBezTo>
                <a:cubicBezTo>
                  <a:pt x="435" y="51"/>
                  <a:pt x="435" y="51"/>
                  <a:pt x="435" y="51"/>
                </a:cubicBezTo>
                <a:cubicBezTo>
                  <a:pt x="300" y="26"/>
                  <a:pt x="300" y="26"/>
                  <a:pt x="300" y="26"/>
                </a:cubicBezTo>
                <a:cubicBezTo>
                  <a:pt x="222" y="33"/>
                  <a:pt x="222" y="33"/>
                  <a:pt x="222" y="33"/>
                </a:cubicBezTo>
                <a:cubicBezTo>
                  <a:pt x="222" y="47"/>
                  <a:pt x="222" y="47"/>
                  <a:pt x="222" y="47"/>
                </a:cubicBezTo>
                <a:cubicBezTo>
                  <a:pt x="222" y="50"/>
                  <a:pt x="220" y="54"/>
                  <a:pt x="217" y="56"/>
                </a:cubicBezTo>
                <a:cubicBezTo>
                  <a:pt x="214" y="59"/>
                  <a:pt x="211" y="60"/>
                  <a:pt x="207" y="59"/>
                </a:cubicBezTo>
                <a:cubicBezTo>
                  <a:pt x="160" y="52"/>
                  <a:pt x="160" y="52"/>
                  <a:pt x="160" y="52"/>
                </a:cubicBezTo>
                <a:cubicBezTo>
                  <a:pt x="75" y="64"/>
                  <a:pt x="75" y="64"/>
                  <a:pt x="75" y="64"/>
                </a:cubicBezTo>
                <a:cubicBezTo>
                  <a:pt x="75" y="244"/>
                  <a:pt x="75" y="244"/>
                  <a:pt x="75" y="244"/>
                </a:cubicBezTo>
                <a:cubicBezTo>
                  <a:pt x="75" y="248"/>
                  <a:pt x="73" y="251"/>
                  <a:pt x="71" y="254"/>
                </a:cubicBezTo>
                <a:cubicBezTo>
                  <a:pt x="68" y="256"/>
                  <a:pt x="65" y="257"/>
                  <a:pt x="62" y="257"/>
                </a:cubicBezTo>
                <a:cubicBezTo>
                  <a:pt x="13" y="257"/>
                  <a:pt x="13" y="257"/>
                  <a:pt x="13" y="257"/>
                </a:cubicBezTo>
                <a:cubicBezTo>
                  <a:pt x="5" y="257"/>
                  <a:pt x="0" y="252"/>
                  <a:pt x="0" y="244"/>
                </a:cubicBezTo>
                <a:cubicBezTo>
                  <a:pt x="0" y="237"/>
                  <a:pt x="5" y="232"/>
                  <a:pt x="13" y="232"/>
                </a:cubicBezTo>
                <a:cubicBezTo>
                  <a:pt x="49" y="232"/>
                  <a:pt x="49" y="232"/>
                  <a:pt x="49" y="232"/>
                </a:cubicBezTo>
                <a:cubicBezTo>
                  <a:pt x="49" y="52"/>
                  <a:pt x="49" y="52"/>
                  <a:pt x="49" y="52"/>
                </a:cubicBezTo>
                <a:cubicBezTo>
                  <a:pt x="49" y="46"/>
                  <a:pt x="53" y="40"/>
                  <a:pt x="60" y="39"/>
                </a:cubicBezTo>
                <a:cubicBezTo>
                  <a:pt x="159" y="26"/>
                  <a:pt x="159" y="26"/>
                  <a:pt x="159" y="26"/>
                </a:cubicBezTo>
                <a:cubicBezTo>
                  <a:pt x="160" y="26"/>
                  <a:pt x="161" y="26"/>
                  <a:pt x="163" y="26"/>
                </a:cubicBezTo>
                <a:cubicBezTo>
                  <a:pt x="196" y="32"/>
                  <a:pt x="196" y="32"/>
                  <a:pt x="196" y="32"/>
                </a:cubicBezTo>
                <a:cubicBezTo>
                  <a:pt x="196" y="22"/>
                  <a:pt x="196" y="22"/>
                  <a:pt x="196" y="22"/>
                </a:cubicBezTo>
                <a:cubicBezTo>
                  <a:pt x="196" y="15"/>
                  <a:pt x="201" y="9"/>
                  <a:pt x="208" y="9"/>
                </a:cubicBezTo>
                <a:cubicBezTo>
                  <a:pt x="299" y="0"/>
                  <a:pt x="299" y="0"/>
                  <a:pt x="299" y="0"/>
                </a:cubicBezTo>
                <a:cubicBezTo>
                  <a:pt x="300" y="0"/>
                  <a:pt x="302" y="0"/>
                  <a:pt x="303" y="0"/>
                </a:cubicBezTo>
                <a:cubicBezTo>
                  <a:pt x="450" y="27"/>
                  <a:pt x="450" y="27"/>
                  <a:pt x="450" y="27"/>
                </a:cubicBezTo>
                <a:cubicBezTo>
                  <a:pt x="457" y="28"/>
                  <a:pt x="461" y="34"/>
                  <a:pt x="461" y="40"/>
                </a:cubicBezTo>
                <a:cubicBezTo>
                  <a:pt x="461" y="228"/>
                  <a:pt x="461" y="228"/>
                  <a:pt x="461" y="228"/>
                </a:cubicBezTo>
                <a:cubicBezTo>
                  <a:pt x="461" y="232"/>
                  <a:pt x="459" y="236"/>
                  <a:pt x="456" y="238"/>
                </a:cubicBezTo>
                <a:cubicBezTo>
                  <a:pt x="338" y="326"/>
                  <a:pt x="338" y="326"/>
                  <a:pt x="338" y="326"/>
                </a:cubicBezTo>
                <a:cubicBezTo>
                  <a:pt x="336" y="328"/>
                  <a:pt x="333" y="329"/>
                  <a:pt x="330" y="329"/>
                </a:cubicBezTo>
                <a:cubicBezTo>
                  <a:pt x="328" y="329"/>
                  <a:pt x="327" y="329"/>
                  <a:pt x="325" y="328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3" name="TextBox 282"/>
          <p:cNvSpPr txBox="1"/>
          <p:nvPr userDrawn="1"/>
        </p:nvSpPr>
        <p:spPr>
          <a:xfrm>
            <a:off x="2286368" y="1669178"/>
            <a:ext cx="647613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Data </a:t>
            </a:r>
            <a:r>
              <a:rPr lang="en-US" sz="800" b="1" dirty="0" err="1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entres</a:t>
            </a: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 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&amp; networks</a:t>
            </a:r>
          </a:p>
        </p:txBody>
      </p:sp>
      <p:sp>
        <p:nvSpPr>
          <p:cNvPr id="284" name="Freeform 64"/>
          <p:cNvSpPr>
            <a:spLocks noChangeAspect="1"/>
          </p:cNvSpPr>
          <p:nvPr userDrawn="1"/>
        </p:nvSpPr>
        <p:spPr bwMode="auto">
          <a:xfrm>
            <a:off x="5258275" y="1185552"/>
            <a:ext cx="358929" cy="393192"/>
          </a:xfrm>
          <a:custGeom>
            <a:avLst/>
            <a:gdLst/>
            <a:ahLst/>
            <a:cxnLst>
              <a:cxn ang="0">
                <a:pos x="146" y="5"/>
              </a:cxn>
              <a:cxn ang="0">
                <a:pos x="6" y="132"/>
              </a:cxn>
              <a:cxn ang="0">
                <a:pos x="5" y="151"/>
              </a:cxn>
              <a:cxn ang="0">
                <a:pos x="23" y="152"/>
              </a:cxn>
              <a:cxn ang="0">
                <a:pos x="155" y="33"/>
              </a:cxn>
              <a:cxn ang="0">
                <a:pos x="283" y="149"/>
              </a:cxn>
              <a:cxn ang="0">
                <a:pos x="283" y="313"/>
              </a:cxn>
              <a:cxn ang="0">
                <a:pos x="45" y="313"/>
              </a:cxn>
              <a:cxn ang="0">
                <a:pos x="45" y="228"/>
              </a:cxn>
              <a:cxn ang="0">
                <a:pos x="56" y="202"/>
              </a:cxn>
              <a:cxn ang="0">
                <a:pos x="100" y="187"/>
              </a:cxn>
              <a:cxn ang="0">
                <a:pos x="152" y="229"/>
              </a:cxn>
              <a:cxn ang="0">
                <a:pos x="152" y="272"/>
              </a:cxn>
              <a:cxn ang="0">
                <a:pos x="165" y="285"/>
              </a:cxn>
              <a:cxn ang="0">
                <a:pos x="178" y="272"/>
              </a:cxn>
              <a:cxn ang="0">
                <a:pos x="178" y="229"/>
              </a:cxn>
              <a:cxn ang="0">
                <a:pos x="159" y="182"/>
              </a:cxn>
              <a:cxn ang="0">
                <a:pos x="100" y="161"/>
              </a:cxn>
              <a:cxn ang="0">
                <a:pos x="36" y="184"/>
              </a:cxn>
              <a:cxn ang="0">
                <a:pos x="18" y="229"/>
              </a:cxn>
              <a:cxn ang="0">
                <a:pos x="18" y="229"/>
              </a:cxn>
              <a:cxn ang="0">
                <a:pos x="18" y="326"/>
              </a:cxn>
              <a:cxn ang="0">
                <a:pos x="22" y="335"/>
              </a:cxn>
              <a:cxn ang="0">
                <a:pos x="32" y="339"/>
              </a:cxn>
              <a:cxn ang="0">
                <a:pos x="296" y="339"/>
              </a:cxn>
              <a:cxn ang="0">
                <a:pos x="309" y="326"/>
              </a:cxn>
              <a:cxn ang="0">
                <a:pos x="309" y="143"/>
              </a:cxn>
              <a:cxn ang="0">
                <a:pos x="305" y="133"/>
              </a:cxn>
              <a:cxn ang="0">
                <a:pos x="164" y="5"/>
              </a:cxn>
              <a:cxn ang="0">
                <a:pos x="146" y="5"/>
              </a:cxn>
            </a:cxnLst>
            <a:rect l="0" t="0" r="r" b="b"/>
            <a:pathLst>
              <a:path w="309" h="339">
                <a:moveTo>
                  <a:pt x="146" y="5"/>
                </a:moveTo>
                <a:cubicBezTo>
                  <a:pt x="6" y="132"/>
                  <a:pt x="6" y="132"/>
                  <a:pt x="6" y="132"/>
                </a:cubicBezTo>
                <a:cubicBezTo>
                  <a:pt x="0" y="137"/>
                  <a:pt x="0" y="146"/>
                  <a:pt x="5" y="151"/>
                </a:cubicBezTo>
                <a:cubicBezTo>
                  <a:pt x="10" y="156"/>
                  <a:pt x="18" y="157"/>
                  <a:pt x="23" y="152"/>
                </a:cubicBezTo>
                <a:cubicBezTo>
                  <a:pt x="23" y="152"/>
                  <a:pt x="139" y="47"/>
                  <a:pt x="155" y="33"/>
                </a:cubicBezTo>
                <a:cubicBezTo>
                  <a:pt x="170" y="46"/>
                  <a:pt x="275" y="142"/>
                  <a:pt x="283" y="149"/>
                </a:cubicBezTo>
                <a:cubicBezTo>
                  <a:pt x="283" y="159"/>
                  <a:pt x="283" y="291"/>
                  <a:pt x="283" y="313"/>
                </a:cubicBezTo>
                <a:cubicBezTo>
                  <a:pt x="260" y="313"/>
                  <a:pt x="68" y="313"/>
                  <a:pt x="45" y="313"/>
                </a:cubicBezTo>
                <a:cubicBezTo>
                  <a:pt x="45" y="293"/>
                  <a:pt x="45" y="229"/>
                  <a:pt x="45" y="228"/>
                </a:cubicBezTo>
                <a:cubicBezTo>
                  <a:pt x="45" y="226"/>
                  <a:pt x="45" y="212"/>
                  <a:pt x="56" y="202"/>
                </a:cubicBezTo>
                <a:cubicBezTo>
                  <a:pt x="65" y="192"/>
                  <a:pt x="80" y="187"/>
                  <a:pt x="100" y="187"/>
                </a:cubicBezTo>
                <a:cubicBezTo>
                  <a:pt x="150" y="187"/>
                  <a:pt x="152" y="224"/>
                  <a:pt x="152" y="229"/>
                </a:cubicBezTo>
                <a:cubicBezTo>
                  <a:pt x="152" y="272"/>
                  <a:pt x="152" y="272"/>
                  <a:pt x="152" y="272"/>
                </a:cubicBezTo>
                <a:cubicBezTo>
                  <a:pt x="152" y="279"/>
                  <a:pt x="158" y="285"/>
                  <a:pt x="165" y="285"/>
                </a:cubicBezTo>
                <a:cubicBezTo>
                  <a:pt x="172" y="285"/>
                  <a:pt x="178" y="279"/>
                  <a:pt x="178" y="272"/>
                </a:cubicBezTo>
                <a:cubicBezTo>
                  <a:pt x="178" y="229"/>
                  <a:pt x="178" y="229"/>
                  <a:pt x="178" y="229"/>
                </a:cubicBezTo>
                <a:cubicBezTo>
                  <a:pt x="178" y="228"/>
                  <a:pt x="178" y="202"/>
                  <a:pt x="159" y="182"/>
                </a:cubicBezTo>
                <a:cubicBezTo>
                  <a:pt x="145" y="168"/>
                  <a:pt x="125" y="161"/>
                  <a:pt x="100" y="161"/>
                </a:cubicBezTo>
                <a:cubicBezTo>
                  <a:pt x="72" y="161"/>
                  <a:pt x="51" y="169"/>
                  <a:pt x="36" y="184"/>
                </a:cubicBezTo>
                <a:cubicBezTo>
                  <a:pt x="18" y="203"/>
                  <a:pt x="18" y="228"/>
                  <a:pt x="18" y="229"/>
                </a:cubicBezTo>
                <a:cubicBezTo>
                  <a:pt x="18" y="229"/>
                  <a:pt x="18" y="229"/>
                  <a:pt x="18" y="229"/>
                </a:cubicBezTo>
                <a:cubicBezTo>
                  <a:pt x="18" y="326"/>
                  <a:pt x="18" y="326"/>
                  <a:pt x="18" y="326"/>
                </a:cubicBezTo>
                <a:cubicBezTo>
                  <a:pt x="18" y="329"/>
                  <a:pt x="20" y="333"/>
                  <a:pt x="22" y="335"/>
                </a:cubicBezTo>
                <a:cubicBezTo>
                  <a:pt x="25" y="338"/>
                  <a:pt x="28" y="339"/>
                  <a:pt x="32" y="339"/>
                </a:cubicBezTo>
                <a:cubicBezTo>
                  <a:pt x="296" y="339"/>
                  <a:pt x="296" y="339"/>
                  <a:pt x="296" y="339"/>
                </a:cubicBezTo>
                <a:cubicBezTo>
                  <a:pt x="304" y="339"/>
                  <a:pt x="309" y="333"/>
                  <a:pt x="309" y="326"/>
                </a:cubicBezTo>
                <a:cubicBezTo>
                  <a:pt x="309" y="143"/>
                  <a:pt x="309" y="143"/>
                  <a:pt x="309" y="143"/>
                </a:cubicBezTo>
                <a:cubicBezTo>
                  <a:pt x="309" y="139"/>
                  <a:pt x="308" y="135"/>
                  <a:pt x="305" y="133"/>
                </a:cubicBezTo>
                <a:cubicBezTo>
                  <a:pt x="164" y="5"/>
                  <a:pt x="164" y="5"/>
                  <a:pt x="164" y="5"/>
                </a:cubicBezTo>
                <a:cubicBezTo>
                  <a:pt x="159" y="0"/>
                  <a:pt x="151" y="0"/>
                  <a:pt x="146" y="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5" name="TextBox 284"/>
          <p:cNvSpPr txBox="1"/>
          <p:nvPr userDrawn="1"/>
        </p:nvSpPr>
        <p:spPr>
          <a:xfrm>
            <a:off x="5158129" y="1669178"/>
            <a:ext cx="549831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Residential</a:t>
            </a:r>
          </a:p>
        </p:txBody>
      </p:sp>
      <p:sp>
        <p:nvSpPr>
          <p:cNvPr id="286" name="Freeform 148"/>
          <p:cNvSpPr>
            <a:spLocks noChangeAspect="1"/>
          </p:cNvSpPr>
          <p:nvPr userDrawn="1"/>
        </p:nvSpPr>
        <p:spPr bwMode="auto">
          <a:xfrm>
            <a:off x="9432242" y="1260845"/>
            <a:ext cx="446842" cy="340106"/>
          </a:xfrm>
          <a:custGeom>
            <a:avLst/>
            <a:gdLst/>
            <a:ahLst/>
            <a:cxnLst>
              <a:cxn ang="0">
                <a:pos x="84" y="0"/>
              </a:cxn>
              <a:cxn ang="0">
                <a:pos x="0" y="91"/>
              </a:cxn>
              <a:cxn ang="0">
                <a:pos x="12" y="103"/>
              </a:cxn>
              <a:cxn ang="0">
                <a:pos x="36" y="127"/>
              </a:cxn>
              <a:cxn ang="0">
                <a:pos x="12" y="151"/>
              </a:cxn>
              <a:cxn ang="0">
                <a:pos x="0" y="163"/>
              </a:cxn>
              <a:cxn ang="0">
                <a:pos x="84" y="255"/>
              </a:cxn>
              <a:cxn ang="0">
                <a:pos x="180" y="255"/>
              </a:cxn>
              <a:cxn ang="0">
                <a:pos x="192" y="243"/>
              </a:cxn>
              <a:cxn ang="0">
                <a:pos x="192" y="209"/>
              </a:cxn>
              <a:cxn ang="0">
                <a:pos x="300" y="209"/>
              </a:cxn>
              <a:cxn ang="0">
                <a:pos x="301" y="209"/>
              </a:cxn>
              <a:cxn ang="0">
                <a:pos x="335" y="175"/>
              </a:cxn>
              <a:cxn ang="0">
                <a:pos x="302" y="142"/>
              </a:cxn>
              <a:cxn ang="0">
                <a:pos x="300" y="142"/>
              </a:cxn>
              <a:cxn ang="0">
                <a:pos x="184" y="142"/>
              </a:cxn>
              <a:cxn ang="0">
                <a:pos x="172" y="154"/>
              </a:cxn>
              <a:cxn ang="0">
                <a:pos x="184" y="166"/>
              </a:cxn>
              <a:cxn ang="0">
                <a:pos x="300" y="166"/>
              </a:cxn>
              <a:cxn ang="0">
                <a:pos x="301" y="166"/>
              </a:cxn>
              <a:cxn ang="0">
                <a:pos x="311" y="175"/>
              </a:cxn>
              <a:cxn ang="0">
                <a:pos x="302" y="184"/>
              </a:cxn>
              <a:cxn ang="0">
                <a:pos x="300" y="184"/>
              </a:cxn>
              <a:cxn ang="0">
                <a:pos x="180" y="184"/>
              </a:cxn>
              <a:cxn ang="0">
                <a:pos x="167" y="196"/>
              </a:cxn>
              <a:cxn ang="0">
                <a:pos x="167" y="230"/>
              </a:cxn>
              <a:cxn ang="0">
                <a:pos x="84" y="230"/>
              </a:cxn>
              <a:cxn ang="0">
                <a:pos x="25" y="174"/>
              </a:cxn>
              <a:cxn ang="0">
                <a:pos x="60" y="127"/>
              </a:cxn>
              <a:cxn ang="0">
                <a:pos x="25" y="81"/>
              </a:cxn>
              <a:cxn ang="0">
                <a:pos x="84" y="24"/>
              </a:cxn>
              <a:cxn ang="0">
                <a:pos x="167" y="24"/>
              </a:cxn>
              <a:cxn ang="0">
                <a:pos x="167" y="58"/>
              </a:cxn>
              <a:cxn ang="0">
                <a:pos x="180" y="71"/>
              </a:cxn>
              <a:cxn ang="0">
                <a:pos x="300" y="71"/>
              </a:cxn>
              <a:cxn ang="0">
                <a:pos x="302" y="71"/>
              </a:cxn>
              <a:cxn ang="0">
                <a:pos x="311" y="79"/>
              </a:cxn>
              <a:cxn ang="0">
                <a:pos x="302" y="88"/>
              </a:cxn>
              <a:cxn ang="0">
                <a:pos x="300" y="88"/>
              </a:cxn>
              <a:cxn ang="0">
                <a:pos x="184" y="88"/>
              </a:cxn>
              <a:cxn ang="0">
                <a:pos x="172" y="101"/>
              </a:cxn>
              <a:cxn ang="0">
                <a:pos x="184" y="113"/>
              </a:cxn>
              <a:cxn ang="0">
                <a:pos x="300" y="113"/>
              </a:cxn>
              <a:cxn ang="0">
                <a:pos x="302" y="113"/>
              </a:cxn>
              <a:cxn ang="0">
                <a:pos x="335" y="79"/>
              </a:cxn>
              <a:cxn ang="0">
                <a:pos x="302" y="46"/>
              </a:cxn>
              <a:cxn ang="0">
                <a:pos x="300" y="46"/>
              </a:cxn>
              <a:cxn ang="0">
                <a:pos x="192" y="46"/>
              </a:cxn>
              <a:cxn ang="0">
                <a:pos x="192" y="12"/>
              </a:cxn>
              <a:cxn ang="0">
                <a:pos x="180" y="0"/>
              </a:cxn>
              <a:cxn ang="0">
                <a:pos x="84" y="0"/>
              </a:cxn>
            </a:cxnLst>
            <a:rect l="0" t="0" r="r" b="b"/>
            <a:pathLst>
              <a:path w="335" h="255">
                <a:moveTo>
                  <a:pt x="84" y="0"/>
                </a:moveTo>
                <a:cubicBezTo>
                  <a:pt x="31" y="0"/>
                  <a:pt x="0" y="34"/>
                  <a:pt x="0" y="91"/>
                </a:cubicBezTo>
                <a:cubicBezTo>
                  <a:pt x="0" y="98"/>
                  <a:pt x="5" y="103"/>
                  <a:pt x="12" y="103"/>
                </a:cubicBezTo>
                <a:cubicBezTo>
                  <a:pt x="25" y="103"/>
                  <a:pt x="36" y="114"/>
                  <a:pt x="36" y="127"/>
                </a:cubicBezTo>
                <a:cubicBezTo>
                  <a:pt x="36" y="140"/>
                  <a:pt x="25" y="151"/>
                  <a:pt x="12" y="151"/>
                </a:cubicBezTo>
                <a:cubicBezTo>
                  <a:pt x="5" y="151"/>
                  <a:pt x="0" y="157"/>
                  <a:pt x="0" y="163"/>
                </a:cubicBezTo>
                <a:cubicBezTo>
                  <a:pt x="0" y="221"/>
                  <a:pt x="31" y="255"/>
                  <a:pt x="84" y="255"/>
                </a:cubicBezTo>
                <a:cubicBezTo>
                  <a:pt x="180" y="255"/>
                  <a:pt x="180" y="255"/>
                  <a:pt x="180" y="255"/>
                </a:cubicBezTo>
                <a:cubicBezTo>
                  <a:pt x="186" y="255"/>
                  <a:pt x="192" y="249"/>
                  <a:pt x="192" y="243"/>
                </a:cubicBezTo>
                <a:cubicBezTo>
                  <a:pt x="192" y="243"/>
                  <a:pt x="192" y="222"/>
                  <a:pt x="192" y="209"/>
                </a:cubicBezTo>
                <a:cubicBezTo>
                  <a:pt x="212" y="209"/>
                  <a:pt x="300" y="209"/>
                  <a:pt x="300" y="209"/>
                </a:cubicBezTo>
                <a:cubicBezTo>
                  <a:pt x="300" y="209"/>
                  <a:pt x="301" y="209"/>
                  <a:pt x="301" y="209"/>
                </a:cubicBezTo>
                <a:cubicBezTo>
                  <a:pt x="320" y="209"/>
                  <a:pt x="335" y="194"/>
                  <a:pt x="335" y="175"/>
                </a:cubicBezTo>
                <a:cubicBezTo>
                  <a:pt x="335" y="157"/>
                  <a:pt x="320" y="142"/>
                  <a:pt x="302" y="142"/>
                </a:cubicBezTo>
                <a:cubicBezTo>
                  <a:pt x="302" y="142"/>
                  <a:pt x="300" y="142"/>
                  <a:pt x="300" y="142"/>
                </a:cubicBezTo>
                <a:cubicBezTo>
                  <a:pt x="184" y="142"/>
                  <a:pt x="184" y="142"/>
                  <a:pt x="184" y="142"/>
                </a:cubicBezTo>
                <a:cubicBezTo>
                  <a:pt x="177" y="142"/>
                  <a:pt x="172" y="147"/>
                  <a:pt x="172" y="154"/>
                </a:cubicBezTo>
                <a:cubicBezTo>
                  <a:pt x="172" y="161"/>
                  <a:pt x="177" y="166"/>
                  <a:pt x="184" y="166"/>
                </a:cubicBezTo>
                <a:cubicBezTo>
                  <a:pt x="184" y="166"/>
                  <a:pt x="300" y="166"/>
                  <a:pt x="300" y="166"/>
                </a:cubicBezTo>
                <a:cubicBezTo>
                  <a:pt x="301" y="166"/>
                  <a:pt x="301" y="166"/>
                  <a:pt x="301" y="166"/>
                </a:cubicBezTo>
                <a:cubicBezTo>
                  <a:pt x="307" y="166"/>
                  <a:pt x="311" y="170"/>
                  <a:pt x="311" y="175"/>
                </a:cubicBezTo>
                <a:cubicBezTo>
                  <a:pt x="311" y="180"/>
                  <a:pt x="307" y="184"/>
                  <a:pt x="302" y="184"/>
                </a:cubicBezTo>
                <a:cubicBezTo>
                  <a:pt x="302" y="184"/>
                  <a:pt x="300" y="184"/>
                  <a:pt x="300" y="184"/>
                </a:cubicBezTo>
                <a:cubicBezTo>
                  <a:pt x="180" y="184"/>
                  <a:pt x="180" y="184"/>
                  <a:pt x="180" y="184"/>
                </a:cubicBezTo>
                <a:cubicBezTo>
                  <a:pt x="173" y="184"/>
                  <a:pt x="167" y="190"/>
                  <a:pt x="167" y="196"/>
                </a:cubicBezTo>
                <a:cubicBezTo>
                  <a:pt x="167" y="196"/>
                  <a:pt x="167" y="217"/>
                  <a:pt x="167" y="230"/>
                </a:cubicBezTo>
                <a:cubicBezTo>
                  <a:pt x="149" y="230"/>
                  <a:pt x="84" y="230"/>
                  <a:pt x="84" y="230"/>
                </a:cubicBezTo>
                <a:cubicBezTo>
                  <a:pt x="40" y="230"/>
                  <a:pt x="27" y="202"/>
                  <a:pt x="25" y="174"/>
                </a:cubicBezTo>
                <a:cubicBezTo>
                  <a:pt x="45" y="168"/>
                  <a:pt x="60" y="150"/>
                  <a:pt x="60" y="127"/>
                </a:cubicBezTo>
                <a:cubicBezTo>
                  <a:pt x="60" y="105"/>
                  <a:pt x="45" y="86"/>
                  <a:pt x="25" y="81"/>
                </a:cubicBezTo>
                <a:cubicBezTo>
                  <a:pt x="27" y="53"/>
                  <a:pt x="40" y="24"/>
                  <a:pt x="84" y="24"/>
                </a:cubicBezTo>
                <a:cubicBezTo>
                  <a:pt x="84" y="24"/>
                  <a:pt x="149" y="24"/>
                  <a:pt x="167" y="24"/>
                </a:cubicBezTo>
                <a:cubicBezTo>
                  <a:pt x="167" y="38"/>
                  <a:pt x="167" y="58"/>
                  <a:pt x="167" y="58"/>
                </a:cubicBezTo>
                <a:cubicBezTo>
                  <a:pt x="167" y="65"/>
                  <a:pt x="173" y="71"/>
                  <a:pt x="180" y="71"/>
                </a:cubicBezTo>
                <a:cubicBezTo>
                  <a:pt x="300" y="71"/>
                  <a:pt x="300" y="71"/>
                  <a:pt x="300" y="71"/>
                </a:cubicBezTo>
                <a:cubicBezTo>
                  <a:pt x="300" y="71"/>
                  <a:pt x="302" y="71"/>
                  <a:pt x="302" y="71"/>
                </a:cubicBezTo>
                <a:cubicBezTo>
                  <a:pt x="307" y="71"/>
                  <a:pt x="311" y="75"/>
                  <a:pt x="311" y="79"/>
                </a:cubicBezTo>
                <a:cubicBezTo>
                  <a:pt x="311" y="84"/>
                  <a:pt x="307" y="88"/>
                  <a:pt x="302" y="88"/>
                </a:cubicBezTo>
                <a:cubicBezTo>
                  <a:pt x="301" y="88"/>
                  <a:pt x="300" y="88"/>
                  <a:pt x="300" y="88"/>
                </a:cubicBezTo>
                <a:cubicBezTo>
                  <a:pt x="184" y="88"/>
                  <a:pt x="184" y="88"/>
                  <a:pt x="184" y="88"/>
                </a:cubicBezTo>
                <a:cubicBezTo>
                  <a:pt x="177" y="88"/>
                  <a:pt x="172" y="94"/>
                  <a:pt x="172" y="101"/>
                </a:cubicBezTo>
                <a:cubicBezTo>
                  <a:pt x="172" y="107"/>
                  <a:pt x="177" y="113"/>
                  <a:pt x="184" y="113"/>
                </a:cubicBezTo>
                <a:cubicBezTo>
                  <a:pt x="300" y="113"/>
                  <a:pt x="300" y="113"/>
                  <a:pt x="300" y="113"/>
                </a:cubicBezTo>
                <a:cubicBezTo>
                  <a:pt x="300" y="113"/>
                  <a:pt x="302" y="113"/>
                  <a:pt x="302" y="113"/>
                </a:cubicBezTo>
                <a:cubicBezTo>
                  <a:pt x="320" y="113"/>
                  <a:pt x="335" y="98"/>
                  <a:pt x="335" y="79"/>
                </a:cubicBezTo>
                <a:cubicBezTo>
                  <a:pt x="335" y="61"/>
                  <a:pt x="320" y="46"/>
                  <a:pt x="302" y="46"/>
                </a:cubicBezTo>
                <a:cubicBezTo>
                  <a:pt x="301" y="46"/>
                  <a:pt x="300" y="46"/>
                  <a:pt x="300" y="46"/>
                </a:cubicBezTo>
                <a:cubicBezTo>
                  <a:pt x="300" y="46"/>
                  <a:pt x="212" y="46"/>
                  <a:pt x="192" y="46"/>
                </a:cubicBezTo>
                <a:cubicBezTo>
                  <a:pt x="192" y="33"/>
                  <a:pt x="192" y="12"/>
                  <a:pt x="192" y="12"/>
                </a:cubicBezTo>
                <a:cubicBezTo>
                  <a:pt x="192" y="5"/>
                  <a:pt x="186" y="0"/>
                  <a:pt x="180" y="0"/>
                </a:cubicBezTo>
                <a:lnTo>
                  <a:pt x="84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7" name="TextBox 286"/>
          <p:cNvSpPr txBox="1"/>
          <p:nvPr userDrawn="1"/>
        </p:nvSpPr>
        <p:spPr>
          <a:xfrm>
            <a:off x="9229945" y="1669178"/>
            <a:ext cx="851437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ower management</a:t>
            </a:r>
          </a:p>
        </p:txBody>
      </p:sp>
      <p:sp>
        <p:nvSpPr>
          <p:cNvPr id="288" name="Freeform 184"/>
          <p:cNvSpPr>
            <a:spLocks noChangeAspect="1"/>
          </p:cNvSpPr>
          <p:nvPr userDrawn="1"/>
        </p:nvSpPr>
        <p:spPr bwMode="auto">
          <a:xfrm>
            <a:off x="8409152" y="1207759"/>
            <a:ext cx="489929" cy="393192"/>
          </a:xfrm>
          <a:custGeom>
            <a:avLst/>
            <a:gdLst/>
            <a:ahLst/>
            <a:cxnLst>
              <a:cxn ang="0">
                <a:pos x="69" y="73"/>
              </a:cxn>
              <a:cxn ang="0">
                <a:pos x="95" y="73"/>
              </a:cxn>
              <a:cxn ang="0">
                <a:pos x="95" y="343"/>
              </a:cxn>
              <a:cxn ang="0">
                <a:pos x="0" y="343"/>
              </a:cxn>
              <a:cxn ang="0">
                <a:pos x="0" y="72"/>
              </a:cxn>
              <a:cxn ang="0">
                <a:pos x="31" y="72"/>
              </a:cxn>
              <a:cxn ang="0">
                <a:pos x="31" y="34"/>
              </a:cxn>
              <a:cxn ang="0">
                <a:pos x="82" y="0"/>
              </a:cxn>
              <a:cxn ang="0">
                <a:pos x="127" y="11"/>
              </a:cxn>
              <a:cxn ang="0">
                <a:pos x="139" y="48"/>
              </a:cxn>
              <a:cxn ang="0">
                <a:pos x="139" y="284"/>
              </a:cxn>
              <a:cxn ang="0">
                <a:pos x="207" y="284"/>
              </a:cxn>
              <a:cxn ang="0">
                <a:pos x="207" y="228"/>
              </a:cxn>
              <a:cxn ang="0">
                <a:pos x="181" y="207"/>
              </a:cxn>
              <a:cxn ang="0">
                <a:pos x="181" y="66"/>
              </a:cxn>
              <a:cxn ang="0">
                <a:pos x="278" y="67"/>
              </a:cxn>
              <a:cxn ang="0">
                <a:pos x="278" y="207"/>
              </a:cxn>
              <a:cxn ang="0">
                <a:pos x="254" y="229"/>
              </a:cxn>
              <a:cxn ang="0">
                <a:pos x="254" y="275"/>
              </a:cxn>
              <a:cxn ang="0">
                <a:pos x="254" y="283"/>
              </a:cxn>
              <a:cxn ang="0">
                <a:pos x="352" y="283"/>
              </a:cxn>
              <a:cxn ang="0">
                <a:pos x="316" y="340"/>
              </a:cxn>
              <a:cxn ang="0">
                <a:pos x="428" y="340"/>
              </a:cxn>
              <a:cxn ang="0">
                <a:pos x="385" y="281"/>
              </a:cxn>
              <a:cxn ang="0">
                <a:pos x="428" y="222"/>
              </a:cxn>
              <a:cxn ang="0">
                <a:pos x="316" y="222"/>
              </a:cxn>
              <a:cxn ang="0">
                <a:pos x="336" y="250"/>
              </a:cxn>
            </a:cxnLst>
            <a:rect l="0" t="0" r="r" b="b"/>
            <a:pathLst>
              <a:path w="428" h="343">
                <a:moveTo>
                  <a:pt x="69" y="73"/>
                </a:moveTo>
                <a:cubicBezTo>
                  <a:pt x="95" y="73"/>
                  <a:pt x="95" y="73"/>
                  <a:pt x="95" y="73"/>
                </a:cubicBezTo>
                <a:cubicBezTo>
                  <a:pt x="95" y="343"/>
                  <a:pt x="95" y="343"/>
                  <a:pt x="95" y="343"/>
                </a:cubicBezTo>
                <a:cubicBezTo>
                  <a:pt x="0" y="343"/>
                  <a:pt x="0" y="343"/>
                  <a:pt x="0" y="343"/>
                </a:cubicBezTo>
                <a:cubicBezTo>
                  <a:pt x="0" y="72"/>
                  <a:pt x="0" y="72"/>
                  <a:pt x="0" y="72"/>
                </a:cubicBezTo>
                <a:cubicBezTo>
                  <a:pt x="31" y="72"/>
                  <a:pt x="31" y="72"/>
                  <a:pt x="31" y="72"/>
                </a:cubicBezTo>
                <a:cubicBezTo>
                  <a:pt x="31" y="34"/>
                  <a:pt x="31" y="34"/>
                  <a:pt x="31" y="34"/>
                </a:cubicBezTo>
                <a:cubicBezTo>
                  <a:pt x="31" y="34"/>
                  <a:pt x="33" y="0"/>
                  <a:pt x="82" y="0"/>
                </a:cubicBezTo>
                <a:cubicBezTo>
                  <a:pt x="106" y="0"/>
                  <a:pt x="118" y="4"/>
                  <a:pt x="127" y="11"/>
                </a:cubicBezTo>
                <a:cubicBezTo>
                  <a:pt x="135" y="18"/>
                  <a:pt x="139" y="28"/>
                  <a:pt x="139" y="48"/>
                </a:cubicBezTo>
                <a:cubicBezTo>
                  <a:pt x="139" y="284"/>
                  <a:pt x="139" y="284"/>
                  <a:pt x="139" y="284"/>
                </a:cubicBezTo>
                <a:cubicBezTo>
                  <a:pt x="207" y="284"/>
                  <a:pt x="207" y="284"/>
                  <a:pt x="207" y="284"/>
                </a:cubicBezTo>
                <a:cubicBezTo>
                  <a:pt x="207" y="228"/>
                  <a:pt x="207" y="228"/>
                  <a:pt x="207" y="228"/>
                </a:cubicBezTo>
                <a:cubicBezTo>
                  <a:pt x="181" y="207"/>
                  <a:pt x="181" y="207"/>
                  <a:pt x="181" y="207"/>
                </a:cubicBezTo>
                <a:cubicBezTo>
                  <a:pt x="181" y="66"/>
                  <a:pt x="181" y="66"/>
                  <a:pt x="181" y="66"/>
                </a:cubicBezTo>
                <a:cubicBezTo>
                  <a:pt x="181" y="66"/>
                  <a:pt x="226" y="28"/>
                  <a:pt x="278" y="67"/>
                </a:cubicBezTo>
                <a:cubicBezTo>
                  <a:pt x="278" y="207"/>
                  <a:pt x="278" y="207"/>
                  <a:pt x="278" y="207"/>
                </a:cubicBezTo>
                <a:cubicBezTo>
                  <a:pt x="254" y="229"/>
                  <a:pt x="254" y="229"/>
                  <a:pt x="254" y="229"/>
                </a:cubicBezTo>
                <a:cubicBezTo>
                  <a:pt x="254" y="275"/>
                  <a:pt x="254" y="275"/>
                  <a:pt x="254" y="275"/>
                </a:cubicBezTo>
                <a:cubicBezTo>
                  <a:pt x="254" y="283"/>
                  <a:pt x="254" y="283"/>
                  <a:pt x="254" y="283"/>
                </a:cubicBezTo>
                <a:cubicBezTo>
                  <a:pt x="352" y="283"/>
                  <a:pt x="352" y="283"/>
                  <a:pt x="352" y="283"/>
                </a:cubicBezTo>
                <a:cubicBezTo>
                  <a:pt x="316" y="340"/>
                  <a:pt x="316" y="340"/>
                  <a:pt x="316" y="340"/>
                </a:cubicBezTo>
                <a:cubicBezTo>
                  <a:pt x="428" y="340"/>
                  <a:pt x="428" y="340"/>
                  <a:pt x="428" y="340"/>
                </a:cubicBezTo>
                <a:cubicBezTo>
                  <a:pt x="385" y="281"/>
                  <a:pt x="385" y="281"/>
                  <a:pt x="385" y="281"/>
                </a:cubicBezTo>
                <a:cubicBezTo>
                  <a:pt x="428" y="222"/>
                  <a:pt x="428" y="222"/>
                  <a:pt x="428" y="222"/>
                </a:cubicBezTo>
                <a:cubicBezTo>
                  <a:pt x="316" y="222"/>
                  <a:pt x="316" y="222"/>
                  <a:pt x="316" y="222"/>
                </a:cubicBezTo>
                <a:cubicBezTo>
                  <a:pt x="336" y="250"/>
                  <a:pt x="336" y="250"/>
                  <a:pt x="336" y="250"/>
                </a:cubicBez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89" name="TextBox 288"/>
          <p:cNvSpPr txBox="1"/>
          <p:nvPr userDrawn="1"/>
        </p:nvSpPr>
        <p:spPr>
          <a:xfrm>
            <a:off x="7988861" y="1669178"/>
            <a:ext cx="1379552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rocess/machine management</a:t>
            </a:r>
          </a:p>
        </p:txBody>
      </p:sp>
      <p:sp>
        <p:nvSpPr>
          <p:cNvPr id="290" name="Freeform 132"/>
          <p:cNvSpPr>
            <a:spLocks noChangeAspect="1"/>
          </p:cNvSpPr>
          <p:nvPr userDrawn="1"/>
        </p:nvSpPr>
        <p:spPr bwMode="auto">
          <a:xfrm>
            <a:off x="7526968" y="1207759"/>
            <a:ext cx="386910" cy="393192"/>
          </a:xfrm>
          <a:custGeom>
            <a:avLst/>
            <a:gdLst/>
            <a:ahLst/>
            <a:cxnLst>
              <a:cxn ang="0">
                <a:pos x="283" y="18"/>
              </a:cxn>
              <a:cxn ang="0">
                <a:pos x="255" y="0"/>
              </a:cxn>
              <a:cxn ang="0">
                <a:pos x="0" y="0"/>
              </a:cxn>
              <a:cxn ang="0">
                <a:pos x="0" y="277"/>
              </a:cxn>
              <a:cxn ang="0">
                <a:pos x="56" y="313"/>
              </a:cxn>
              <a:cxn ang="0">
                <a:pos x="56" y="45"/>
              </a:cxn>
              <a:cxn ang="0">
                <a:pos x="308" y="45"/>
              </a:cxn>
              <a:cxn ang="0">
                <a:pos x="308" y="313"/>
              </a:cxn>
              <a:cxn ang="0">
                <a:pos x="229" y="313"/>
              </a:cxn>
              <a:cxn ang="0">
                <a:pos x="229" y="267"/>
              </a:cxn>
              <a:cxn ang="0">
                <a:pos x="278" y="267"/>
              </a:cxn>
              <a:cxn ang="0">
                <a:pos x="278" y="172"/>
              </a:cxn>
              <a:cxn ang="0">
                <a:pos x="142" y="172"/>
              </a:cxn>
              <a:cxn ang="0">
                <a:pos x="142" y="267"/>
              </a:cxn>
              <a:cxn ang="0">
                <a:pos x="197" y="267"/>
              </a:cxn>
              <a:cxn ang="0">
                <a:pos x="172" y="313"/>
              </a:cxn>
              <a:cxn ang="0">
                <a:pos x="97" y="313"/>
              </a:cxn>
            </a:cxnLst>
            <a:rect l="0" t="0" r="r" b="b"/>
            <a:pathLst>
              <a:path w="308" h="313">
                <a:moveTo>
                  <a:pt x="283" y="18"/>
                </a:moveTo>
                <a:lnTo>
                  <a:pt x="255" y="0"/>
                </a:lnTo>
                <a:lnTo>
                  <a:pt x="0" y="0"/>
                </a:lnTo>
                <a:lnTo>
                  <a:pt x="0" y="277"/>
                </a:lnTo>
                <a:lnTo>
                  <a:pt x="56" y="313"/>
                </a:lnTo>
                <a:lnTo>
                  <a:pt x="56" y="45"/>
                </a:lnTo>
                <a:lnTo>
                  <a:pt x="308" y="45"/>
                </a:lnTo>
                <a:lnTo>
                  <a:pt x="308" y="313"/>
                </a:lnTo>
                <a:lnTo>
                  <a:pt x="229" y="313"/>
                </a:lnTo>
                <a:lnTo>
                  <a:pt x="229" y="267"/>
                </a:lnTo>
                <a:lnTo>
                  <a:pt x="278" y="267"/>
                </a:lnTo>
                <a:lnTo>
                  <a:pt x="278" y="172"/>
                </a:lnTo>
                <a:lnTo>
                  <a:pt x="142" y="172"/>
                </a:lnTo>
                <a:lnTo>
                  <a:pt x="142" y="267"/>
                </a:lnTo>
                <a:lnTo>
                  <a:pt x="197" y="267"/>
                </a:lnTo>
                <a:lnTo>
                  <a:pt x="172" y="313"/>
                </a:lnTo>
                <a:lnTo>
                  <a:pt x="97" y="313"/>
                </a:lnTo>
              </a:path>
            </a:pathLst>
          </a:custGeom>
          <a:noFill/>
          <a:ln w="31750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91" name="TextBox 290"/>
          <p:cNvSpPr txBox="1"/>
          <p:nvPr userDrawn="1"/>
        </p:nvSpPr>
        <p:spPr>
          <a:xfrm>
            <a:off x="7191939" y="1669178"/>
            <a:ext cx="1070334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IT room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nagement</a:t>
            </a:r>
          </a:p>
        </p:txBody>
      </p:sp>
      <p:sp>
        <p:nvSpPr>
          <p:cNvPr id="292" name="Freeform 180"/>
          <p:cNvSpPr>
            <a:spLocks noChangeAspect="1"/>
          </p:cNvSpPr>
          <p:nvPr userDrawn="1"/>
        </p:nvSpPr>
        <p:spPr bwMode="auto">
          <a:xfrm>
            <a:off x="10338924" y="1207759"/>
            <a:ext cx="350298" cy="393192"/>
          </a:xfrm>
          <a:custGeom>
            <a:avLst/>
            <a:gdLst/>
            <a:ahLst/>
            <a:cxnLst>
              <a:cxn ang="0">
                <a:pos x="192" y="296"/>
              </a:cxn>
              <a:cxn ang="0">
                <a:pos x="152" y="369"/>
              </a:cxn>
              <a:cxn ang="0">
                <a:pos x="0" y="336"/>
              </a:cxn>
              <a:cxn ang="0">
                <a:pos x="112" y="300"/>
              </a:cxn>
              <a:cxn ang="0">
                <a:pos x="132" y="219"/>
              </a:cxn>
              <a:cxn ang="0">
                <a:pos x="138" y="150"/>
              </a:cxn>
              <a:cxn ang="0">
                <a:pos x="113" y="189"/>
              </a:cxn>
              <a:cxn ang="0">
                <a:pos x="66" y="198"/>
              </a:cxn>
              <a:cxn ang="0">
                <a:pos x="57" y="152"/>
              </a:cxn>
              <a:cxn ang="0">
                <a:pos x="103" y="84"/>
              </a:cxn>
              <a:cxn ang="0">
                <a:pos x="114" y="82"/>
              </a:cxn>
              <a:cxn ang="0">
                <a:pos x="227" y="99"/>
              </a:cxn>
              <a:cxn ang="0">
                <a:pos x="116" y="108"/>
              </a:cxn>
              <a:cxn ang="0">
                <a:pos x="79" y="166"/>
              </a:cxn>
              <a:cxn ang="0">
                <a:pos x="81" y="176"/>
              </a:cxn>
              <a:cxn ang="0">
                <a:pos x="91" y="174"/>
              </a:cxn>
              <a:cxn ang="0">
                <a:pos x="116" y="134"/>
              </a:cxn>
              <a:cxn ang="0">
                <a:pos x="130" y="124"/>
              </a:cxn>
              <a:cxn ang="0">
                <a:pos x="138" y="123"/>
              </a:cxn>
              <a:cxn ang="0">
                <a:pos x="185" y="126"/>
              </a:cxn>
              <a:cxn ang="0">
                <a:pos x="196" y="145"/>
              </a:cxn>
              <a:cxn ang="0">
                <a:pos x="135" y="316"/>
              </a:cxn>
              <a:cxn ang="0">
                <a:pos x="34" y="329"/>
              </a:cxn>
              <a:cxn ang="0">
                <a:pos x="27" y="336"/>
              </a:cxn>
              <a:cxn ang="0">
                <a:pos x="143" y="343"/>
              </a:cxn>
              <a:cxn ang="0">
                <a:pos x="190" y="251"/>
              </a:cxn>
              <a:cxn ang="0">
                <a:pos x="280" y="414"/>
              </a:cxn>
              <a:cxn ang="0">
                <a:pos x="287" y="420"/>
              </a:cxn>
              <a:cxn ang="0">
                <a:pos x="294" y="413"/>
              </a:cxn>
              <a:cxn ang="0">
                <a:pos x="215" y="234"/>
              </a:cxn>
              <a:cxn ang="0">
                <a:pos x="244" y="165"/>
              </a:cxn>
              <a:cxn ang="0">
                <a:pos x="266" y="163"/>
              </a:cxn>
              <a:cxn ang="0">
                <a:pos x="299" y="199"/>
              </a:cxn>
              <a:cxn ang="0">
                <a:pos x="310" y="205"/>
              </a:cxn>
              <a:cxn ang="0">
                <a:pos x="369" y="202"/>
              </a:cxn>
              <a:cxn ang="0">
                <a:pos x="365" y="191"/>
              </a:cxn>
              <a:cxn ang="0">
                <a:pos x="323" y="191"/>
              </a:cxn>
              <a:cxn ang="0">
                <a:pos x="262" y="127"/>
              </a:cxn>
              <a:cxn ang="0">
                <a:pos x="250" y="100"/>
              </a:cxn>
              <a:cxn ang="0">
                <a:pos x="271" y="77"/>
              </a:cxn>
              <a:cxn ang="0">
                <a:pos x="297" y="51"/>
              </a:cxn>
              <a:cxn ang="0">
                <a:pos x="249" y="51"/>
              </a:cxn>
              <a:cxn ang="0">
                <a:pos x="253" y="65"/>
              </a:cxn>
              <a:cxn ang="0">
                <a:pos x="231" y="79"/>
              </a:cxn>
              <a:cxn ang="0">
                <a:pos x="273" y="0"/>
              </a:cxn>
              <a:cxn ang="0">
                <a:pos x="309" y="87"/>
              </a:cxn>
              <a:cxn ang="0">
                <a:pos x="278" y="105"/>
              </a:cxn>
              <a:cxn ang="0">
                <a:pos x="282" y="110"/>
              </a:cxn>
              <a:cxn ang="0">
                <a:pos x="365" y="164"/>
              </a:cxn>
              <a:cxn ang="0">
                <a:pos x="365" y="231"/>
              </a:cxn>
              <a:cxn ang="0">
                <a:pos x="292" y="227"/>
              </a:cxn>
              <a:cxn ang="0">
                <a:pos x="273" y="210"/>
              </a:cxn>
              <a:cxn ang="0">
                <a:pos x="259" y="195"/>
              </a:cxn>
              <a:cxn ang="0">
                <a:pos x="318" y="400"/>
              </a:cxn>
              <a:cxn ang="0">
                <a:pos x="321" y="413"/>
              </a:cxn>
              <a:cxn ang="0">
                <a:pos x="287" y="447"/>
              </a:cxn>
              <a:cxn ang="0">
                <a:pos x="256" y="426"/>
              </a:cxn>
            </a:cxnLst>
            <a:rect l="0" t="0" r="r" b="b"/>
            <a:pathLst>
              <a:path w="398" h="447">
                <a:moveTo>
                  <a:pt x="256" y="426"/>
                </a:moveTo>
                <a:cubicBezTo>
                  <a:pt x="192" y="296"/>
                  <a:pt x="192" y="296"/>
                  <a:pt x="192" y="296"/>
                </a:cubicBezTo>
                <a:cubicBezTo>
                  <a:pt x="164" y="361"/>
                  <a:pt x="164" y="361"/>
                  <a:pt x="164" y="361"/>
                </a:cubicBezTo>
                <a:cubicBezTo>
                  <a:pt x="162" y="366"/>
                  <a:pt x="157" y="369"/>
                  <a:pt x="152" y="369"/>
                </a:cubicBezTo>
                <a:cubicBezTo>
                  <a:pt x="34" y="370"/>
                  <a:pt x="34" y="370"/>
                  <a:pt x="34" y="370"/>
                </a:cubicBezTo>
                <a:cubicBezTo>
                  <a:pt x="15" y="370"/>
                  <a:pt x="0" y="355"/>
                  <a:pt x="0" y="336"/>
                </a:cubicBezTo>
                <a:cubicBezTo>
                  <a:pt x="0" y="318"/>
                  <a:pt x="15" y="303"/>
                  <a:pt x="34" y="303"/>
                </a:cubicBezTo>
                <a:cubicBezTo>
                  <a:pt x="112" y="300"/>
                  <a:pt x="112" y="300"/>
                  <a:pt x="112" y="300"/>
                </a:cubicBezTo>
                <a:cubicBezTo>
                  <a:pt x="131" y="221"/>
                  <a:pt x="131" y="221"/>
                  <a:pt x="131" y="221"/>
                </a:cubicBezTo>
                <a:cubicBezTo>
                  <a:pt x="131" y="220"/>
                  <a:pt x="132" y="220"/>
                  <a:pt x="132" y="219"/>
                </a:cubicBezTo>
                <a:cubicBezTo>
                  <a:pt x="164" y="151"/>
                  <a:pt x="164" y="151"/>
                  <a:pt x="164" y="151"/>
                </a:cubicBezTo>
                <a:cubicBezTo>
                  <a:pt x="138" y="150"/>
                  <a:pt x="138" y="150"/>
                  <a:pt x="138" y="150"/>
                </a:cubicBezTo>
                <a:cubicBezTo>
                  <a:pt x="113" y="189"/>
                  <a:pt x="113" y="189"/>
                  <a:pt x="113" y="189"/>
                </a:cubicBezTo>
                <a:cubicBezTo>
                  <a:pt x="113" y="189"/>
                  <a:pt x="113" y="189"/>
                  <a:pt x="113" y="189"/>
                </a:cubicBezTo>
                <a:cubicBezTo>
                  <a:pt x="106" y="199"/>
                  <a:pt x="96" y="204"/>
                  <a:pt x="85" y="204"/>
                </a:cubicBezTo>
                <a:cubicBezTo>
                  <a:pt x="79" y="204"/>
                  <a:pt x="72" y="202"/>
                  <a:pt x="66" y="198"/>
                </a:cubicBezTo>
                <a:cubicBezTo>
                  <a:pt x="57" y="192"/>
                  <a:pt x="51" y="181"/>
                  <a:pt x="51" y="170"/>
                </a:cubicBezTo>
                <a:cubicBezTo>
                  <a:pt x="51" y="164"/>
                  <a:pt x="53" y="157"/>
                  <a:pt x="57" y="152"/>
                </a:cubicBezTo>
                <a:cubicBezTo>
                  <a:pt x="95" y="92"/>
                  <a:pt x="95" y="92"/>
                  <a:pt x="95" y="92"/>
                </a:cubicBezTo>
                <a:cubicBezTo>
                  <a:pt x="97" y="89"/>
                  <a:pt x="100" y="86"/>
                  <a:pt x="103" y="84"/>
                </a:cubicBezTo>
                <a:cubicBezTo>
                  <a:pt x="106" y="83"/>
                  <a:pt x="110" y="82"/>
                  <a:pt x="113" y="82"/>
                </a:cubicBezTo>
                <a:cubicBezTo>
                  <a:pt x="114" y="82"/>
                  <a:pt x="114" y="82"/>
                  <a:pt x="114" y="82"/>
                </a:cubicBezTo>
                <a:cubicBezTo>
                  <a:pt x="215" y="85"/>
                  <a:pt x="215" y="85"/>
                  <a:pt x="215" y="85"/>
                </a:cubicBezTo>
                <a:cubicBezTo>
                  <a:pt x="222" y="85"/>
                  <a:pt x="228" y="91"/>
                  <a:pt x="227" y="99"/>
                </a:cubicBezTo>
                <a:cubicBezTo>
                  <a:pt x="227" y="106"/>
                  <a:pt x="221" y="112"/>
                  <a:pt x="214" y="112"/>
                </a:cubicBezTo>
                <a:cubicBezTo>
                  <a:pt x="116" y="108"/>
                  <a:pt x="116" y="108"/>
                  <a:pt x="116" y="108"/>
                </a:cubicBezTo>
                <a:cubicBezTo>
                  <a:pt x="79" y="166"/>
                  <a:pt x="79" y="166"/>
                  <a:pt x="79" y="166"/>
                </a:cubicBezTo>
                <a:cubicBezTo>
                  <a:pt x="79" y="166"/>
                  <a:pt x="79" y="166"/>
                  <a:pt x="79" y="166"/>
                </a:cubicBezTo>
                <a:cubicBezTo>
                  <a:pt x="78" y="168"/>
                  <a:pt x="78" y="169"/>
                  <a:pt x="78" y="170"/>
                </a:cubicBezTo>
                <a:cubicBezTo>
                  <a:pt x="78" y="173"/>
                  <a:pt x="79" y="175"/>
                  <a:pt x="81" y="176"/>
                </a:cubicBezTo>
                <a:cubicBezTo>
                  <a:pt x="82" y="177"/>
                  <a:pt x="84" y="177"/>
                  <a:pt x="85" y="177"/>
                </a:cubicBezTo>
                <a:cubicBezTo>
                  <a:pt x="87" y="177"/>
                  <a:pt x="89" y="176"/>
                  <a:pt x="91" y="174"/>
                </a:cubicBezTo>
                <a:cubicBezTo>
                  <a:pt x="116" y="134"/>
                  <a:pt x="116" y="134"/>
                  <a:pt x="116" y="134"/>
                </a:cubicBezTo>
                <a:cubicBezTo>
                  <a:pt x="116" y="134"/>
                  <a:pt x="116" y="134"/>
                  <a:pt x="116" y="134"/>
                </a:cubicBezTo>
                <a:cubicBezTo>
                  <a:pt x="117" y="132"/>
                  <a:pt x="118" y="131"/>
                  <a:pt x="120" y="128"/>
                </a:cubicBezTo>
                <a:cubicBezTo>
                  <a:pt x="123" y="126"/>
                  <a:pt x="126" y="124"/>
                  <a:pt x="130" y="124"/>
                </a:cubicBezTo>
                <a:cubicBezTo>
                  <a:pt x="132" y="123"/>
                  <a:pt x="134" y="123"/>
                  <a:pt x="136" y="123"/>
                </a:cubicBezTo>
                <a:cubicBezTo>
                  <a:pt x="137" y="123"/>
                  <a:pt x="137" y="123"/>
                  <a:pt x="138" y="123"/>
                </a:cubicBezTo>
                <a:cubicBezTo>
                  <a:pt x="138" y="123"/>
                  <a:pt x="138" y="123"/>
                  <a:pt x="138" y="123"/>
                </a:cubicBezTo>
                <a:cubicBezTo>
                  <a:pt x="185" y="126"/>
                  <a:pt x="185" y="126"/>
                  <a:pt x="185" y="126"/>
                </a:cubicBezTo>
                <a:cubicBezTo>
                  <a:pt x="190" y="126"/>
                  <a:pt x="194" y="129"/>
                  <a:pt x="196" y="133"/>
                </a:cubicBezTo>
                <a:cubicBezTo>
                  <a:pt x="198" y="137"/>
                  <a:pt x="198" y="141"/>
                  <a:pt x="196" y="145"/>
                </a:cubicBezTo>
                <a:cubicBezTo>
                  <a:pt x="157" y="229"/>
                  <a:pt x="157" y="229"/>
                  <a:pt x="157" y="229"/>
                </a:cubicBezTo>
                <a:cubicBezTo>
                  <a:pt x="135" y="316"/>
                  <a:pt x="135" y="316"/>
                  <a:pt x="135" y="316"/>
                </a:cubicBezTo>
                <a:cubicBezTo>
                  <a:pt x="134" y="322"/>
                  <a:pt x="129" y="326"/>
                  <a:pt x="123" y="326"/>
                </a:cubicBezTo>
                <a:cubicBezTo>
                  <a:pt x="34" y="329"/>
                  <a:pt x="34" y="329"/>
                  <a:pt x="34" y="329"/>
                </a:cubicBezTo>
                <a:cubicBezTo>
                  <a:pt x="34" y="329"/>
                  <a:pt x="34" y="329"/>
                  <a:pt x="34" y="329"/>
                </a:cubicBezTo>
                <a:cubicBezTo>
                  <a:pt x="30" y="329"/>
                  <a:pt x="27" y="332"/>
                  <a:pt x="27" y="336"/>
                </a:cubicBezTo>
                <a:cubicBezTo>
                  <a:pt x="27" y="340"/>
                  <a:pt x="30" y="343"/>
                  <a:pt x="34" y="343"/>
                </a:cubicBezTo>
                <a:cubicBezTo>
                  <a:pt x="143" y="343"/>
                  <a:pt x="143" y="343"/>
                  <a:pt x="143" y="343"/>
                </a:cubicBezTo>
                <a:cubicBezTo>
                  <a:pt x="178" y="259"/>
                  <a:pt x="178" y="259"/>
                  <a:pt x="178" y="259"/>
                </a:cubicBezTo>
                <a:cubicBezTo>
                  <a:pt x="180" y="255"/>
                  <a:pt x="185" y="251"/>
                  <a:pt x="190" y="251"/>
                </a:cubicBezTo>
                <a:cubicBezTo>
                  <a:pt x="195" y="251"/>
                  <a:pt x="200" y="254"/>
                  <a:pt x="203" y="259"/>
                </a:cubicBezTo>
                <a:cubicBezTo>
                  <a:pt x="280" y="414"/>
                  <a:pt x="280" y="414"/>
                  <a:pt x="280" y="414"/>
                </a:cubicBezTo>
                <a:cubicBezTo>
                  <a:pt x="281" y="416"/>
                  <a:pt x="281" y="416"/>
                  <a:pt x="281" y="416"/>
                </a:cubicBezTo>
                <a:cubicBezTo>
                  <a:pt x="282" y="418"/>
                  <a:pt x="284" y="420"/>
                  <a:pt x="287" y="420"/>
                </a:cubicBezTo>
                <a:cubicBezTo>
                  <a:pt x="288" y="420"/>
                  <a:pt x="289" y="420"/>
                  <a:pt x="290" y="419"/>
                </a:cubicBezTo>
                <a:cubicBezTo>
                  <a:pt x="292" y="418"/>
                  <a:pt x="294" y="416"/>
                  <a:pt x="294" y="413"/>
                </a:cubicBezTo>
                <a:cubicBezTo>
                  <a:pt x="294" y="412"/>
                  <a:pt x="294" y="411"/>
                  <a:pt x="293" y="411"/>
                </a:cubicBezTo>
                <a:cubicBezTo>
                  <a:pt x="215" y="234"/>
                  <a:pt x="215" y="234"/>
                  <a:pt x="215" y="234"/>
                </a:cubicBezTo>
                <a:cubicBezTo>
                  <a:pt x="213" y="230"/>
                  <a:pt x="213" y="226"/>
                  <a:pt x="215" y="222"/>
                </a:cubicBezTo>
                <a:cubicBezTo>
                  <a:pt x="244" y="165"/>
                  <a:pt x="244" y="165"/>
                  <a:pt x="244" y="165"/>
                </a:cubicBezTo>
                <a:cubicBezTo>
                  <a:pt x="246" y="162"/>
                  <a:pt x="250" y="159"/>
                  <a:pt x="254" y="158"/>
                </a:cubicBezTo>
                <a:cubicBezTo>
                  <a:pt x="259" y="158"/>
                  <a:pt x="263" y="159"/>
                  <a:pt x="266" y="163"/>
                </a:cubicBezTo>
                <a:cubicBezTo>
                  <a:pt x="266" y="163"/>
                  <a:pt x="283" y="181"/>
                  <a:pt x="292" y="192"/>
                </a:cubicBezTo>
                <a:cubicBezTo>
                  <a:pt x="296" y="195"/>
                  <a:pt x="298" y="198"/>
                  <a:pt x="299" y="199"/>
                </a:cubicBezTo>
                <a:cubicBezTo>
                  <a:pt x="300" y="200"/>
                  <a:pt x="302" y="202"/>
                  <a:pt x="304" y="203"/>
                </a:cubicBezTo>
                <a:cubicBezTo>
                  <a:pt x="306" y="204"/>
                  <a:pt x="308" y="205"/>
                  <a:pt x="310" y="205"/>
                </a:cubicBezTo>
                <a:cubicBezTo>
                  <a:pt x="365" y="205"/>
                  <a:pt x="365" y="205"/>
                  <a:pt x="365" y="205"/>
                </a:cubicBezTo>
                <a:cubicBezTo>
                  <a:pt x="366" y="205"/>
                  <a:pt x="368" y="204"/>
                  <a:pt x="369" y="202"/>
                </a:cubicBezTo>
                <a:cubicBezTo>
                  <a:pt x="371" y="201"/>
                  <a:pt x="372" y="199"/>
                  <a:pt x="372" y="198"/>
                </a:cubicBezTo>
                <a:cubicBezTo>
                  <a:pt x="372" y="194"/>
                  <a:pt x="368" y="191"/>
                  <a:pt x="365" y="191"/>
                </a:cubicBezTo>
                <a:cubicBezTo>
                  <a:pt x="358" y="191"/>
                  <a:pt x="348" y="191"/>
                  <a:pt x="339" y="191"/>
                </a:cubicBezTo>
                <a:cubicBezTo>
                  <a:pt x="331" y="191"/>
                  <a:pt x="324" y="191"/>
                  <a:pt x="323" y="191"/>
                </a:cubicBezTo>
                <a:cubicBezTo>
                  <a:pt x="320" y="191"/>
                  <a:pt x="316" y="189"/>
                  <a:pt x="313" y="186"/>
                </a:cubicBezTo>
                <a:cubicBezTo>
                  <a:pt x="262" y="127"/>
                  <a:pt x="262" y="127"/>
                  <a:pt x="262" y="127"/>
                </a:cubicBezTo>
                <a:cubicBezTo>
                  <a:pt x="252" y="116"/>
                  <a:pt x="252" y="116"/>
                  <a:pt x="252" y="116"/>
                </a:cubicBezTo>
                <a:cubicBezTo>
                  <a:pt x="248" y="111"/>
                  <a:pt x="247" y="105"/>
                  <a:pt x="250" y="100"/>
                </a:cubicBezTo>
                <a:cubicBezTo>
                  <a:pt x="261" y="83"/>
                  <a:pt x="261" y="83"/>
                  <a:pt x="261" y="83"/>
                </a:cubicBezTo>
                <a:cubicBezTo>
                  <a:pt x="263" y="79"/>
                  <a:pt x="267" y="77"/>
                  <a:pt x="271" y="77"/>
                </a:cubicBezTo>
                <a:cubicBezTo>
                  <a:pt x="278" y="76"/>
                  <a:pt x="285" y="73"/>
                  <a:pt x="290" y="68"/>
                </a:cubicBezTo>
                <a:cubicBezTo>
                  <a:pt x="295" y="63"/>
                  <a:pt x="297" y="58"/>
                  <a:pt x="297" y="51"/>
                </a:cubicBezTo>
                <a:cubicBezTo>
                  <a:pt x="297" y="38"/>
                  <a:pt x="286" y="27"/>
                  <a:pt x="273" y="27"/>
                </a:cubicBezTo>
                <a:cubicBezTo>
                  <a:pt x="260" y="27"/>
                  <a:pt x="249" y="38"/>
                  <a:pt x="249" y="51"/>
                </a:cubicBezTo>
                <a:cubicBezTo>
                  <a:pt x="249" y="56"/>
                  <a:pt x="250" y="61"/>
                  <a:pt x="253" y="65"/>
                </a:cubicBezTo>
                <a:cubicBezTo>
                  <a:pt x="253" y="65"/>
                  <a:pt x="253" y="65"/>
                  <a:pt x="253" y="65"/>
                </a:cubicBezTo>
                <a:cubicBezTo>
                  <a:pt x="257" y="71"/>
                  <a:pt x="255" y="79"/>
                  <a:pt x="249" y="83"/>
                </a:cubicBezTo>
                <a:cubicBezTo>
                  <a:pt x="243" y="87"/>
                  <a:pt x="235" y="86"/>
                  <a:pt x="231" y="79"/>
                </a:cubicBezTo>
                <a:cubicBezTo>
                  <a:pt x="225" y="71"/>
                  <a:pt x="222" y="61"/>
                  <a:pt x="222" y="51"/>
                </a:cubicBezTo>
                <a:cubicBezTo>
                  <a:pt x="222" y="23"/>
                  <a:pt x="245" y="0"/>
                  <a:pt x="273" y="0"/>
                </a:cubicBezTo>
                <a:cubicBezTo>
                  <a:pt x="301" y="0"/>
                  <a:pt x="324" y="23"/>
                  <a:pt x="324" y="51"/>
                </a:cubicBezTo>
                <a:cubicBezTo>
                  <a:pt x="324" y="65"/>
                  <a:pt x="318" y="78"/>
                  <a:pt x="309" y="87"/>
                </a:cubicBezTo>
                <a:cubicBezTo>
                  <a:pt x="301" y="94"/>
                  <a:pt x="291" y="100"/>
                  <a:pt x="280" y="102"/>
                </a:cubicBezTo>
                <a:cubicBezTo>
                  <a:pt x="278" y="105"/>
                  <a:pt x="278" y="105"/>
                  <a:pt x="278" y="105"/>
                </a:cubicBezTo>
                <a:cubicBezTo>
                  <a:pt x="282" y="109"/>
                  <a:pt x="282" y="109"/>
                  <a:pt x="282" y="109"/>
                </a:cubicBezTo>
                <a:cubicBezTo>
                  <a:pt x="282" y="110"/>
                  <a:pt x="282" y="110"/>
                  <a:pt x="282" y="110"/>
                </a:cubicBezTo>
                <a:cubicBezTo>
                  <a:pt x="330" y="164"/>
                  <a:pt x="330" y="164"/>
                  <a:pt x="330" y="164"/>
                </a:cubicBezTo>
                <a:cubicBezTo>
                  <a:pt x="339" y="164"/>
                  <a:pt x="356" y="164"/>
                  <a:pt x="365" y="164"/>
                </a:cubicBezTo>
                <a:cubicBezTo>
                  <a:pt x="383" y="164"/>
                  <a:pt x="398" y="179"/>
                  <a:pt x="398" y="198"/>
                </a:cubicBezTo>
                <a:cubicBezTo>
                  <a:pt x="398" y="216"/>
                  <a:pt x="383" y="231"/>
                  <a:pt x="365" y="231"/>
                </a:cubicBezTo>
                <a:cubicBezTo>
                  <a:pt x="310" y="231"/>
                  <a:pt x="310" y="231"/>
                  <a:pt x="310" y="231"/>
                </a:cubicBezTo>
                <a:cubicBezTo>
                  <a:pt x="303" y="231"/>
                  <a:pt x="297" y="229"/>
                  <a:pt x="292" y="227"/>
                </a:cubicBezTo>
                <a:cubicBezTo>
                  <a:pt x="287" y="224"/>
                  <a:pt x="283" y="221"/>
                  <a:pt x="279" y="217"/>
                </a:cubicBezTo>
                <a:cubicBezTo>
                  <a:pt x="278" y="216"/>
                  <a:pt x="276" y="213"/>
                  <a:pt x="273" y="210"/>
                </a:cubicBezTo>
                <a:cubicBezTo>
                  <a:pt x="269" y="206"/>
                  <a:pt x="265" y="202"/>
                  <a:pt x="261" y="197"/>
                </a:cubicBezTo>
                <a:cubicBezTo>
                  <a:pt x="261" y="197"/>
                  <a:pt x="260" y="196"/>
                  <a:pt x="259" y="195"/>
                </a:cubicBezTo>
                <a:cubicBezTo>
                  <a:pt x="242" y="229"/>
                  <a:pt x="242" y="229"/>
                  <a:pt x="242" y="229"/>
                </a:cubicBezTo>
                <a:cubicBezTo>
                  <a:pt x="318" y="400"/>
                  <a:pt x="318" y="400"/>
                  <a:pt x="318" y="400"/>
                </a:cubicBezTo>
                <a:cubicBezTo>
                  <a:pt x="318" y="401"/>
                  <a:pt x="318" y="401"/>
                  <a:pt x="318" y="401"/>
                </a:cubicBezTo>
                <a:cubicBezTo>
                  <a:pt x="320" y="405"/>
                  <a:pt x="321" y="409"/>
                  <a:pt x="321" y="413"/>
                </a:cubicBezTo>
                <a:cubicBezTo>
                  <a:pt x="321" y="426"/>
                  <a:pt x="313" y="439"/>
                  <a:pt x="299" y="444"/>
                </a:cubicBezTo>
                <a:cubicBezTo>
                  <a:pt x="295" y="446"/>
                  <a:pt x="291" y="447"/>
                  <a:pt x="287" y="447"/>
                </a:cubicBezTo>
                <a:cubicBezTo>
                  <a:pt x="287" y="447"/>
                  <a:pt x="287" y="447"/>
                  <a:pt x="287" y="447"/>
                </a:cubicBezTo>
                <a:cubicBezTo>
                  <a:pt x="274" y="447"/>
                  <a:pt x="261" y="439"/>
                  <a:pt x="256" y="426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93" name="TextBox 292"/>
          <p:cNvSpPr txBox="1"/>
          <p:nvPr userDrawn="1"/>
        </p:nvSpPr>
        <p:spPr>
          <a:xfrm>
            <a:off x="10094001" y="1669178"/>
            <a:ext cx="923940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Security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nagement</a:t>
            </a:r>
          </a:p>
        </p:txBody>
      </p:sp>
      <p:sp>
        <p:nvSpPr>
          <p:cNvPr id="294" name="Freeform 124"/>
          <p:cNvSpPr>
            <a:spLocks noChangeAspect="1"/>
          </p:cNvSpPr>
          <p:nvPr userDrawn="1"/>
        </p:nvSpPr>
        <p:spPr bwMode="auto">
          <a:xfrm>
            <a:off x="2418235" y="2195360"/>
            <a:ext cx="367063" cy="393192"/>
          </a:xfrm>
          <a:custGeom>
            <a:avLst/>
            <a:gdLst/>
            <a:ahLst/>
            <a:cxnLst>
              <a:cxn ang="0">
                <a:pos x="388" y="4"/>
              </a:cxn>
              <a:cxn ang="0">
                <a:pos x="312" y="62"/>
              </a:cxn>
              <a:cxn ang="0">
                <a:pos x="307" y="77"/>
              </a:cxn>
              <a:cxn ang="0">
                <a:pos x="320" y="86"/>
              </a:cxn>
              <a:cxn ang="0">
                <a:pos x="382" y="86"/>
              </a:cxn>
              <a:cxn ang="0">
                <a:pos x="239" y="194"/>
              </a:cxn>
              <a:cxn ang="0">
                <a:pos x="233" y="205"/>
              </a:cxn>
              <a:cxn ang="0">
                <a:pos x="234" y="209"/>
              </a:cxn>
              <a:cxn ang="0">
                <a:pos x="247" y="218"/>
              </a:cxn>
              <a:cxn ang="0">
                <a:pos x="321" y="218"/>
              </a:cxn>
              <a:cxn ang="0">
                <a:pos x="111" y="366"/>
              </a:cxn>
              <a:cxn ang="0">
                <a:pos x="210" y="260"/>
              </a:cxn>
              <a:cxn ang="0">
                <a:pos x="214" y="251"/>
              </a:cxn>
              <a:cxn ang="0">
                <a:pos x="213" y="246"/>
              </a:cxn>
              <a:cxn ang="0">
                <a:pos x="200" y="238"/>
              </a:cxn>
              <a:cxn ang="0">
                <a:pos x="124" y="238"/>
              </a:cxn>
              <a:cxn ang="0">
                <a:pos x="255" y="131"/>
              </a:cxn>
              <a:cxn ang="0">
                <a:pos x="260" y="120"/>
              </a:cxn>
              <a:cxn ang="0">
                <a:pos x="259" y="116"/>
              </a:cxn>
              <a:cxn ang="0">
                <a:pos x="247" y="107"/>
              </a:cxn>
              <a:cxn ang="0">
                <a:pos x="177" y="107"/>
              </a:cxn>
              <a:cxn ang="0">
                <a:pos x="279" y="29"/>
              </a:cxn>
              <a:cxn ang="0">
                <a:pos x="285" y="18"/>
              </a:cxn>
              <a:cxn ang="0">
                <a:pos x="282" y="10"/>
              </a:cxn>
              <a:cxn ang="0">
                <a:pos x="263" y="7"/>
              </a:cxn>
              <a:cxn ang="0">
                <a:pos x="130" y="110"/>
              </a:cxn>
              <a:cxn ang="0">
                <a:pos x="125" y="125"/>
              </a:cxn>
              <a:cxn ang="0">
                <a:pos x="138" y="134"/>
              </a:cxn>
              <a:cxn ang="0">
                <a:pos x="210" y="134"/>
              </a:cxn>
              <a:cxn ang="0">
                <a:pos x="79" y="241"/>
              </a:cxn>
              <a:cxn ang="0">
                <a:pos x="74" y="251"/>
              </a:cxn>
              <a:cxn ang="0">
                <a:pos x="74" y="256"/>
              </a:cxn>
              <a:cxn ang="0">
                <a:pos x="87" y="264"/>
              </a:cxn>
              <a:cxn ang="0">
                <a:pos x="170" y="264"/>
              </a:cxn>
              <a:cxn ang="0">
                <a:pos x="3" y="442"/>
              </a:cxn>
              <a:cxn ang="0">
                <a:pos x="0" y="452"/>
              </a:cxn>
              <a:cxn ang="0">
                <a:pos x="3" y="460"/>
              </a:cxn>
              <a:cxn ang="0">
                <a:pos x="21" y="462"/>
              </a:cxn>
              <a:cxn ang="0">
                <a:pos x="371" y="216"/>
              </a:cxn>
              <a:cxn ang="0">
                <a:pos x="376" y="201"/>
              </a:cxn>
              <a:cxn ang="0">
                <a:pos x="364" y="191"/>
              </a:cxn>
              <a:cxn ang="0">
                <a:pos x="287" y="191"/>
              </a:cxn>
              <a:cxn ang="0">
                <a:pos x="430" y="84"/>
              </a:cxn>
              <a:cxn ang="0">
                <a:pos x="435" y="73"/>
              </a:cxn>
              <a:cxn ang="0">
                <a:pos x="434" y="69"/>
              </a:cxn>
              <a:cxn ang="0">
                <a:pos x="422" y="60"/>
              </a:cxn>
              <a:cxn ang="0">
                <a:pos x="359" y="60"/>
              </a:cxn>
              <a:cxn ang="0">
                <a:pos x="404" y="26"/>
              </a:cxn>
              <a:cxn ang="0">
                <a:pos x="410" y="15"/>
              </a:cxn>
              <a:cxn ang="0">
                <a:pos x="407" y="7"/>
              </a:cxn>
              <a:cxn ang="0">
                <a:pos x="388" y="4"/>
              </a:cxn>
            </a:cxnLst>
            <a:rect l="0" t="0" r="r" b="b"/>
            <a:pathLst>
              <a:path w="435" h="466">
                <a:moveTo>
                  <a:pt x="388" y="4"/>
                </a:moveTo>
                <a:cubicBezTo>
                  <a:pt x="312" y="62"/>
                  <a:pt x="312" y="62"/>
                  <a:pt x="312" y="62"/>
                </a:cubicBezTo>
                <a:cubicBezTo>
                  <a:pt x="307" y="66"/>
                  <a:pt x="305" y="72"/>
                  <a:pt x="307" y="77"/>
                </a:cubicBezTo>
                <a:cubicBezTo>
                  <a:pt x="309" y="83"/>
                  <a:pt x="314" y="86"/>
                  <a:pt x="320" y="86"/>
                </a:cubicBezTo>
                <a:cubicBezTo>
                  <a:pt x="320" y="86"/>
                  <a:pt x="352" y="86"/>
                  <a:pt x="382" y="86"/>
                </a:cubicBezTo>
                <a:cubicBezTo>
                  <a:pt x="339" y="118"/>
                  <a:pt x="239" y="194"/>
                  <a:pt x="239" y="194"/>
                </a:cubicBezTo>
                <a:cubicBezTo>
                  <a:pt x="235" y="197"/>
                  <a:pt x="233" y="201"/>
                  <a:pt x="233" y="205"/>
                </a:cubicBezTo>
                <a:cubicBezTo>
                  <a:pt x="233" y="206"/>
                  <a:pt x="234" y="207"/>
                  <a:pt x="234" y="209"/>
                </a:cubicBezTo>
                <a:cubicBezTo>
                  <a:pt x="236" y="214"/>
                  <a:pt x="241" y="218"/>
                  <a:pt x="247" y="218"/>
                </a:cubicBezTo>
                <a:cubicBezTo>
                  <a:pt x="247" y="218"/>
                  <a:pt x="287" y="218"/>
                  <a:pt x="321" y="218"/>
                </a:cubicBezTo>
                <a:cubicBezTo>
                  <a:pt x="284" y="244"/>
                  <a:pt x="200" y="304"/>
                  <a:pt x="111" y="366"/>
                </a:cubicBezTo>
                <a:cubicBezTo>
                  <a:pt x="160" y="313"/>
                  <a:pt x="210" y="260"/>
                  <a:pt x="210" y="260"/>
                </a:cubicBezTo>
                <a:cubicBezTo>
                  <a:pt x="212" y="258"/>
                  <a:pt x="214" y="254"/>
                  <a:pt x="214" y="251"/>
                </a:cubicBezTo>
                <a:cubicBezTo>
                  <a:pt x="214" y="249"/>
                  <a:pt x="213" y="248"/>
                  <a:pt x="213" y="246"/>
                </a:cubicBezTo>
                <a:cubicBezTo>
                  <a:pt x="210" y="241"/>
                  <a:pt x="206" y="238"/>
                  <a:pt x="200" y="238"/>
                </a:cubicBezTo>
                <a:cubicBezTo>
                  <a:pt x="200" y="238"/>
                  <a:pt x="158" y="238"/>
                  <a:pt x="124" y="238"/>
                </a:cubicBezTo>
                <a:cubicBezTo>
                  <a:pt x="163" y="206"/>
                  <a:pt x="255" y="131"/>
                  <a:pt x="255" y="131"/>
                </a:cubicBezTo>
                <a:cubicBezTo>
                  <a:pt x="258" y="128"/>
                  <a:pt x="260" y="124"/>
                  <a:pt x="260" y="120"/>
                </a:cubicBezTo>
                <a:cubicBezTo>
                  <a:pt x="260" y="119"/>
                  <a:pt x="260" y="117"/>
                  <a:pt x="259" y="116"/>
                </a:cubicBezTo>
                <a:cubicBezTo>
                  <a:pt x="258" y="111"/>
                  <a:pt x="253" y="107"/>
                  <a:pt x="247" y="107"/>
                </a:cubicBezTo>
                <a:cubicBezTo>
                  <a:pt x="247" y="107"/>
                  <a:pt x="209" y="107"/>
                  <a:pt x="177" y="107"/>
                </a:cubicBezTo>
                <a:cubicBezTo>
                  <a:pt x="214" y="79"/>
                  <a:pt x="279" y="29"/>
                  <a:pt x="279" y="29"/>
                </a:cubicBezTo>
                <a:cubicBezTo>
                  <a:pt x="283" y="26"/>
                  <a:pt x="285" y="22"/>
                  <a:pt x="285" y="18"/>
                </a:cubicBezTo>
                <a:cubicBezTo>
                  <a:pt x="285" y="15"/>
                  <a:pt x="284" y="12"/>
                  <a:pt x="282" y="10"/>
                </a:cubicBezTo>
                <a:cubicBezTo>
                  <a:pt x="277" y="4"/>
                  <a:pt x="269" y="3"/>
                  <a:pt x="263" y="7"/>
                </a:cubicBezTo>
                <a:cubicBezTo>
                  <a:pt x="130" y="110"/>
                  <a:pt x="130" y="110"/>
                  <a:pt x="130" y="110"/>
                </a:cubicBezTo>
                <a:cubicBezTo>
                  <a:pt x="125" y="113"/>
                  <a:pt x="123" y="119"/>
                  <a:pt x="125" y="125"/>
                </a:cubicBezTo>
                <a:cubicBezTo>
                  <a:pt x="127" y="130"/>
                  <a:pt x="132" y="134"/>
                  <a:pt x="138" y="134"/>
                </a:cubicBezTo>
                <a:cubicBezTo>
                  <a:pt x="138" y="134"/>
                  <a:pt x="177" y="134"/>
                  <a:pt x="210" y="134"/>
                </a:cubicBezTo>
                <a:cubicBezTo>
                  <a:pt x="171" y="166"/>
                  <a:pt x="79" y="241"/>
                  <a:pt x="79" y="241"/>
                </a:cubicBezTo>
                <a:cubicBezTo>
                  <a:pt x="75" y="243"/>
                  <a:pt x="74" y="247"/>
                  <a:pt x="74" y="251"/>
                </a:cubicBezTo>
                <a:cubicBezTo>
                  <a:pt x="74" y="253"/>
                  <a:pt x="74" y="254"/>
                  <a:pt x="74" y="256"/>
                </a:cubicBezTo>
                <a:cubicBezTo>
                  <a:pt x="76" y="261"/>
                  <a:pt x="81" y="264"/>
                  <a:pt x="87" y="264"/>
                </a:cubicBezTo>
                <a:cubicBezTo>
                  <a:pt x="87" y="264"/>
                  <a:pt x="137" y="264"/>
                  <a:pt x="170" y="264"/>
                </a:cubicBezTo>
                <a:cubicBezTo>
                  <a:pt x="136" y="300"/>
                  <a:pt x="3" y="442"/>
                  <a:pt x="3" y="442"/>
                </a:cubicBezTo>
                <a:cubicBezTo>
                  <a:pt x="1" y="445"/>
                  <a:pt x="0" y="448"/>
                  <a:pt x="0" y="452"/>
                </a:cubicBezTo>
                <a:cubicBezTo>
                  <a:pt x="0" y="455"/>
                  <a:pt x="1" y="458"/>
                  <a:pt x="3" y="460"/>
                </a:cubicBezTo>
                <a:cubicBezTo>
                  <a:pt x="7" y="465"/>
                  <a:pt x="15" y="466"/>
                  <a:pt x="21" y="462"/>
                </a:cubicBezTo>
                <a:cubicBezTo>
                  <a:pt x="371" y="216"/>
                  <a:pt x="371" y="216"/>
                  <a:pt x="371" y="216"/>
                </a:cubicBezTo>
                <a:cubicBezTo>
                  <a:pt x="376" y="212"/>
                  <a:pt x="378" y="206"/>
                  <a:pt x="376" y="201"/>
                </a:cubicBezTo>
                <a:cubicBezTo>
                  <a:pt x="375" y="195"/>
                  <a:pt x="369" y="191"/>
                  <a:pt x="364" y="191"/>
                </a:cubicBezTo>
                <a:cubicBezTo>
                  <a:pt x="364" y="191"/>
                  <a:pt x="321" y="191"/>
                  <a:pt x="287" y="191"/>
                </a:cubicBezTo>
                <a:cubicBezTo>
                  <a:pt x="329" y="159"/>
                  <a:pt x="430" y="84"/>
                  <a:pt x="430" y="84"/>
                </a:cubicBezTo>
                <a:cubicBezTo>
                  <a:pt x="433" y="81"/>
                  <a:pt x="435" y="77"/>
                  <a:pt x="435" y="73"/>
                </a:cubicBezTo>
                <a:cubicBezTo>
                  <a:pt x="435" y="72"/>
                  <a:pt x="435" y="70"/>
                  <a:pt x="434" y="69"/>
                </a:cubicBezTo>
                <a:cubicBezTo>
                  <a:pt x="433" y="63"/>
                  <a:pt x="427" y="60"/>
                  <a:pt x="422" y="60"/>
                </a:cubicBezTo>
                <a:cubicBezTo>
                  <a:pt x="422" y="60"/>
                  <a:pt x="389" y="60"/>
                  <a:pt x="359" y="60"/>
                </a:cubicBezTo>
                <a:cubicBezTo>
                  <a:pt x="381" y="43"/>
                  <a:pt x="404" y="26"/>
                  <a:pt x="404" y="26"/>
                </a:cubicBezTo>
                <a:cubicBezTo>
                  <a:pt x="408" y="23"/>
                  <a:pt x="410" y="19"/>
                  <a:pt x="410" y="15"/>
                </a:cubicBezTo>
                <a:cubicBezTo>
                  <a:pt x="410" y="12"/>
                  <a:pt x="409" y="10"/>
                  <a:pt x="407" y="7"/>
                </a:cubicBezTo>
                <a:cubicBezTo>
                  <a:pt x="403" y="1"/>
                  <a:pt x="394" y="0"/>
                  <a:pt x="388" y="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95" name="TextBox 294"/>
          <p:cNvSpPr txBox="1"/>
          <p:nvPr userDrawn="1"/>
        </p:nvSpPr>
        <p:spPr>
          <a:xfrm>
            <a:off x="2291570" y="2639098"/>
            <a:ext cx="637208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Electric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utilities</a:t>
            </a:r>
          </a:p>
        </p:txBody>
      </p:sp>
      <p:sp>
        <p:nvSpPr>
          <p:cNvPr id="296" name="Freeform 116"/>
          <p:cNvSpPr>
            <a:spLocks noChangeAspect="1"/>
          </p:cNvSpPr>
          <p:nvPr userDrawn="1"/>
        </p:nvSpPr>
        <p:spPr bwMode="auto">
          <a:xfrm>
            <a:off x="1494879" y="3831106"/>
            <a:ext cx="385913" cy="393192"/>
          </a:xfrm>
          <a:custGeom>
            <a:avLst/>
            <a:gdLst/>
            <a:ahLst/>
            <a:cxnLst>
              <a:cxn ang="0">
                <a:pos x="211" y="0"/>
              </a:cxn>
              <a:cxn ang="0">
                <a:pos x="200" y="5"/>
              </a:cxn>
              <a:cxn ang="0">
                <a:pos x="135" y="172"/>
              </a:cxn>
              <a:cxn ang="0">
                <a:pos x="158" y="290"/>
              </a:cxn>
              <a:cxn ang="0">
                <a:pos x="139" y="290"/>
              </a:cxn>
              <a:cxn ang="0">
                <a:pos x="126" y="303"/>
              </a:cxn>
              <a:cxn ang="0">
                <a:pos x="126" y="349"/>
              </a:cxn>
              <a:cxn ang="0">
                <a:pos x="14" y="349"/>
              </a:cxn>
              <a:cxn ang="0">
                <a:pos x="0" y="362"/>
              </a:cxn>
              <a:cxn ang="0">
                <a:pos x="0" y="442"/>
              </a:cxn>
              <a:cxn ang="0">
                <a:pos x="14" y="455"/>
              </a:cxn>
              <a:cxn ang="0">
                <a:pos x="376" y="455"/>
              </a:cxn>
              <a:cxn ang="0">
                <a:pos x="390" y="442"/>
              </a:cxn>
              <a:cxn ang="0">
                <a:pos x="376" y="428"/>
              </a:cxn>
              <a:cxn ang="0">
                <a:pos x="27" y="428"/>
              </a:cxn>
              <a:cxn ang="0">
                <a:pos x="27" y="376"/>
              </a:cxn>
              <a:cxn ang="0">
                <a:pos x="139" y="376"/>
              </a:cxn>
              <a:cxn ang="0">
                <a:pos x="153" y="362"/>
              </a:cxn>
              <a:cxn ang="0">
                <a:pos x="153" y="317"/>
              </a:cxn>
              <a:cxn ang="0">
                <a:pos x="185" y="317"/>
              </a:cxn>
              <a:cxn ang="0">
                <a:pos x="198" y="308"/>
              </a:cxn>
              <a:cxn ang="0">
                <a:pos x="199" y="303"/>
              </a:cxn>
              <a:cxn ang="0">
                <a:pos x="193" y="293"/>
              </a:cxn>
              <a:cxn ang="0">
                <a:pos x="162" y="172"/>
              </a:cxn>
              <a:cxn ang="0">
                <a:pos x="211" y="37"/>
              </a:cxn>
              <a:cxn ang="0">
                <a:pos x="260" y="172"/>
              </a:cxn>
              <a:cxn ang="0">
                <a:pos x="228" y="293"/>
              </a:cxn>
              <a:cxn ang="0">
                <a:pos x="223" y="303"/>
              </a:cxn>
              <a:cxn ang="0">
                <a:pos x="224" y="308"/>
              </a:cxn>
              <a:cxn ang="0">
                <a:pos x="236" y="317"/>
              </a:cxn>
              <a:cxn ang="0">
                <a:pos x="272" y="317"/>
              </a:cxn>
              <a:cxn ang="0">
                <a:pos x="272" y="362"/>
              </a:cxn>
              <a:cxn ang="0">
                <a:pos x="286" y="376"/>
              </a:cxn>
              <a:cxn ang="0">
                <a:pos x="421" y="376"/>
              </a:cxn>
              <a:cxn ang="0">
                <a:pos x="421" y="442"/>
              </a:cxn>
              <a:cxn ang="0">
                <a:pos x="434" y="455"/>
              </a:cxn>
              <a:cxn ang="0">
                <a:pos x="448" y="442"/>
              </a:cxn>
              <a:cxn ang="0">
                <a:pos x="448" y="362"/>
              </a:cxn>
              <a:cxn ang="0">
                <a:pos x="434" y="349"/>
              </a:cxn>
              <a:cxn ang="0">
                <a:pos x="299" y="349"/>
              </a:cxn>
              <a:cxn ang="0">
                <a:pos x="299" y="303"/>
              </a:cxn>
              <a:cxn ang="0">
                <a:pos x="286" y="290"/>
              </a:cxn>
              <a:cxn ang="0">
                <a:pos x="264" y="290"/>
              </a:cxn>
              <a:cxn ang="0">
                <a:pos x="286" y="172"/>
              </a:cxn>
              <a:cxn ang="0">
                <a:pos x="221" y="5"/>
              </a:cxn>
              <a:cxn ang="0">
                <a:pos x="211" y="0"/>
              </a:cxn>
            </a:cxnLst>
            <a:rect l="0" t="0" r="r" b="b"/>
            <a:pathLst>
              <a:path w="448" h="455">
                <a:moveTo>
                  <a:pt x="211" y="0"/>
                </a:moveTo>
                <a:cubicBezTo>
                  <a:pt x="207" y="0"/>
                  <a:pt x="203" y="2"/>
                  <a:pt x="200" y="5"/>
                </a:cubicBezTo>
                <a:cubicBezTo>
                  <a:pt x="197" y="8"/>
                  <a:pt x="135" y="91"/>
                  <a:pt x="135" y="172"/>
                </a:cubicBezTo>
                <a:cubicBezTo>
                  <a:pt x="135" y="222"/>
                  <a:pt x="143" y="263"/>
                  <a:pt x="158" y="290"/>
                </a:cubicBezTo>
                <a:cubicBezTo>
                  <a:pt x="149" y="290"/>
                  <a:pt x="139" y="290"/>
                  <a:pt x="139" y="290"/>
                </a:cubicBezTo>
                <a:cubicBezTo>
                  <a:pt x="132" y="290"/>
                  <a:pt x="126" y="296"/>
                  <a:pt x="126" y="303"/>
                </a:cubicBezTo>
                <a:cubicBezTo>
                  <a:pt x="126" y="303"/>
                  <a:pt x="126" y="333"/>
                  <a:pt x="126" y="349"/>
                </a:cubicBezTo>
                <a:cubicBezTo>
                  <a:pt x="105" y="349"/>
                  <a:pt x="14" y="349"/>
                  <a:pt x="14" y="349"/>
                </a:cubicBezTo>
                <a:cubicBezTo>
                  <a:pt x="6" y="349"/>
                  <a:pt x="0" y="355"/>
                  <a:pt x="0" y="362"/>
                </a:cubicBezTo>
                <a:cubicBezTo>
                  <a:pt x="0" y="442"/>
                  <a:pt x="0" y="442"/>
                  <a:pt x="0" y="442"/>
                </a:cubicBezTo>
                <a:cubicBezTo>
                  <a:pt x="0" y="449"/>
                  <a:pt x="6" y="455"/>
                  <a:pt x="14" y="455"/>
                </a:cubicBezTo>
                <a:cubicBezTo>
                  <a:pt x="376" y="455"/>
                  <a:pt x="376" y="455"/>
                  <a:pt x="376" y="455"/>
                </a:cubicBezTo>
                <a:cubicBezTo>
                  <a:pt x="384" y="455"/>
                  <a:pt x="390" y="449"/>
                  <a:pt x="390" y="442"/>
                </a:cubicBezTo>
                <a:cubicBezTo>
                  <a:pt x="390" y="434"/>
                  <a:pt x="384" y="428"/>
                  <a:pt x="376" y="428"/>
                </a:cubicBezTo>
                <a:cubicBezTo>
                  <a:pt x="376" y="428"/>
                  <a:pt x="52" y="428"/>
                  <a:pt x="27" y="428"/>
                </a:cubicBezTo>
                <a:cubicBezTo>
                  <a:pt x="27" y="414"/>
                  <a:pt x="27" y="390"/>
                  <a:pt x="27" y="376"/>
                </a:cubicBezTo>
                <a:cubicBezTo>
                  <a:pt x="48" y="376"/>
                  <a:pt x="139" y="376"/>
                  <a:pt x="139" y="376"/>
                </a:cubicBezTo>
                <a:cubicBezTo>
                  <a:pt x="147" y="376"/>
                  <a:pt x="153" y="370"/>
                  <a:pt x="153" y="362"/>
                </a:cubicBezTo>
                <a:cubicBezTo>
                  <a:pt x="153" y="362"/>
                  <a:pt x="153" y="333"/>
                  <a:pt x="153" y="317"/>
                </a:cubicBezTo>
                <a:cubicBezTo>
                  <a:pt x="166" y="317"/>
                  <a:pt x="185" y="317"/>
                  <a:pt x="185" y="317"/>
                </a:cubicBezTo>
                <a:cubicBezTo>
                  <a:pt x="191" y="317"/>
                  <a:pt x="196" y="313"/>
                  <a:pt x="198" y="308"/>
                </a:cubicBezTo>
                <a:cubicBezTo>
                  <a:pt x="198" y="306"/>
                  <a:pt x="199" y="305"/>
                  <a:pt x="199" y="303"/>
                </a:cubicBezTo>
                <a:cubicBezTo>
                  <a:pt x="199" y="299"/>
                  <a:pt x="197" y="295"/>
                  <a:pt x="193" y="293"/>
                </a:cubicBezTo>
                <a:cubicBezTo>
                  <a:pt x="174" y="278"/>
                  <a:pt x="162" y="231"/>
                  <a:pt x="162" y="172"/>
                </a:cubicBezTo>
                <a:cubicBezTo>
                  <a:pt x="162" y="119"/>
                  <a:pt x="194" y="63"/>
                  <a:pt x="211" y="37"/>
                </a:cubicBezTo>
                <a:cubicBezTo>
                  <a:pt x="228" y="63"/>
                  <a:pt x="260" y="119"/>
                  <a:pt x="260" y="172"/>
                </a:cubicBezTo>
                <a:cubicBezTo>
                  <a:pt x="260" y="231"/>
                  <a:pt x="248" y="278"/>
                  <a:pt x="228" y="293"/>
                </a:cubicBezTo>
                <a:cubicBezTo>
                  <a:pt x="225" y="295"/>
                  <a:pt x="223" y="299"/>
                  <a:pt x="223" y="303"/>
                </a:cubicBezTo>
                <a:cubicBezTo>
                  <a:pt x="223" y="305"/>
                  <a:pt x="223" y="306"/>
                  <a:pt x="224" y="308"/>
                </a:cubicBezTo>
                <a:cubicBezTo>
                  <a:pt x="225" y="313"/>
                  <a:pt x="230" y="317"/>
                  <a:pt x="236" y="317"/>
                </a:cubicBezTo>
                <a:cubicBezTo>
                  <a:pt x="236" y="317"/>
                  <a:pt x="258" y="317"/>
                  <a:pt x="272" y="317"/>
                </a:cubicBezTo>
                <a:cubicBezTo>
                  <a:pt x="272" y="333"/>
                  <a:pt x="272" y="362"/>
                  <a:pt x="272" y="362"/>
                </a:cubicBezTo>
                <a:cubicBezTo>
                  <a:pt x="272" y="370"/>
                  <a:pt x="278" y="376"/>
                  <a:pt x="286" y="376"/>
                </a:cubicBezTo>
                <a:cubicBezTo>
                  <a:pt x="286" y="376"/>
                  <a:pt x="399" y="376"/>
                  <a:pt x="421" y="376"/>
                </a:cubicBezTo>
                <a:cubicBezTo>
                  <a:pt x="421" y="394"/>
                  <a:pt x="421" y="442"/>
                  <a:pt x="421" y="442"/>
                </a:cubicBezTo>
                <a:cubicBezTo>
                  <a:pt x="421" y="449"/>
                  <a:pt x="427" y="455"/>
                  <a:pt x="434" y="455"/>
                </a:cubicBezTo>
                <a:cubicBezTo>
                  <a:pt x="442" y="455"/>
                  <a:pt x="448" y="449"/>
                  <a:pt x="448" y="442"/>
                </a:cubicBezTo>
                <a:cubicBezTo>
                  <a:pt x="448" y="362"/>
                  <a:pt x="448" y="362"/>
                  <a:pt x="448" y="362"/>
                </a:cubicBezTo>
                <a:cubicBezTo>
                  <a:pt x="448" y="355"/>
                  <a:pt x="442" y="349"/>
                  <a:pt x="434" y="349"/>
                </a:cubicBezTo>
                <a:cubicBezTo>
                  <a:pt x="434" y="349"/>
                  <a:pt x="321" y="349"/>
                  <a:pt x="299" y="349"/>
                </a:cubicBezTo>
                <a:cubicBezTo>
                  <a:pt x="299" y="333"/>
                  <a:pt x="299" y="303"/>
                  <a:pt x="299" y="303"/>
                </a:cubicBezTo>
                <a:cubicBezTo>
                  <a:pt x="299" y="296"/>
                  <a:pt x="293" y="290"/>
                  <a:pt x="286" y="290"/>
                </a:cubicBezTo>
                <a:cubicBezTo>
                  <a:pt x="286" y="290"/>
                  <a:pt x="274" y="290"/>
                  <a:pt x="264" y="290"/>
                </a:cubicBezTo>
                <a:cubicBezTo>
                  <a:pt x="278" y="263"/>
                  <a:pt x="286" y="222"/>
                  <a:pt x="286" y="172"/>
                </a:cubicBezTo>
                <a:cubicBezTo>
                  <a:pt x="286" y="91"/>
                  <a:pt x="224" y="8"/>
                  <a:pt x="221" y="5"/>
                </a:cubicBezTo>
                <a:cubicBezTo>
                  <a:pt x="219" y="2"/>
                  <a:pt x="215" y="0"/>
                  <a:pt x="211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97" name="TextBox 296"/>
          <p:cNvSpPr txBox="1"/>
          <p:nvPr userDrawn="1"/>
        </p:nvSpPr>
        <p:spPr>
          <a:xfrm>
            <a:off x="1378741" y="4284666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Oil &amp; gas</a:t>
            </a:r>
          </a:p>
        </p:txBody>
      </p:sp>
      <p:sp>
        <p:nvSpPr>
          <p:cNvPr id="298" name="Freeform 88"/>
          <p:cNvSpPr>
            <a:spLocks noChangeAspect="1"/>
          </p:cNvSpPr>
          <p:nvPr userDrawn="1"/>
        </p:nvSpPr>
        <p:spPr bwMode="auto">
          <a:xfrm>
            <a:off x="4230515" y="3060564"/>
            <a:ext cx="516752" cy="337566"/>
          </a:xfrm>
          <a:custGeom>
            <a:avLst/>
            <a:gdLst/>
            <a:ahLst/>
            <a:cxnLst>
              <a:cxn ang="0">
                <a:pos x="224" y="5"/>
              </a:cxn>
              <a:cxn ang="0">
                <a:pos x="221" y="13"/>
              </a:cxn>
              <a:cxn ang="0">
                <a:pos x="221" y="16"/>
              </a:cxn>
              <a:cxn ang="0">
                <a:pos x="227" y="43"/>
              </a:cxn>
              <a:cxn ang="0">
                <a:pos x="225" y="43"/>
              </a:cxn>
              <a:cxn ang="0">
                <a:pos x="216" y="47"/>
              </a:cxn>
              <a:cxn ang="0">
                <a:pos x="212" y="56"/>
              </a:cxn>
              <a:cxn ang="0">
                <a:pos x="212" y="151"/>
              </a:cxn>
              <a:cxn ang="0">
                <a:pos x="173" y="151"/>
              </a:cxn>
              <a:cxn ang="0">
                <a:pos x="107" y="186"/>
              </a:cxn>
              <a:cxn ang="0">
                <a:pos x="106" y="193"/>
              </a:cxn>
              <a:cxn ang="0">
                <a:pos x="112" y="205"/>
              </a:cxn>
              <a:cxn ang="0">
                <a:pos x="130" y="200"/>
              </a:cxn>
              <a:cxn ang="0">
                <a:pos x="173" y="177"/>
              </a:cxn>
              <a:cxn ang="0">
                <a:pos x="226" y="177"/>
              </a:cxn>
              <a:cxn ang="0">
                <a:pos x="235" y="173"/>
              </a:cxn>
              <a:cxn ang="0">
                <a:pos x="239" y="164"/>
              </a:cxn>
              <a:cxn ang="0">
                <a:pos x="239" y="69"/>
              </a:cxn>
              <a:cxn ang="0">
                <a:pos x="244" y="69"/>
              </a:cxn>
              <a:cxn ang="0">
                <a:pos x="254" y="64"/>
              </a:cxn>
              <a:cxn ang="0">
                <a:pos x="257" y="56"/>
              </a:cxn>
              <a:cxn ang="0">
                <a:pos x="257" y="53"/>
              </a:cxn>
              <a:cxn ang="0">
                <a:pos x="251" y="27"/>
              </a:cxn>
              <a:cxn ang="0">
                <a:pos x="264" y="27"/>
              </a:cxn>
              <a:cxn ang="0">
                <a:pos x="275" y="57"/>
              </a:cxn>
              <a:cxn ang="0">
                <a:pos x="287" y="65"/>
              </a:cxn>
              <a:cxn ang="0">
                <a:pos x="298" y="66"/>
              </a:cxn>
              <a:cxn ang="0">
                <a:pos x="353" y="197"/>
              </a:cxn>
              <a:cxn ang="0">
                <a:pos x="365" y="205"/>
              </a:cxn>
              <a:cxn ang="0">
                <a:pos x="421" y="205"/>
              </a:cxn>
              <a:cxn ang="0">
                <a:pos x="390" y="270"/>
              </a:cxn>
              <a:cxn ang="0">
                <a:pos x="49" y="270"/>
              </a:cxn>
              <a:cxn ang="0">
                <a:pos x="29" y="252"/>
              </a:cxn>
              <a:cxn ang="0">
                <a:pos x="28" y="246"/>
              </a:cxn>
              <a:cxn ang="0">
                <a:pos x="28" y="245"/>
              </a:cxn>
              <a:cxn ang="0">
                <a:pos x="252" y="245"/>
              </a:cxn>
              <a:cxn ang="0">
                <a:pos x="323" y="190"/>
              </a:cxn>
              <a:cxn ang="0">
                <a:pos x="310" y="177"/>
              </a:cxn>
              <a:cxn ang="0">
                <a:pos x="297" y="190"/>
              </a:cxn>
              <a:cxn ang="0">
                <a:pos x="252" y="219"/>
              </a:cxn>
              <a:cxn ang="0">
                <a:pos x="18" y="219"/>
              </a:cxn>
              <a:cxn ang="0">
                <a:pos x="5" y="227"/>
              </a:cxn>
              <a:cxn ang="0">
                <a:pos x="4" y="262"/>
              </a:cxn>
              <a:cxn ang="0">
                <a:pos x="41" y="296"/>
              </a:cxn>
              <a:cxn ang="0">
                <a:pos x="46" y="297"/>
              </a:cxn>
              <a:cxn ang="0">
                <a:pos x="398" y="297"/>
              </a:cxn>
              <a:cxn ang="0">
                <a:pos x="410" y="289"/>
              </a:cxn>
              <a:cxn ang="0">
                <a:pos x="454" y="197"/>
              </a:cxn>
              <a:cxn ang="0">
                <a:pos x="453" y="185"/>
              </a:cxn>
              <a:cxn ang="0">
                <a:pos x="442" y="178"/>
              </a:cxn>
              <a:cxn ang="0">
                <a:pos x="374" y="178"/>
              </a:cxn>
              <a:cxn ang="0">
                <a:pos x="319" y="48"/>
              </a:cxn>
              <a:cxn ang="0">
                <a:pos x="308" y="40"/>
              </a:cxn>
              <a:cxn ang="0">
                <a:pos x="297" y="39"/>
              </a:cxn>
              <a:cxn ang="0">
                <a:pos x="286" y="9"/>
              </a:cxn>
              <a:cxn ang="0">
                <a:pos x="274" y="1"/>
              </a:cxn>
              <a:cxn ang="0">
                <a:pos x="234" y="0"/>
              </a:cxn>
              <a:cxn ang="0">
                <a:pos x="224" y="5"/>
              </a:cxn>
            </a:cxnLst>
            <a:rect l="0" t="0" r="r" b="b"/>
            <a:pathLst>
              <a:path w="456" h="297">
                <a:moveTo>
                  <a:pt x="224" y="5"/>
                </a:moveTo>
                <a:cubicBezTo>
                  <a:pt x="222" y="7"/>
                  <a:pt x="221" y="10"/>
                  <a:pt x="221" y="13"/>
                </a:cubicBezTo>
                <a:cubicBezTo>
                  <a:pt x="221" y="14"/>
                  <a:pt x="221" y="15"/>
                  <a:pt x="221" y="16"/>
                </a:cubicBezTo>
                <a:cubicBezTo>
                  <a:pt x="221" y="16"/>
                  <a:pt x="224" y="30"/>
                  <a:pt x="227" y="43"/>
                </a:cubicBezTo>
                <a:cubicBezTo>
                  <a:pt x="227" y="43"/>
                  <a:pt x="225" y="43"/>
                  <a:pt x="225" y="43"/>
                </a:cubicBezTo>
                <a:cubicBezTo>
                  <a:pt x="222" y="43"/>
                  <a:pt x="218" y="44"/>
                  <a:pt x="216" y="47"/>
                </a:cubicBezTo>
                <a:cubicBezTo>
                  <a:pt x="213" y="49"/>
                  <a:pt x="212" y="53"/>
                  <a:pt x="212" y="56"/>
                </a:cubicBezTo>
                <a:cubicBezTo>
                  <a:pt x="212" y="56"/>
                  <a:pt x="212" y="130"/>
                  <a:pt x="212" y="151"/>
                </a:cubicBezTo>
                <a:cubicBezTo>
                  <a:pt x="198" y="151"/>
                  <a:pt x="173" y="151"/>
                  <a:pt x="173" y="151"/>
                </a:cubicBezTo>
                <a:cubicBezTo>
                  <a:pt x="155" y="151"/>
                  <a:pt x="122" y="162"/>
                  <a:pt x="107" y="186"/>
                </a:cubicBezTo>
                <a:cubicBezTo>
                  <a:pt x="106" y="189"/>
                  <a:pt x="106" y="191"/>
                  <a:pt x="106" y="193"/>
                </a:cubicBezTo>
                <a:cubicBezTo>
                  <a:pt x="106" y="198"/>
                  <a:pt x="108" y="202"/>
                  <a:pt x="112" y="205"/>
                </a:cubicBezTo>
                <a:cubicBezTo>
                  <a:pt x="119" y="208"/>
                  <a:pt x="127" y="206"/>
                  <a:pt x="130" y="200"/>
                </a:cubicBezTo>
                <a:cubicBezTo>
                  <a:pt x="138" y="186"/>
                  <a:pt x="161" y="177"/>
                  <a:pt x="173" y="177"/>
                </a:cubicBezTo>
                <a:cubicBezTo>
                  <a:pt x="226" y="177"/>
                  <a:pt x="226" y="177"/>
                  <a:pt x="226" y="177"/>
                </a:cubicBezTo>
                <a:cubicBezTo>
                  <a:pt x="229" y="177"/>
                  <a:pt x="233" y="176"/>
                  <a:pt x="235" y="173"/>
                </a:cubicBezTo>
                <a:cubicBezTo>
                  <a:pt x="238" y="171"/>
                  <a:pt x="239" y="168"/>
                  <a:pt x="239" y="164"/>
                </a:cubicBezTo>
                <a:cubicBezTo>
                  <a:pt x="239" y="164"/>
                  <a:pt x="239" y="90"/>
                  <a:pt x="239" y="69"/>
                </a:cubicBezTo>
                <a:cubicBezTo>
                  <a:pt x="241" y="69"/>
                  <a:pt x="244" y="69"/>
                  <a:pt x="244" y="69"/>
                </a:cubicBezTo>
                <a:cubicBezTo>
                  <a:pt x="248" y="69"/>
                  <a:pt x="252" y="67"/>
                  <a:pt x="254" y="64"/>
                </a:cubicBezTo>
                <a:cubicBezTo>
                  <a:pt x="256" y="62"/>
                  <a:pt x="257" y="59"/>
                  <a:pt x="257" y="56"/>
                </a:cubicBezTo>
                <a:cubicBezTo>
                  <a:pt x="257" y="55"/>
                  <a:pt x="257" y="54"/>
                  <a:pt x="257" y="53"/>
                </a:cubicBezTo>
                <a:cubicBezTo>
                  <a:pt x="257" y="53"/>
                  <a:pt x="253" y="39"/>
                  <a:pt x="251" y="27"/>
                </a:cubicBezTo>
                <a:cubicBezTo>
                  <a:pt x="257" y="27"/>
                  <a:pt x="260" y="27"/>
                  <a:pt x="264" y="27"/>
                </a:cubicBezTo>
                <a:cubicBezTo>
                  <a:pt x="268" y="37"/>
                  <a:pt x="275" y="57"/>
                  <a:pt x="275" y="57"/>
                </a:cubicBezTo>
                <a:cubicBezTo>
                  <a:pt x="277" y="62"/>
                  <a:pt x="281" y="65"/>
                  <a:pt x="287" y="65"/>
                </a:cubicBezTo>
                <a:cubicBezTo>
                  <a:pt x="287" y="65"/>
                  <a:pt x="293" y="66"/>
                  <a:pt x="298" y="66"/>
                </a:cubicBezTo>
                <a:cubicBezTo>
                  <a:pt x="304" y="80"/>
                  <a:pt x="353" y="197"/>
                  <a:pt x="353" y="197"/>
                </a:cubicBezTo>
                <a:cubicBezTo>
                  <a:pt x="355" y="202"/>
                  <a:pt x="360" y="205"/>
                  <a:pt x="365" y="205"/>
                </a:cubicBezTo>
                <a:cubicBezTo>
                  <a:pt x="365" y="205"/>
                  <a:pt x="399" y="205"/>
                  <a:pt x="421" y="205"/>
                </a:cubicBezTo>
                <a:cubicBezTo>
                  <a:pt x="411" y="226"/>
                  <a:pt x="395" y="260"/>
                  <a:pt x="390" y="270"/>
                </a:cubicBezTo>
                <a:cubicBezTo>
                  <a:pt x="374" y="270"/>
                  <a:pt x="55" y="270"/>
                  <a:pt x="49" y="270"/>
                </a:cubicBezTo>
                <a:cubicBezTo>
                  <a:pt x="43" y="267"/>
                  <a:pt x="33" y="261"/>
                  <a:pt x="29" y="252"/>
                </a:cubicBezTo>
                <a:cubicBezTo>
                  <a:pt x="28" y="250"/>
                  <a:pt x="28" y="248"/>
                  <a:pt x="28" y="246"/>
                </a:cubicBezTo>
                <a:cubicBezTo>
                  <a:pt x="28" y="245"/>
                  <a:pt x="28" y="245"/>
                  <a:pt x="28" y="245"/>
                </a:cubicBezTo>
                <a:cubicBezTo>
                  <a:pt x="47" y="245"/>
                  <a:pt x="252" y="245"/>
                  <a:pt x="252" y="245"/>
                </a:cubicBezTo>
                <a:cubicBezTo>
                  <a:pt x="286" y="245"/>
                  <a:pt x="323" y="226"/>
                  <a:pt x="323" y="190"/>
                </a:cubicBezTo>
                <a:cubicBezTo>
                  <a:pt x="323" y="183"/>
                  <a:pt x="317" y="177"/>
                  <a:pt x="310" y="177"/>
                </a:cubicBezTo>
                <a:cubicBezTo>
                  <a:pt x="303" y="177"/>
                  <a:pt x="297" y="183"/>
                  <a:pt x="297" y="190"/>
                </a:cubicBezTo>
                <a:cubicBezTo>
                  <a:pt x="297" y="210"/>
                  <a:pt x="270" y="219"/>
                  <a:pt x="252" y="219"/>
                </a:cubicBezTo>
                <a:cubicBezTo>
                  <a:pt x="18" y="219"/>
                  <a:pt x="18" y="219"/>
                  <a:pt x="18" y="219"/>
                </a:cubicBezTo>
                <a:cubicBezTo>
                  <a:pt x="12" y="219"/>
                  <a:pt x="8" y="222"/>
                  <a:pt x="5" y="227"/>
                </a:cubicBezTo>
                <a:cubicBezTo>
                  <a:pt x="0" y="238"/>
                  <a:pt x="0" y="251"/>
                  <a:pt x="4" y="262"/>
                </a:cubicBezTo>
                <a:cubicBezTo>
                  <a:pt x="13" y="284"/>
                  <a:pt x="38" y="294"/>
                  <a:pt x="41" y="296"/>
                </a:cubicBezTo>
                <a:cubicBezTo>
                  <a:pt x="43" y="296"/>
                  <a:pt x="44" y="297"/>
                  <a:pt x="46" y="297"/>
                </a:cubicBezTo>
                <a:cubicBezTo>
                  <a:pt x="398" y="297"/>
                  <a:pt x="398" y="297"/>
                  <a:pt x="398" y="297"/>
                </a:cubicBezTo>
                <a:cubicBezTo>
                  <a:pt x="403" y="297"/>
                  <a:pt x="408" y="294"/>
                  <a:pt x="410" y="289"/>
                </a:cubicBezTo>
                <a:cubicBezTo>
                  <a:pt x="454" y="197"/>
                  <a:pt x="454" y="197"/>
                  <a:pt x="454" y="197"/>
                </a:cubicBezTo>
                <a:cubicBezTo>
                  <a:pt x="456" y="193"/>
                  <a:pt x="456" y="188"/>
                  <a:pt x="453" y="185"/>
                </a:cubicBezTo>
                <a:cubicBezTo>
                  <a:pt x="451" y="181"/>
                  <a:pt x="447" y="178"/>
                  <a:pt x="442" y="178"/>
                </a:cubicBezTo>
                <a:cubicBezTo>
                  <a:pt x="442" y="178"/>
                  <a:pt x="388" y="178"/>
                  <a:pt x="374" y="178"/>
                </a:cubicBezTo>
                <a:cubicBezTo>
                  <a:pt x="368" y="164"/>
                  <a:pt x="319" y="48"/>
                  <a:pt x="319" y="48"/>
                </a:cubicBezTo>
                <a:cubicBezTo>
                  <a:pt x="317" y="44"/>
                  <a:pt x="313" y="41"/>
                  <a:pt x="308" y="40"/>
                </a:cubicBezTo>
                <a:cubicBezTo>
                  <a:pt x="308" y="40"/>
                  <a:pt x="303" y="40"/>
                  <a:pt x="297" y="39"/>
                </a:cubicBezTo>
                <a:cubicBezTo>
                  <a:pt x="293" y="29"/>
                  <a:pt x="286" y="9"/>
                  <a:pt x="286" y="9"/>
                </a:cubicBezTo>
                <a:cubicBezTo>
                  <a:pt x="284" y="4"/>
                  <a:pt x="279" y="1"/>
                  <a:pt x="274" y="1"/>
                </a:cubicBezTo>
                <a:cubicBezTo>
                  <a:pt x="234" y="0"/>
                  <a:pt x="234" y="0"/>
                  <a:pt x="234" y="0"/>
                </a:cubicBezTo>
                <a:cubicBezTo>
                  <a:pt x="230" y="0"/>
                  <a:pt x="226" y="2"/>
                  <a:pt x="224" y="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99" name="TextBox 298"/>
          <p:cNvSpPr txBox="1"/>
          <p:nvPr userDrawn="1"/>
        </p:nvSpPr>
        <p:spPr>
          <a:xfrm>
            <a:off x="4174110" y="3463575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rine</a:t>
            </a:r>
          </a:p>
        </p:txBody>
      </p:sp>
      <p:sp>
        <p:nvSpPr>
          <p:cNvPr id="300" name="Freeform 220"/>
          <p:cNvSpPr>
            <a:spLocks noChangeAspect="1"/>
          </p:cNvSpPr>
          <p:nvPr userDrawn="1"/>
        </p:nvSpPr>
        <p:spPr bwMode="auto">
          <a:xfrm>
            <a:off x="3270799" y="3900220"/>
            <a:ext cx="586434" cy="324077"/>
          </a:xfrm>
          <a:custGeom>
            <a:avLst/>
            <a:gdLst/>
            <a:ahLst/>
            <a:cxnLst>
              <a:cxn ang="0">
                <a:pos x="46" y="10"/>
              </a:cxn>
              <a:cxn ang="0">
                <a:pos x="0" y="96"/>
              </a:cxn>
              <a:cxn ang="0">
                <a:pos x="29" y="171"/>
              </a:cxn>
              <a:cxn ang="0">
                <a:pos x="39" y="176"/>
              </a:cxn>
              <a:cxn ang="0">
                <a:pos x="49" y="176"/>
              </a:cxn>
              <a:cxn ang="0">
                <a:pos x="87" y="204"/>
              </a:cxn>
              <a:cxn ang="0">
                <a:pos x="127" y="164"/>
              </a:cxn>
              <a:cxn ang="0">
                <a:pos x="127" y="148"/>
              </a:cxn>
              <a:cxn ang="0">
                <a:pos x="115" y="136"/>
              </a:cxn>
              <a:cxn ang="0">
                <a:pos x="103" y="148"/>
              </a:cxn>
              <a:cxn ang="0">
                <a:pos x="103" y="165"/>
              </a:cxn>
              <a:cxn ang="0">
                <a:pos x="87" y="181"/>
              </a:cxn>
              <a:cxn ang="0">
                <a:pos x="71" y="164"/>
              </a:cxn>
              <a:cxn ang="0">
                <a:pos x="67" y="156"/>
              </a:cxn>
              <a:cxn ang="0">
                <a:pos x="59" y="153"/>
              </a:cxn>
              <a:cxn ang="0">
                <a:pos x="46" y="153"/>
              </a:cxn>
              <a:cxn ang="0">
                <a:pos x="24" y="96"/>
              </a:cxn>
              <a:cxn ang="0">
                <a:pos x="57" y="32"/>
              </a:cxn>
              <a:cxn ang="0">
                <a:pos x="224" y="32"/>
              </a:cxn>
              <a:cxn ang="0">
                <a:pos x="281" y="88"/>
              </a:cxn>
              <a:cxn ang="0">
                <a:pos x="284" y="90"/>
              </a:cxn>
              <a:cxn ang="0">
                <a:pos x="307" y="98"/>
              </a:cxn>
              <a:cxn ang="0">
                <a:pos x="341" y="110"/>
              </a:cxn>
              <a:cxn ang="0">
                <a:pos x="351" y="128"/>
              </a:cxn>
              <a:cxn ang="0">
                <a:pos x="350" y="131"/>
              </a:cxn>
              <a:cxn ang="0">
                <a:pos x="335" y="134"/>
              </a:cxn>
              <a:cxn ang="0">
                <a:pos x="332" y="134"/>
              </a:cxn>
              <a:cxn ang="0">
                <a:pos x="307" y="134"/>
              </a:cxn>
              <a:cxn ang="0">
                <a:pos x="296" y="142"/>
              </a:cxn>
              <a:cxn ang="0">
                <a:pos x="299" y="155"/>
              </a:cxn>
              <a:cxn ang="0">
                <a:pos x="304" y="166"/>
              </a:cxn>
              <a:cxn ang="0">
                <a:pos x="288" y="182"/>
              </a:cxn>
              <a:cxn ang="0">
                <a:pos x="272" y="166"/>
              </a:cxn>
              <a:cxn ang="0">
                <a:pos x="275" y="156"/>
              </a:cxn>
              <a:cxn ang="0">
                <a:pos x="277" y="143"/>
              </a:cxn>
              <a:cxn ang="0">
                <a:pos x="266" y="136"/>
              </a:cxn>
              <a:cxn ang="0">
                <a:pos x="156" y="136"/>
              </a:cxn>
              <a:cxn ang="0">
                <a:pos x="144" y="148"/>
              </a:cxn>
              <a:cxn ang="0">
                <a:pos x="156" y="160"/>
              </a:cxn>
              <a:cxn ang="0">
                <a:pos x="248" y="160"/>
              </a:cxn>
              <a:cxn ang="0">
                <a:pos x="248" y="166"/>
              </a:cxn>
              <a:cxn ang="0">
                <a:pos x="288" y="206"/>
              </a:cxn>
              <a:cxn ang="0">
                <a:pos x="328" y="166"/>
              </a:cxn>
              <a:cxn ang="0">
                <a:pos x="327" y="158"/>
              </a:cxn>
              <a:cxn ang="0">
                <a:pos x="332" y="158"/>
              </a:cxn>
              <a:cxn ang="0">
                <a:pos x="334" y="158"/>
              </a:cxn>
              <a:cxn ang="0">
                <a:pos x="373" y="139"/>
              </a:cxn>
              <a:cxn ang="0">
                <a:pos x="375" y="128"/>
              </a:cxn>
              <a:cxn ang="0">
                <a:pos x="352" y="89"/>
              </a:cxn>
              <a:cxn ang="0">
                <a:pos x="314" y="75"/>
              </a:cxn>
              <a:cxn ang="0">
                <a:pos x="296" y="70"/>
              </a:cxn>
              <a:cxn ang="0">
                <a:pos x="235" y="11"/>
              </a:cxn>
              <a:cxn ang="0">
                <a:pos x="46" y="10"/>
              </a:cxn>
            </a:cxnLst>
            <a:rect l="0" t="0" r="r" b="b"/>
            <a:pathLst>
              <a:path w="375" h="206">
                <a:moveTo>
                  <a:pt x="46" y="10"/>
                </a:moveTo>
                <a:cubicBezTo>
                  <a:pt x="28" y="19"/>
                  <a:pt x="0" y="59"/>
                  <a:pt x="0" y="96"/>
                </a:cubicBezTo>
                <a:cubicBezTo>
                  <a:pt x="0" y="126"/>
                  <a:pt x="26" y="166"/>
                  <a:pt x="29" y="171"/>
                </a:cubicBezTo>
                <a:cubicBezTo>
                  <a:pt x="31" y="174"/>
                  <a:pt x="35" y="176"/>
                  <a:pt x="39" y="176"/>
                </a:cubicBezTo>
                <a:cubicBezTo>
                  <a:pt x="39" y="176"/>
                  <a:pt x="44" y="176"/>
                  <a:pt x="49" y="176"/>
                </a:cubicBezTo>
                <a:cubicBezTo>
                  <a:pt x="54" y="193"/>
                  <a:pt x="69" y="204"/>
                  <a:pt x="87" y="204"/>
                </a:cubicBezTo>
                <a:cubicBezTo>
                  <a:pt x="109" y="204"/>
                  <a:pt x="127" y="186"/>
                  <a:pt x="127" y="164"/>
                </a:cubicBezTo>
                <a:cubicBezTo>
                  <a:pt x="127" y="164"/>
                  <a:pt x="127" y="148"/>
                  <a:pt x="127" y="148"/>
                </a:cubicBezTo>
                <a:cubicBezTo>
                  <a:pt x="126" y="141"/>
                  <a:pt x="121" y="136"/>
                  <a:pt x="115" y="136"/>
                </a:cubicBezTo>
                <a:cubicBezTo>
                  <a:pt x="108" y="136"/>
                  <a:pt x="103" y="141"/>
                  <a:pt x="103" y="148"/>
                </a:cubicBezTo>
                <a:cubicBezTo>
                  <a:pt x="103" y="165"/>
                  <a:pt x="103" y="165"/>
                  <a:pt x="103" y="165"/>
                </a:cubicBezTo>
                <a:cubicBezTo>
                  <a:pt x="103" y="173"/>
                  <a:pt x="96" y="181"/>
                  <a:pt x="87" y="181"/>
                </a:cubicBezTo>
                <a:cubicBezTo>
                  <a:pt x="78" y="181"/>
                  <a:pt x="71" y="173"/>
                  <a:pt x="71" y="164"/>
                </a:cubicBezTo>
                <a:cubicBezTo>
                  <a:pt x="71" y="161"/>
                  <a:pt x="69" y="158"/>
                  <a:pt x="67" y="156"/>
                </a:cubicBezTo>
                <a:cubicBezTo>
                  <a:pt x="65" y="154"/>
                  <a:pt x="62" y="153"/>
                  <a:pt x="59" y="153"/>
                </a:cubicBezTo>
                <a:cubicBezTo>
                  <a:pt x="59" y="153"/>
                  <a:pt x="51" y="153"/>
                  <a:pt x="46" y="153"/>
                </a:cubicBezTo>
                <a:cubicBezTo>
                  <a:pt x="37" y="139"/>
                  <a:pt x="24" y="113"/>
                  <a:pt x="24" y="96"/>
                </a:cubicBezTo>
                <a:cubicBezTo>
                  <a:pt x="24" y="67"/>
                  <a:pt x="47" y="36"/>
                  <a:pt x="57" y="32"/>
                </a:cubicBezTo>
                <a:cubicBezTo>
                  <a:pt x="71" y="25"/>
                  <a:pt x="207" y="25"/>
                  <a:pt x="224" y="32"/>
                </a:cubicBezTo>
                <a:cubicBezTo>
                  <a:pt x="230" y="36"/>
                  <a:pt x="258" y="64"/>
                  <a:pt x="281" y="88"/>
                </a:cubicBezTo>
                <a:cubicBezTo>
                  <a:pt x="282" y="89"/>
                  <a:pt x="283" y="89"/>
                  <a:pt x="284" y="90"/>
                </a:cubicBezTo>
                <a:cubicBezTo>
                  <a:pt x="288" y="92"/>
                  <a:pt x="296" y="95"/>
                  <a:pt x="307" y="98"/>
                </a:cubicBezTo>
                <a:cubicBezTo>
                  <a:pt x="319" y="101"/>
                  <a:pt x="334" y="106"/>
                  <a:pt x="341" y="110"/>
                </a:cubicBezTo>
                <a:cubicBezTo>
                  <a:pt x="345" y="112"/>
                  <a:pt x="351" y="121"/>
                  <a:pt x="351" y="128"/>
                </a:cubicBezTo>
                <a:cubicBezTo>
                  <a:pt x="351" y="129"/>
                  <a:pt x="351" y="130"/>
                  <a:pt x="350" y="131"/>
                </a:cubicBezTo>
                <a:cubicBezTo>
                  <a:pt x="349" y="134"/>
                  <a:pt x="342" y="134"/>
                  <a:pt x="335" y="134"/>
                </a:cubicBezTo>
                <a:cubicBezTo>
                  <a:pt x="332" y="134"/>
                  <a:pt x="332" y="134"/>
                  <a:pt x="332" y="134"/>
                </a:cubicBezTo>
                <a:cubicBezTo>
                  <a:pt x="307" y="134"/>
                  <a:pt x="307" y="134"/>
                  <a:pt x="307" y="134"/>
                </a:cubicBezTo>
                <a:cubicBezTo>
                  <a:pt x="303" y="134"/>
                  <a:pt x="298" y="137"/>
                  <a:pt x="296" y="142"/>
                </a:cubicBezTo>
                <a:cubicBezTo>
                  <a:pt x="295" y="146"/>
                  <a:pt x="296" y="151"/>
                  <a:pt x="299" y="155"/>
                </a:cubicBezTo>
                <a:cubicBezTo>
                  <a:pt x="302" y="158"/>
                  <a:pt x="304" y="162"/>
                  <a:pt x="304" y="166"/>
                </a:cubicBezTo>
                <a:cubicBezTo>
                  <a:pt x="304" y="175"/>
                  <a:pt x="297" y="182"/>
                  <a:pt x="288" y="182"/>
                </a:cubicBezTo>
                <a:cubicBezTo>
                  <a:pt x="279" y="182"/>
                  <a:pt x="272" y="175"/>
                  <a:pt x="272" y="166"/>
                </a:cubicBezTo>
                <a:cubicBezTo>
                  <a:pt x="272" y="161"/>
                  <a:pt x="274" y="158"/>
                  <a:pt x="275" y="156"/>
                </a:cubicBezTo>
                <a:cubicBezTo>
                  <a:pt x="278" y="152"/>
                  <a:pt x="279" y="147"/>
                  <a:pt x="277" y="143"/>
                </a:cubicBezTo>
                <a:cubicBezTo>
                  <a:pt x="275" y="139"/>
                  <a:pt x="271" y="136"/>
                  <a:pt x="266" y="136"/>
                </a:cubicBezTo>
                <a:cubicBezTo>
                  <a:pt x="156" y="136"/>
                  <a:pt x="156" y="136"/>
                  <a:pt x="156" y="136"/>
                </a:cubicBezTo>
                <a:cubicBezTo>
                  <a:pt x="149" y="136"/>
                  <a:pt x="144" y="142"/>
                  <a:pt x="144" y="148"/>
                </a:cubicBezTo>
                <a:cubicBezTo>
                  <a:pt x="144" y="155"/>
                  <a:pt x="149" y="160"/>
                  <a:pt x="156" y="160"/>
                </a:cubicBezTo>
                <a:cubicBezTo>
                  <a:pt x="156" y="160"/>
                  <a:pt x="223" y="160"/>
                  <a:pt x="248" y="160"/>
                </a:cubicBezTo>
                <a:cubicBezTo>
                  <a:pt x="248" y="162"/>
                  <a:pt x="248" y="164"/>
                  <a:pt x="248" y="166"/>
                </a:cubicBezTo>
                <a:cubicBezTo>
                  <a:pt x="248" y="188"/>
                  <a:pt x="266" y="206"/>
                  <a:pt x="288" y="206"/>
                </a:cubicBezTo>
                <a:cubicBezTo>
                  <a:pt x="310" y="206"/>
                  <a:pt x="328" y="188"/>
                  <a:pt x="328" y="166"/>
                </a:cubicBezTo>
                <a:cubicBezTo>
                  <a:pt x="328" y="163"/>
                  <a:pt x="328" y="161"/>
                  <a:pt x="327" y="158"/>
                </a:cubicBezTo>
                <a:cubicBezTo>
                  <a:pt x="329" y="158"/>
                  <a:pt x="332" y="158"/>
                  <a:pt x="332" y="158"/>
                </a:cubicBezTo>
                <a:cubicBezTo>
                  <a:pt x="334" y="158"/>
                  <a:pt x="334" y="158"/>
                  <a:pt x="334" y="158"/>
                </a:cubicBezTo>
                <a:cubicBezTo>
                  <a:pt x="344" y="158"/>
                  <a:pt x="365" y="158"/>
                  <a:pt x="373" y="139"/>
                </a:cubicBezTo>
                <a:cubicBezTo>
                  <a:pt x="374" y="135"/>
                  <a:pt x="375" y="131"/>
                  <a:pt x="375" y="128"/>
                </a:cubicBezTo>
                <a:cubicBezTo>
                  <a:pt x="375" y="111"/>
                  <a:pt x="363" y="95"/>
                  <a:pt x="352" y="89"/>
                </a:cubicBezTo>
                <a:cubicBezTo>
                  <a:pt x="343" y="84"/>
                  <a:pt x="328" y="79"/>
                  <a:pt x="314" y="75"/>
                </a:cubicBezTo>
                <a:cubicBezTo>
                  <a:pt x="308" y="73"/>
                  <a:pt x="300" y="71"/>
                  <a:pt x="296" y="70"/>
                </a:cubicBezTo>
                <a:cubicBezTo>
                  <a:pt x="277" y="49"/>
                  <a:pt x="244" y="15"/>
                  <a:pt x="235" y="11"/>
                </a:cubicBezTo>
                <a:cubicBezTo>
                  <a:pt x="214" y="0"/>
                  <a:pt x="68" y="0"/>
                  <a:pt x="46" y="1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1" name="TextBox 300"/>
          <p:cNvSpPr txBox="1"/>
          <p:nvPr userDrawn="1"/>
        </p:nvSpPr>
        <p:spPr>
          <a:xfrm>
            <a:off x="2985173" y="4284666"/>
            <a:ext cx="1126319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Transportation</a:t>
            </a:r>
          </a:p>
        </p:txBody>
      </p:sp>
      <p:sp>
        <p:nvSpPr>
          <p:cNvPr id="302" name="Freeform 76"/>
          <p:cNvSpPr>
            <a:spLocks noChangeAspect="1"/>
          </p:cNvSpPr>
          <p:nvPr userDrawn="1"/>
        </p:nvSpPr>
        <p:spPr bwMode="auto">
          <a:xfrm>
            <a:off x="4268390" y="3831106"/>
            <a:ext cx="427715" cy="393192"/>
          </a:xfrm>
          <a:custGeom>
            <a:avLst/>
            <a:gdLst/>
            <a:ahLst/>
            <a:cxnLst>
              <a:cxn ang="0">
                <a:pos x="34" y="40"/>
              </a:cxn>
              <a:cxn ang="0">
                <a:pos x="74" y="80"/>
              </a:cxn>
              <a:cxn ang="0">
                <a:pos x="101" y="80"/>
              </a:cxn>
              <a:cxn ang="0">
                <a:pos x="101" y="129"/>
              </a:cxn>
              <a:cxn ang="0">
                <a:pos x="12" y="129"/>
              </a:cxn>
              <a:cxn ang="0">
                <a:pos x="0" y="141"/>
              </a:cxn>
              <a:cxn ang="0">
                <a:pos x="12" y="154"/>
              </a:cxn>
              <a:cxn ang="0">
                <a:pos x="113" y="154"/>
              </a:cxn>
              <a:cxn ang="0">
                <a:pos x="125" y="141"/>
              </a:cxn>
              <a:cxn ang="0">
                <a:pos x="125" y="68"/>
              </a:cxn>
              <a:cxn ang="0">
                <a:pos x="121" y="59"/>
              </a:cxn>
              <a:cxn ang="0">
                <a:pos x="113" y="55"/>
              </a:cxn>
              <a:cxn ang="0">
                <a:pos x="74" y="56"/>
              </a:cxn>
              <a:cxn ang="0">
                <a:pos x="59" y="40"/>
              </a:cxn>
              <a:cxn ang="0">
                <a:pos x="74" y="25"/>
              </a:cxn>
              <a:cxn ang="0">
                <a:pos x="192" y="25"/>
              </a:cxn>
              <a:cxn ang="0">
                <a:pos x="207" y="40"/>
              </a:cxn>
              <a:cxn ang="0">
                <a:pos x="192" y="56"/>
              </a:cxn>
              <a:cxn ang="0">
                <a:pos x="153" y="56"/>
              </a:cxn>
              <a:cxn ang="0">
                <a:pos x="144" y="59"/>
              </a:cxn>
              <a:cxn ang="0">
                <a:pos x="141" y="68"/>
              </a:cxn>
              <a:cxn ang="0">
                <a:pos x="141" y="140"/>
              </a:cxn>
              <a:cxn ang="0">
                <a:pos x="153" y="153"/>
              </a:cxn>
              <a:cxn ang="0">
                <a:pos x="198" y="153"/>
              </a:cxn>
              <a:cxn ang="0">
                <a:pos x="288" y="243"/>
              </a:cxn>
              <a:cxn ang="0">
                <a:pos x="288" y="264"/>
              </a:cxn>
              <a:cxn ang="0">
                <a:pos x="234" y="264"/>
              </a:cxn>
              <a:cxn ang="0">
                <a:pos x="234" y="243"/>
              </a:cxn>
              <a:cxn ang="0">
                <a:pos x="198" y="207"/>
              </a:cxn>
              <a:cxn ang="0">
                <a:pos x="12" y="207"/>
              </a:cxn>
              <a:cxn ang="0">
                <a:pos x="0" y="220"/>
              </a:cxn>
              <a:cxn ang="0">
                <a:pos x="12" y="232"/>
              </a:cxn>
              <a:cxn ang="0">
                <a:pos x="198" y="232"/>
              </a:cxn>
              <a:cxn ang="0">
                <a:pos x="209" y="243"/>
              </a:cxn>
              <a:cxn ang="0">
                <a:pos x="209" y="276"/>
              </a:cxn>
              <a:cxn ang="0">
                <a:pos x="221" y="288"/>
              </a:cxn>
              <a:cxn ang="0">
                <a:pos x="301" y="288"/>
              </a:cxn>
              <a:cxn ang="0">
                <a:pos x="313" y="276"/>
              </a:cxn>
              <a:cxn ang="0">
                <a:pos x="313" y="243"/>
              </a:cxn>
              <a:cxn ang="0">
                <a:pos x="198" y="128"/>
              </a:cxn>
              <a:cxn ang="0">
                <a:pos x="165" y="128"/>
              </a:cxn>
              <a:cxn ang="0">
                <a:pos x="165" y="80"/>
              </a:cxn>
              <a:cxn ang="0">
                <a:pos x="192" y="80"/>
              </a:cxn>
              <a:cxn ang="0">
                <a:pos x="232" y="40"/>
              </a:cxn>
              <a:cxn ang="0">
                <a:pos x="192" y="0"/>
              </a:cxn>
              <a:cxn ang="0">
                <a:pos x="74" y="0"/>
              </a:cxn>
              <a:cxn ang="0">
                <a:pos x="34" y="40"/>
              </a:cxn>
            </a:cxnLst>
            <a:rect l="0" t="0" r="r" b="b"/>
            <a:pathLst>
              <a:path w="313" h="288">
                <a:moveTo>
                  <a:pt x="34" y="40"/>
                </a:moveTo>
                <a:cubicBezTo>
                  <a:pt x="34" y="62"/>
                  <a:pt x="52" y="80"/>
                  <a:pt x="74" y="80"/>
                </a:cubicBezTo>
                <a:cubicBezTo>
                  <a:pt x="74" y="80"/>
                  <a:pt x="89" y="80"/>
                  <a:pt x="101" y="80"/>
                </a:cubicBezTo>
                <a:cubicBezTo>
                  <a:pt x="101" y="94"/>
                  <a:pt x="101" y="115"/>
                  <a:pt x="101" y="129"/>
                </a:cubicBezTo>
                <a:cubicBezTo>
                  <a:pt x="82" y="129"/>
                  <a:pt x="12" y="129"/>
                  <a:pt x="12" y="129"/>
                </a:cubicBezTo>
                <a:cubicBezTo>
                  <a:pt x="5" y="129"/>
                  <a:pt x="0" y="135"/>
                  <a:pt x="0" y="141"/>
                </a:cubicBezTo>
                <a:cubicBezTo>
                  <a:pt x="0" y="148"/>
                  <a:pt x="5" y="154"/>
                  <a:pt x="12" y="154"/>
                </a:cubicBezTo>
                <a:cubicBezTo>
                  <a:pt x="113" y="154"/>
                  <a:pt x="113" y="154"/>
                  <a:pt x="113" y="154"/>
                </a:cubicBezTo>
                <a:cubicBezTo>
                  <a:pt x="120" y="154"/>
                  <a:pt x="125" y="148"/>
                  <a:pt x="125" y="141"/>
                </a:cubicBezTo>
                <a:cubicBezTo>
                  <a:pt x="125" y="68"/>
                  <a:pt x="125" y="68"/>
                  <a:pt x="125" y="68"/>
                </a:cubicBezTo>
                <a:cubicBezTo>
                  <a:pt x="125" y="64"/>
                  <a:pt x="124" y="61"/>
                  <a:pt x="121" y="59"/>
                </a:cubicBezTo>
                <a:cubicBezTo>
                  <a:pt x="119" y="57"/>
                  <a:pt x="116" y="55"/>
                  <a:pt x="113" y="55"/>
                </a:cubicBezTo>
                <a:cubicBezTo>
                  <a:pt x="74" y="56"/>
                  <a:pt x="74" y="56"/>
                  <a:pt x="74" y="56"/>
                </a:cubicBezTo>
                <a:cubicBezTo>
                  <a:pt x="66" y="56"/>
                  <a:pt x="59" y="49"/>
                  <a:pt x="59" y="40"/>
                </a:cubicBezTo>
                <a:cubicBezTo>
                  <a:pt x="59" y="32"/>
                  <a:pt x="66" y="25"/>
                  <a:pt x="74" y="25"/>
                </a:cubicBezTo>
                <a:cubicBezTo>
                  <a:pt x="192" y="25"/>
                  <a:pt x="192" y="25"/>
                  <a:pt x="192" y="25"/>
                </a:cubicBezTo>
                <a:cubicBezTo>
                  <a:pt x="200" y="25"/>
                  <a:pt x="207" y="32"/>
                  <a:pt x="207" y="40"/>
                </a:cubicBezTo>
                <a:cubicBezTo>
                  <a:pt x="207" y="49"/>
                  <a:pt x="200" y="56"/>
                  <a:pt x="192" y="56"/>
                </a:cubicBezTo>
                <a:cubicBezTo>
                  <a:pt x="192" y="56"/>
                  <a:pt x="153" y="56"/>
                  <a:pt x="153" y="56"/>
                </a:cubicBezTo>
                <a:cubicBezTo>
                  <a:pt x="150" y="56"/>
                  <a:pt x="147" y="57"/>
                  <a:pt x="144" y="59"/>
                </a:cubicBezTo>
                <a:cubicBezTo>
                  <a:pt x="142" y="62"/>
                  <a:pt x="141" y="65"/>
                  <a:pt x="141" y="68"/>
                </a:cubicBezTo>
                <a:cubicBezTo>
                  <a:pt x="141" y="140"/>
                  <a:pt x="141" y="140"/>
                  <a:pt x="141" y="140"/>
                </a:cubicBezTo>
                <a:cubicBezTo>
                  <a:pt x="141" y="147"/>
                  <a:pt x="146" y="153"/>
                  <a:pt x="153" y="153"/>
                </a:cubicBezTo>
                <a:cubicBezTo>
                  <a:pt x="198" y="153"/>
                  <a:pt x="198" y="153"/>
                  <a:pt x="198" y="153"/>
                </a:cubicBezTo>
                <a:cubicBezTo>
                  <a:pt x="248" y="153"/>
                  <a:pt x="288" y="193"/>
                  <a:pt x="288" y="243"/>
                </a:cubicBezTo>
                <a:cubicBezTo>
                  <a:pt x="288" y="243"/>
                  <a:pt x="288" y="254"/>
                  <a:pt x="288" y="264"/>
                </a:cubicBezTo>
                <a:cubicBezTo>
                  <a:pt x="274" y="264"/>
                  <a:pt x="248" y="264"/>
                  <a:pt x="234" y="264"/>
                </a:cubicBezTo>
                <a:cubicBezTo>
                  <a:pt x="234" y="254"/>
                  <a:pt x="234" y="243"/>
                  <a:pt x="234" y="243"/>
                </a:cubicBezTo>
                <a:cubicBezTo>
                  <a:pt x="234" y="223"/>
                  <a:pt x="218" y="207"/>
                  <a:pt x="198" y="207"/>
                </a:cubicBezTo>
                <a:cubicBezTo>
                  <a:pt x="12" y="207"/>
                  <a:pt x="12" y="207"/>
                  <a:pt x="12" y="207"/>
                </a:cubicBezTo>
                <a:cubicBezTo>
                  <a:pt x="5" y="207"/>
                  <a:pt x="0" y="213"/>
                  <a:pt x="0" y="220"/>
                </a:cubicBezTo>
                <a:cubicBezTo>
                  <a:pt x="0" y="227"/>
                  <a:pt x="5" y="232"/>
                  <a:pt x="12" y="232"/>
                </a:cubicBezTo>
                <a:cubicBezTo>
                  <a:pt x="198" y="232"/>
                  <a:pt x="198" y="232"/>
                  <a:pt x="198" y="232"/>
                </a:cubicBezTo>
                <a:cubicBezTo>
                  <a:pt x="204" y="232"/>
                  <a:pt x="209" y="237"/>
                  <a:pt x="209" y="243"/>
                </a:cubicBezTo>
                <a:cubicBezTo>
                  <a:pt x="209" y="243"/>
                  <a:pt x="209" y="276"/>
                  <a:pt x="209" y="276"/>
                </a:cubicBezTo>
                <a:cubicBezTo>
                  <a:pt x="209" y="283"/>
                  <a:pt x="215" y="288"/>
                  <a:pt x="221" y="288"/>
                </a:cubicBezTo>
                <a:cubicBezTo>
                  <a:pt x="301" y="288"/>
                  <a:pt x="301" y="288"/>
                  <a:pt x="301" y="288"/>
                </a:cubicBezTo>
                <a:cubicBezTo>
                  <a:pt x="307" y="288"/>
                  <a:pt x="313" y="283"/>
                  <a:pt x="313" y="276"/>
                </a:cubicBezTo>
                <a:cubicBezTo>
                  <a:pt x="313" y="243"/>
                  <a:pt x="313" y="243"/>
                  <a:pt x="313" y="243"/>
                </a:cubicBezTo>
                <a:cubicBezTo>
                  <a:pt x="313" y="180"/>
                  <a:pt x="261" y="128"/>
                  <a:pt x="198" y="128"/>
                </a:cubicBezTo>
                <a:cubicBezTo>
                  <a:pt x="198" y="128"/>
                  <a:pt x="179" y="128"/>
                  <a:pt x="165" y="128"/>
                </a:cubicBezTo>
                <a:cubicBezTo>
                  <a:pt x="165" y="115"/>
                  <a:pt x="165" y="94"/>
                  <a:pt x="165" y="80"/>
                </a:cubicBezTo>
                <a:cubicBezTo>
                  <a:pt x="177" y="80"/>
                  <a:pt x="192" y="80"/>
                  <a:pt x="192" y="80"/>
                </a:cubicBezTo>
                <a:cubicBezTo>
                  <a:pt x="214" y="80"/>
                  <a:pt x="232" y="63"/>
                  <a:pt x="232" y="40"/>
                </a:cubicBezTo>
                <a:cubicBezTo>
                  <a:pt x="232" y="18"/>
                  <a:pt x="214" y="0"/>
                  <a:pt x="192" y="0"/>
                </a:cubicBezTo>
                <a:cubicBezTo>
                  <a:pt x="192" y="0"/>
                  <a:pt x="74" y="0"/>
                  <a:pt x="74" y="0"/>
                </a:cubicBezTo>
                <a:cubicBezTo>
                  <a:pt x="52" y="0"/>
                  <a:pt x="34" y="18"/>
                  <a:pt x="34" y="4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3" name="TextBox 302"/>
          <p:cNvSpPr txBox="1"/>
          <p:nvPr userDrawn="1"/>
        </p:nvSpPr>
        <p:spPr>
          <a:xfrm>
            <a:off x="3947784" y="4284666"/>
            <a:ext cx="1088520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Water &amp; 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waste water</a:t>
            </a:r>
          </a:p>
        </p:txBody>
      </p:sp>
      <p:sp>
        <p:nvSpPr>
          <p:cNvPr id="304" name="Freeform 120"/>
          <p:cNvSpPr>
            <a:spLocks noChangeAspect="1"/>
          </p:cNvSpPr>
          <p:nvPr userDrawn="1"/>
        </p:nvSpPr>
        <p:spPr bwMode="auto">
          <a:xfrm>
            <a:off x="5194806" y="3004938"/>
            <a:ext cx="473683" cy="362948"/>
          </a:xfrm>
          <a:custGeom>
            <a:avLst/>
            <a:gdLst/>
            <a:ahLst/>
            <a:cxnLst>
              <a:cxn ang="0">
                <a:pos x="344" y="10"/>
              </a:cxn>
              <a:cxn ang="0">
                <a:pos x="334" y="27"/>
              </a:cxn>
              <a:cxn ang="0">
                <a:pos x="160" y="118"/>
              </a:cxn>
              <a:cxn ang="0">
                <a:pos x="55" y="128"/>
              </a:cxn>
              <a:cxn ang="0">
                <a:pos x="35" y="237"/>
              </a:cxn>
              <a:cxn ang="0">
                <a:pos x="97" y="259"/>
              </a:cxn>
              <a:cxn ang="0">
                <a:pos x="34" y="263"/>
              </a:cxn>
              <a:cxn ang="0">
                <a:pos x="34" y="333"/>
              </a:cxn>
              <a:cxn ang="0">
                <a:pos x="292" y="298"/>
              </a:cxn>
              <a:cxn ang="0">
                <a:pos x="201" y="263"/>
              </a:cxn>
              <a:cxn ang="0">
                <a:pos x="204" y="259"/>
              </a:cxn>
              <a:cxn ang="0">
                <a:pos x="217" y="167"/>
              </a:cxn>
              <a:cxn ang="0">
                <a:pos x="269" y="106"/>
              </a:cxn>
              <a:cxn ang="0">
                <a:pos x="350" y="73"/>
              </a:cxn>
              <a:cxn ang="0">
                <a:pos x="333" y="60"/>
              </a:cxn>
              <a:cxn ang="0">
                <a:pos x="259" y="81"/>
              </a:cxn>
              <a:cxn ang="0">
                <a:pos x="198" y="142"/>
              </a:cxn>
              <a:cxn ang="0">
                <a:pos x="189" y="166"/>
              </a:cxn>
              <a:cxn ang="0">
                <a:pos x="198" y="232"/>
              </a:cxn>
              <a:cxn ang="0">
                <a:pos x="175" y="246"/>
              </a:cxn>
              <a:cxn ang="0">
                <a:pos x="188" y="290"/>
              </a:cxn>
              <a:cxn ang="0">
                <a:pos x="265" y="298"/>
              </a:cxn>
              <a:cxn ang="0">
                <a:pos x="34" y="306"/>
              </a:cxn>
              <a:cxn ang="0">
                <a:pos x="34" y="290"/>
              </a:cxn>
              <a:cxn ang="0">
                <a:pos x="123" y="277"/>
              </a:cxn>
              <a:cxn ang="0">
                <a:pos x="110" y="232"/>
              </a:cxn>
              <a:cxn ang="0">
                <a:pos x="61" y="155"/>
              </a:cxn>
              <a:cxn ang="0">
                <a:pos x="181" y="145"/>
              </a:cxn>
              <a:cxn ang="0">
                <a:pos x="233" y="77"/>
              </a:cxn>
              <a:cxn ang="0">
                <a:pos x="348" y="50"/>
              </a:cxn>
              <a:cxn ang="0">
                <a:pos x="354" y="45"/>
              </a:cxn>
              <a:cxn ang="0">
                <a:pos x="371" y="41"/>
              </a:cxn>
              <a:cxn ang="0">
                <a:pos x="388" y="175"/>
              </a:cxn>
              <a:cxn ang="0">
                <a:pos x="405" y="190"/>
              </a:cxn>
              <a:cxn ang="0">
                <a:pos x="404" y="201"/>
              </a:cxn>
              <a:cxn ang="0">
                <a:pos x="394" y="209"/>
              </a:cxn>
              <a:cxn ang="0">
                <a:pos x="330" y="245"/>
              </a:cxn>
              <a:cxn ang="0">
                <a:pos x="348" y="257"/>
              </a:cxn>
              <a:cxn ang="0">
                <a:pos x="403" y="234"/>
              </a:cxn>
              <a:cxn ang="0">
                <a:pos x="433" y="194"/>
              </a:cxn>
              <a:cxn ang="0">
                <a:pos x="411" y="156"/>
              </a:cxn>
              <a:cxn ang="0">
                <a:pos x="406" y="154"/>
              </a:cxn>
              <a:cxn ang="0">
                <a:pos x="393" y="25"/>
              </a:cxn>
              <a:cxn ang="0">
                <a:pos x="374" y="6"/>
              </a:cxn>
            </a:cxnLst>
            <a:rect l="0" t="0" r="r" b="b"/>
            <a:pathLst>
              <a:path w="433" h="333">
                <a:moveTo>
                  <a:pt x="358" y="0"/>
                </a:moveTo>
                <a:cubicBezTo>
                  <a:pt x="351" y="1"/>
                  <a:pt x="346" y="6"/>
                  <a:pt x="344" y="10"/>
                </a:cubicBezTo>
                <a:cubicBezTo>
                  <a:pt x="344" y="10"/>
                  <a:pt x="345" y="9"/>
                  <a:pt x="345" y="9"/>
                </a:cubicBezTo>
                <a:cubicBezTo>
                  <a:pt x="345" y="9"/>
                  <a:pt x="337" y="21"/>
                  <a:pt x="334" y="27"/>
                </a:cubicBezTo>
                <a:cubicBezTo>
                  <a:pt x="325" y="29"/>
                  <a:pt x="227" y="51"/>
                  <a:pt x="227" y="51"/>
                </a:cubicBezTo>
                <a:cubicBezTo>
                  <a:pt x="192" y="60"/>
                  <a:pt x="169" y="82"/>
                  <a:pt x="160" y="118"/>
                </a:cubicBezTo>
                <a:cubicBezTo>
                  <a:pt x="160" y="118"/>
                  <a:pt x="159" y="123"/>
                  <a:pt x="157" y="128"/>
                </a:cubicBezTo>
                <a:cubicBezTo>
                  <a:pt x="140" y="128"/>
                  <a:pt x="55" y="128"/>
                  <a:pt x="55" y="128"/>
                </a:cubicBezTo>
                <a:cubicBezTo>
                  <a:pt x="44" y="128"/>
                  <a:pt x="35" y="137"/>
                  <a:pt x="35" y="148"/>
                </a:cubicBezTo>
                <a:cubicBezTo>
                  <a:pt x="35" y="148"/>
                  <a:pt x="35" y="237"/>
                  <a:pt x="35" y="237"/>
                </a:cubicBezTo>
                <a:cubicBezTo>
                  <a:pt x="35" y="249"/>
                  <a:pt x="44" y="259"/>
                  <a:pt x="56" y="259"/>
                </a:cubicBezTo>
                <a:cubicBezTo>
                  <a:pt x="56" y="259"/>
                  <a:pt x="82" y="259"/>
                  <a:pt x="97" y="259"/>
                </a:cubicBezTo>
                <a:cubicBezTo>
                  <a:pt x="97" y="261"/>
                  <a:pt x="97" y="261"/>
                  <a:pt x="97" y="263"/>
                </a:cubicBezTo>
                <a:cubicBezTo>
                  <a:pt x="78" y="263"/>
                  <a:pt x="34" y="263"/>
                  <a:pt x="34" y="263"/>
                </a:cubicBezTo>
                <a:cubicBezTo>
                  <a:pt x="15" y="263"/>
                  <a:pt x="0" y="279"/>
                  <a:pt x="0" y="298"/>
                </a:cubicBezTo>
                <a:cubicBezTo>
                  <a:pt x="0" y="317"/>
                  <a:pt x="15" y="333"/>
                  <a:pt x="34" y="333"/>
                </a:cubicBezTo>
                <a:cubicBezTo>
                  <a:pt x="257" y="333"/>
                  <a:pt x="257" y="333"/>
                  <a:pt x="257" y="333"/>
                </a:cubicBezTo>
                <a:cubicBezTo>
                  <a:pt x="277" y="333"/>
                  <a:pt x="292" y="317"/>
                  <a:pt x="292" y="298"/>
                </a:cubicBezTo>
                <a:cubicBezTo>
                  <a:pt x="292" y="279"/>
                  <a:pt x="277" y="263"/>
                  <a:pt x="257" y="263"/>
                </a:cubicBezTo>
                <a:cubicBezTo>
                  <a:pt x="257" y="263"/>
                  <a:pt x="219" y="263"/>
                  <a:pt x="201" y="263"/>
                </a:cubicBezTo>
                <a:cubicBezTo>
                  <a:pt x="201" y="261"/>
                  <a:pt x="201" y="261"/>
                  <a:pt x="201" y="259"/>
                </a:cubicBezTo>
                <a:cubicBezTo>
                  <a:pt x="202" y="259"/>
                  <a:pt x="204" y="259"/>
                  <a:pt x="204" y="259"/>
                </a:cubicBezTo>
                <a:cubicBezTo>
                  <a:pt x="216" y="259"/>
                  <a:pt x="225" y="250"/>
                  <a:pt x="225" y="239"/>
                </a:cubicBezTo>
                <a:cubicBezTo>
                  <a:pt x="225" y="209"/>
                  <a:pt x="222" y="185"/>
                  <a:pt x="217" y="167"/>
                </a:cubicBezTo>
                <a:cubicBezTo>
                  <a:pt x="219" y="162"/>
                  <a:pt x="223" y="151"/>
                  <a:pt x="223" y="151"/>
                </a:cubicBezTo>
                <a:cubicBezTo>
                  <a:pt x="230" y="130"/>
                  <a:pt x="246" y="115"/>
                  <a:pt x="269" y="106"/>
                </a:cubicBezTo>
                <a:cubicBezTo>
                  <a:pt x="270" y="105"/>
                  <a:pt x="341" y="85"/>
                  <a:pt x="341" y="85"/>
                </a:cubicBezTo>
                <a:cubicBezTo>
                  <a:pt x="347" y="84"/>
                  <a:pt x="350" y="78"/>
                  <a:pt x="350" y="73"/>
                </a:cubicBezTo>
                <a:cubicBezTo>
                  <a:pt x="350" y="71"/>
                  <a:pt x="350" y="70"/>
                  <a:pt x="350" y="69"/>
                </a:cubicBezTo>
                <a:cubicBezTo>
                  <a:pt x="348" y="62"/>
                  <a:pt x="341" y="58"/>
                  <a:pt x="333" y="60"/>
                </a:cubicBezTo>
                <a:cubicBezTo>
                  <a:pt x="260" y="80"/>
                  <a:pt x="260" y="80"/>
                  <a:pt x="260" y="80"/>
                </a:cubicBezTo>
                <a:cubicBezTo>
                  <a:pt x="260" y="80"/>
                  <a:pt x="260" y="81"/>
                  <a:pt x="259" y="81"/>
                </a:cubicBezTo>
                <a:cubicBezTo>
                  <a:pt x="229" y="93"/>
                  <a:pt x="208" y="114"/>
                  <a:pt x="198" y="142"/>
                </a:cubicBezTo>
                <a:cubicBezTo>
                  <a:pt x="198" y="142"/>
                  <a:pt x="198" y="142"/>
                  <a:pt x="198" y="142"/>
                </a:cubicBezTo>
                <a:cubicBezTo>
                  <a:pt x="190" y="162"/>
                  <a:pt x="190" y="162"/>
                  <a:pt x="190" y="162"/>
                </a:cubicBezTo>
                <a:cubicBezTo>
                  <a:pt x="190" y="163"/>
                  <a:pt x="189" y="165"/>
                  <a:pt x="189" y="166"/>
                </a:cubicBezTo>
                <a:cubicBezTo>
                  <a:pt x="189" y="168"/>
                  <a:pt x="190" y="169"/>
                  <a:pt x="190" y="171"/>
                </a:cubicBezTo>
                <a:cubicBezTo>
                  <a:pt x="195" y="185"/>
                  <a:pt x="197" y="206"/>
                  <a:pt x="198" y="232"/>
                </a:cubicBezTo>
                <a:cubicBezTo>
                  <a:pt x="193" y="232"/>
                  <a:pt x="188" y="232"/>
                  <a:pt x="188" y="232"/>
                </a:cubicBezTo>
                <a:cubicBezTo>
                  <a:pt x="181" y="232"/>
                  <a:pt x="175" y="238"/>
                  <a:pt x="175" y="246"/>
                </a:cubicBezTo>
                <a:cubicBezTo>
                  <a:pt x="175" y="277"/>
                  <a:pt x="175" y="277"/>
                  <a:pt x="175" y="277"/>
                </a:cubicBezTo>
                <a:cubicBezTo>
                  <a:pt x="175" y="284"/>
                  <a:pt x="181" y="290"/>
                  <a:pt x="188" y="290"/>
                </a:cubicBezTo>
                <a:cubicBezTo>
                  <a:pt x="257" y="290"/>
                  <a:pt x="257" y="290"/>
                  <a:pt x="257" y="290"/>
                </a:cubicBezTo>
                <a:cubicBezTo>
                  <a:pt x="262" y="290"/>
                  <a:pt x="265" y="294"/>
                  <a:pt x="265" y="298"/>
                </a:cubicBezTo>
                <a:cubicBezTo>
                  <a:pt x="265" y="303"/>
                  <a:pt x="262" y="306"/>
                  <a:pt x="257" y="306"/>
                </a:cubicBezTo>
                <a:cubicBezTo>
                  <a:pt x="34" y="306"/>
                  <a:pt x="34" y="306"/>
                  <a:pt x="34" y="306"/>
                </a:cubicBezTo>
                <a:cubicBezTo>
                  <a:pt x="30" y="306"/>
                  <a:pt x="26" y="303"/>
                  <a:pt x="26" y="298"/>
                </a:cubicBezTo>
                <a:cubicBezTo>
                  <a:pt x="26" y="294"/>
                  <a:pt x="30" y="290"/>
                  <a:pt x="34" y="290"/>
                </a:cubicBezTo>
                <a:cubicBezTo>
                  <a:pt x="110" y="290"/>
                  <a:pt x="110" y="290"/>
                  <a:pt x="110" y="290"/>
                </a:cubicBezTo>
                <a:cubicBezTo>
                  <a:pt x="117" y="290"/>
                  <a:pt x="123" y="284"/>
                  <a:pt x="123" y="277"/>
                </a:cubicBezTo>
                <a:cubicBezTo>
                  <a:pt x="123" y="246"/>
                  <a:pt x="123" y="246"/>
                  <a:pt x="123" y="246"/>
                </a:cubicBezTo>
                <a:cubicBezTo>
                  <a:pt x="123" y="238"/>
                  <a:pt x="117" y="232"/>
                  <a:pt x="110" y="232"/>
                </a:cubicBezTo>
                <a:cubicBezTo>
                  <a:pt x="110" y="232"/>
                  <a:pt x="69" y="232"/>
                  <a:pt x="61" y="232"/>
                </a:cubicBezTo>
                <a:cubicBezTo>
                  <a:pt x="61" y="218"/>
                  <a:pt x="61" y="172"/>
                  <a:pt x="61" y="155"/>
                </a:cubicBezTo>
                <a:cubicBezTo>
                  <a:pt x="73" y="155"/>
                  <a:pt x="168" y="155"/>
                  <a:pt x="168" y="155"/>
                </a:cubicBezTo>
                <a:cubicBezTo>
                  <a:pt x="174" y="155"/>
                  <a:pt x="179" y="151"/>
                  <a:pt x="181" y="145"/>
                </a:cubicBezTo>
                <a:cubicBezTo>
                  <a:pt x="186" y="125"/>
                  <a:pt x="186" y="125"/>
                  <a:pt x="186" y="125"/>
                </a:cubicBezTo>
                <a:cubicBezTo>
                  <a:pt x="193" y="98"/>
                  <a:pt x="208" y="83"/>
                  <a:pt x="233" y="77"/>
                </a:cubicBezTo>
                <a:cubicBezTo>
                  <a:pt x="233" y="77"/>
                  <a:pt x="345" y="51"/>
                  <a:pt x="345" y="51"/>
                </a:cubicBezTo>
                <a:cubicBezTo>
                  <a:pt x="346" y="51"/>
                  <a:pt x="347" y="51"/>
                  <a:pt x="348" y="50"/>
                </a:cubicBezTo>
                <a:cubicBezTo>
                  <a:pt x="349" y="49"/>
                  <a:pt x="349" y="49"/>
                  <a:pt x="349" y="49"/>
                </a:cubicBezTo>
                <a:cubicBezTo>
                  <a:pt x="351" y="48"/>
                  <a:pt x="352" y="47"/>
                  <a:pt x="354" y="45"/>
                </a:cubicBezTo>
                <a:cubicBezTo>
                  <a:pt x="354" y="45"/>
                  <a:pt x="358" y="38"/>
                  <a:pt x="362" y="32"/>
                </a:cubicBezTo>
                <a:cubicBezTo>
                  <a:pt x="366" y="36"/>
                  <a:pt x="368" y="38"/>
                  <a:pt x="371" y="41"/>
                </a:cubicBezTo>
                <a:cubicBezTo>
                  <a:pt x="372" y="50"/>
                  <a:pt x="380" y="164"/>
                  <a:pt x="380" y="164"/>
                </a:cubicBezTo>
                <a:cubicBezTo>
                  <a:pt x="381" y="169"/>
                  <a:pt x="384" y="173"/>
                  <a:pt x="388" y="175"/>
                </a:cubicBezTo>
                <a:cubicBezTo>
                  <a:pt x="388" y="175"/>
                  <a:pt x="399" y="180"/>
                  <a:pt x="400" y="180"/>
                </a:cubicBezTo>
                <a:cubicBezTo>
                  <a:pt x="402" y="181"/>
                  <a:pt x="403" y="184"/>
                  <a:pt x="405" y="190"/>
                </a:cubicBezTo>
                <a:cubicBezTo>
                  <a:pt x="406" y="191"/>
                  <a:pt x="406" y="193"/>
                  <a:pt x="406" y="194"/>
                </a:cubicBezTo>
                <a:cubicBezTo>
                  <a:pt x="406" y="196"/>
                  <a:pt x="405" y="199"/>
                  <a:pt x="404" y="201"/>
                </a:cubicBezTo>
                <a:cubicBezTo>
                  <a:pt x="402" y="205"/>
                  <a:pt x="399" y="208"/>
                  <a:pt x="395" y="209"/>
                </a:cubicBezTo>
                <a:cubicBezTo>
                  <a:pt x="395" y="209"/>
                  <a:pt x="394" y="209"/>
                  <a:pt x="394" y="209"/>
                </a:cubicBezTo>
                <a:cubicBezTo>
                  <a:pt x="338" y="232"/>
                  <a:pt x="338" y="232"/>
                  <a:pt x="338" y="232"/>
                </a:cubicBezTo>
                <a:cubicBezTo>
                  <a:pt x="333" y="234"/>
                  <a:pt x="330" y="239"/>
                  <a:pt x="330" y="245"/>
                </a:cubicBezTo>
                <a:cubicBezTo>
                  <a:pt x="330" y="246"/>
                  <a:pt x="330" y="248"/>
                  <a:pt x="331" y="250"/>
                </a:cubicBezTo>
                <a:cubicBezTo>
                  <a:pt x="334" y="256"/>
                  <a:pt x="341" y="260"/>
                  <a:pt x="348" y="257"/>
                </a:cubicBezTo>
                <a:cubicBezTo>
                  <a:pt x="404" y="234"/>
                  <a:pt x="404" y="234"/>
                  <a:pt x="404" y="234"/>
                </a:cubicBezTo>
                <a:cubicBezTo>
                  <a:pt x="404" y="234"/>
                  <a:pt x="404" y="234"/>
                  <a:pt x="403" y="234"/>
                </a:cubicBezTo>
                <a:cubicBezTo>
                  <a:pt x="414" y="231"/>
                  <a:pt x="423" y="223"/>
                  <a:pt x="428" y="213"/>
                </a:cubicBezTo>
                <a:cubicBezTo>
                  <a:pt x="431" y="207"/>
                  <a:pt x="433" y="200"/>
                  <a:pt x="433" y="194"/>
                </a:cubicBezTo>
                <a:cubicBezTo>
                  <a:pt x="433" y="190"/>
                  <a:pt x="432" y="186"/>
                  <a:pt x="431" y="182"/>
                </a:cubicBezTo>
                <a:cubicBezTo>
                  <a:pt x="428" y="173"/>
                  <a:pt x="423" y="162"/>
                  <a:pt x="411" y="156"/>
                </a:cubicBezTo>
                <a:cubicBezTo>
                  <a:pt x="411" y="156"/>
                  <a:pt x="411" y="156"/>
                  <a:pt x="411" y="156"/>
                </a:cubicBezTo>
                <a:cubicBezTo>
                  <a:pt x="411" y="156"/>
                  <a:pt x="408" y="155"/>
                  <a:pt x="406" y="154"/>
                </a:cubicBezTo>
                <a:cubicBezTo>
                  <a:pt x="405" y="140"/>
                  <a:pt x="398" y="33"/>
                  <a:pt x="398" y="33"/>
                </a:cubicBezTo>
                <a:cubicBezTo>
                  <a:pt x="397" y="30"/>
                  <a:pt x="396" y="27"/>
                  <a:pt x="393" y="25"/>
                </a:cubicBezTo>
                <a:cubicBezTo>
                  <a:pt x="374" y="6"/>
                  <a:pt x="374" y="6"/>
                  <a:pt x="374" y="6"/>
                </a:cubicBezTo>
                <a:cubicBezTo>
                  <a:pt x="374" y="6"/>
                  <a:pt x="374" y="6"/>
                  <a:pt x="374" y="6"/>
                </a:cubicBezTo>
                <a:cubicBezTo>
                  <a:pt x="368" y="0"/>
                  <a:pt x="361" y="0"/>
                  <a:pt x="358" y="0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5" name="TextBox 304"/>
          <p:cNvSpPr txBox="1"/>
          <p:nvPr userDrawn="1"/>
        </p:nvSpPr>
        <p:spPr>
          <a:xfrm>
            <a:off x="4902556" y="3463575"/>
            <a:ext cx="1060977" cy="24622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ining, minerals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&amp; metals</a:t>
            </a:r>
          </a:p>
        </p:txBody>
      </p:sp>
      <p:sp>
        <p:nvSpPr>
          <p:cNvPr id="306" name="Freeform 112"/>
          <p:cNvSpPr>
            <a:spLocks noChangeAspect="1"/>
          </p:cNvSpPr>
          <p:nvPr userDrawn="1"/>
        </p:nvSpPr>
        <p:spPr bwMode="auto">
          <a:xfrm>
            <a:off x="4230516" y="2195360"/>
            <a:ext cx="500144" cy="393192"/>
          </a:xfrm>
          <a:custGeom>
            <a:avLst/>
            <a:gdLst/>
            <a:ahLst/>
            <a:cxnLst>
              <a:cxn ang="0">
                <a:pos x="49" y="5"/>
              </a:cxn>
              <a:cxn ang="0">
                <a:pos x="32" y="98"/>
              </a:cxn>
              <a:cxn ang="0">
                <a:pos x="0" y="335"/>
              </a:cxn>
              <a:cxn ang="0">
                <a:pos x="26" y="335"/>
              </a:cxn>
              <a:cxn ang="0">
                <a:pos x="58" y="107"/>
              </a:cxn>
              <a:cxn ang="0">
                <a:pos x="59" y="34"/>
              </a:cxn>
              <a:cxn ang="0">
                <a:pos x="78" y="27"/>
              </a:cxn>
              <a:cxn ang="0">
                <a:pos x="95" y="29"/>
              </a:cxn>
              <a:cxn ang="0">
                <a:pos x="97" y="101"/>
              </a:cxn>
              <a:cxn ang="0">
                <a:pos x="130" y="183"/>
              </a:cxn>
              <a:cxn ang="0">
                <a:pos x="143" y="349"/>
              </a:cxn>
              <a:cxn ang="0">
                <a:pos x="283" y="338"/>
              </a:cxn>
              <a:cxn ang="0">
                <a:pos x="275" y="323"/>
              </a:cxn>
              <a:cxn ang="0">
                <a:pos x="235" y="256"/>
              </a:cxn>
              <a:cxn ang="0">
                <a:pos x="302" y="173"/>
              </a:cxn>
              <a:cxn ang="0">
                <a:pos x="302" y="163"/>
              </a:cxn>
              <a:cxn ang="0">
                <a:pos x="299" y="116"/>
              </a:cxn>
              <a:cxn ang="0">
                <a:pos x="322" y="154"/>
              </a:cxn>
              <a:cxn ang="0">
                <a:pos x="366" y="129"/>
              </a:cxn>
              <a:cxn ang="0">
                <a:pos x="378" y="151"/>
              </a:cxn>
              <a:cxn ang="0">
                <a:pos x="349" y="172"/>
              </a:cxn>
              <a:cxn ang="0">
                <a:pos x="357" y="184"/>
              </a:cxn>
              <a:cxn ang="0">
                <a:pos x="390" y="303"/>
              </a:cxn>
              <a:cxn ang="0">
                <a:pos x="358" y="335"/>
              </a:cxn>
              <a:cxn ang="0">
                <a:pos x="378" y="347"/>
              </a:cxn>
              <a:cxn ang="0">
                <a:pos x="433" y="256"/>
              </a:cxn>
              <a:cxn ang="0">
                <a:pos x="446" y="113"/>
              </a:cxn>
              <a:cxn ang="0">
                <a:pos x="445" y="102"/>
              </a:cxn>
              <a:cxn ang="0">
                <a:pos x="354" y="106"/>
              </a:cxn>
              <a:cxn ang="0">
                <a:pos x="314" y="92"/>
              </a:cxn>
              <a:cxn ang="0">
                <a:pos x="251" y="102"/>
              </a:cxn>
              <a:cxn ang="0">
                <a:pos x="242" y="115"/>
              </a:cxn>
              <a:cxn ang="0">
                <a:pos x="272" y="160"/>
              </a:cxn>
              <a:cxn ang="0">
                <a:pos x="208" y="256"/>
              </a:cxn>
              <a:cxn ang="0">
                <a:pos x="232" y="322"/>
              </a:cxn>
              <a:cxn ang="0">
                <a:pos x="157" y="183"/>
              </a:cxn>
              <a:cxn ang="0">
                <a:pos x="124" y="34"/>
              </a:cxn>
              <a:cxn ang="0">
                <a:pos x="79" y="0"/>
              </a:cxn>
            </a:cxnLst>
            <a:rect l="0" t="0" r="r" b="b"/>
            <a:pathLst>
              <a:path w="447" h="351">
                <a:moveTo>
                  <a:pt x="78" y="0"/>
                </a:moveTo>
                <a:cubicBezTo>
                  <a:pt x="69" y="0"/>
                  <a:pt x="58" y="1"/>
                  <a:pt x="49" y="5"/>
                </a:cubicBezTo>
                <a:cubicBezTo>
                  <a:pt x="38" y="11"/>
                  <a:pt x="32" y="21"/>
                  <a:pt x="32" y="34"/>
                </a:cubicBezTo>
                <a:cubicBezTo>
                  <a:pt x="32" y="34"/>
                  <a:pt x="32" y="92"/>
                  <a:pt x="32" y="98"/>
                </a:cubicBezTo>
                <a:cubicBezTo>
                  <a:pt x="23" y="116"/>
                  <a:pt x="0" y="165"/>
                  <a:pt x="0" y="183"/>
                </a:cubicBezTo>
                <a:cubicBezTo>
                  <a:pt x="0" y="335"/>
                  <a:pt x="0" y="335"/>
                  <a:pt x="0" y="335"/>
                </a:cubicBezTo>
                <a:cubicBezTo>
                  <a:pt x="0" y="343"/>
                  <a:pt x="6" y="349"/>
                  <a:pt x="13" y="349"/>
                </a:cubicBezTo>
                <a:cubicBezTo>
                  <a:pt x="20" y="349"/>
                  <a:pt x="26" y="343"/>
                  <a:pt x="26" y="335"/>
                </a:cubicBezTo>
                <a:cubicBezTo>
                  <a:pt x="26" y="183"/>
                  <a:pt x="26" y="183"/>
                  <a:pt x="26" y="183"/>
                </a:cubicBezTo>
                <a:cubicBezTo>
                  <a:pt x="26" y="175"/>
                  <a:pt x="42" y="137"/>
                  <a:pt x="58" y="107"/>
                </a:cubicBezTo>
                <a:cubicBezTo>
                  <a:pt x="58" y="105"/>
                  <a:pt x="59" y="103"/>
                  <a:pt x="59" y="101"/>
                </a:cubicBezTo>
                <a:cubicBezTo>
                  <a:pt x="59" y="34"/>
                  <a:pt x="59" y="34"/>
                  <a:pt x="59" y="34"/>
                </a:cubicBezTo>
                <a:cubicBezTo>
                  <a:pt x="59" y="30"/>
                  <a:pt x="60" y="29"/>
                  <a:pt x="61" y="29"/>
                </a:cubicBezTo>
                <a:cubicBezTo>
                  <a:pt x="64" y="27"/>
                  <a:pt x="70" y="27"/>
                  <a:pt x="78" y="27"/>
                </a:cubicBezTo>
                <a:cubicBezTo>
                  <a:pt x="79" y="27"/>
                  <a:pt x="79" y="27"/>
                  <a:pt x="79" y="27"/>
                </a:cubicBezTo>
                <a:cubicBezTo>
                  <a:pt x="87" y="27"/>
                  <a:pt x="92" y="27"/>
                  <a:pt x="95" y="29"/>
                </a:cubicBezTo>
                <a:cubicBezTo>
                  <a:pt x="96" y="29"/>
                  <a:pt x="97" y="30"/>
                  <a:pt x="97" y="34"/>
                </a:cubicBezTo>
                <a:cubicBezTo>
                  <a:pt x="97" y="101"/>
                  <a:pt x="97" y="101"/>
                  <a:pt x="97" y="101"/>
                </a:cubicBezTo>
                <a:cubicBezTo>
                  <a:pt x="97" y="103"/>
                  <a:pt x="98" y="105"/>
                  <a:pt x="99" y="107"/>
                </a:cubicBezTo>
                <a:cubicBezTo>
                  <a:pt x="114" y="137"/>
                  <a:pt x="130" y="175"/>
                  <a:pt x="130" y="183"/>
                </a:cubicBezTo>
                <a:cubicBezTo>
                  <a:pt x="130" y="335"/>
                  <a:pt x="130" y="335"/>
                  <a:pt x="130" y="335"/>
                </a:cubicBezTo>
                <a:cubicBezTo>
                  <a:pt x="130" y="343"/>
                  <a:pt x="136" y="349"/>
                  <a:pt x="143" y="349"/>
                </a:cubicBezTo>
                <a:cubicBezTo>
                  <a:pt x="270" y="349"/>
                  <a:pt x="270" y="349"/>
                  <a:pt x="270" y="349"/>
                </a:cubicBezTo>
                <a:cubicBezTo>
                  <a:pt x="276" y="349"/>
                  <a:pt x="282" y="344"/>
                  <a:pt x="283" y="338"/>
                </a:cubicBezTo>
                <a:cubicBezTo>
                  <a:pt x="283" y="337"/>
                  <a:pt x="283" y="336"/>
                  <a:pt x="283" y="335"/>
                </a:cubicBezTo>
                <a:cubicBezTo>
                  <a:pt x="283" y="330"/>
                  <a:pt x="280" y="325"/>
                  <a:pt x="275" y="323"/>
                </a:cubicBezTo>
                <a:cubicBezTo>
                  <a:pt x="274" y="323"/>
                  <a:pt x="253" y="314"/>
                  <a:pt x="241" y="286"/>
                </a:cubicBezTo>
                <a:cubicBezTo>
                  <a:pt x="237" y="276"/>
                  <a:pt x="235" y="266"/>
                  <a:pt x="235" y="256"/>
                </a:cubicBezTo>
                <a:cubicBezTo>
                  <a:pt x="235" y="221"/>
                  <a:pt x="259" y="191"/>
                  <a:pt x="294" y="180"/>
                </a:cubicBezTo>
                <a:cubicBezTo>
                  <a:pt x="297" y="179"/>
                  <a:pt x="300" y="177"/>
                  <a:pt x="302" y="173"/>
                </a:cubicBezTo>
                <a:cubicBezTo>
                  <a:pt x="303" y="172"/>
                  <a:pt x="303" y="170"/>
                  <a:pt x="303" y="168"/>
                </a:cubicBezTo>
                <a:cubicBezTo>
                  <a:pt x="303" y="166"/>
                  <a:pt x="303" y="164"/>
                  <a:pt x="302" y="163"/>
                </a:cubicBezTo>
                <a:cubicBezTo>
                  <a:pt x="295" y="144"/>
                  <a:pt x="288" y="133"/>
                  <a:pt x="279" y="122"/>
                </a:cubicBezTo>
                <a:cubicBezTo>
                  <a:pt x="289" y="119"/>
                  <a:pt x="293" y="118"/>
                  <a:pt x="299" y="116"/>
                </a:cubicBezTo>
                <a:cubicBezTo>
                  <a:pt x="303" y="123"/>
                  <a:pt x="309" y="133"/>
                  <a:pt x="313" y="145"/>
                </a:cubicBezTo>
                <a:cubicBezTo>
                  <a:pt x="314" y="150"/>
                  <a:pt x="317" y="153"/>
                  <a:pt x="322" y="154"/>
                </a:cubicBezTo>
                <a:cubicBezTo>
                  <a:pt x="326" y="156"/>
                  <a:pt x="331" y="155"/>
                  <a:pt x="335" y="151"/>
                </a:cubicBezTo>
                <a:cubicBezTo>
                  <a:pt x="343" y="144"/>
                  <a:pt x="354" y="136"/>
                  <a:pt x="366" y="129"/>
                </a:cubicBezTo>
                <a:cubicBezTo>
                  <a:pt x="382" y="121"/>
                  <a:pt x="399" y="119"/>
                  <a:pt x="412" y="119"/>
                </a:cubicBezTo>
                <a:cubicBezTo>
                  <a:pt x="404" y="130"/>
                  <a:pt x="393" y="143"/>
                  <a:pt x="378" y="151"/>
                </a:cubicBezTo>
                <a:cubicBezTo>
                  <a:pt x="371" y="154"/>
                  <a:pt x="365" y="157"/>
                  <a:pt x="358" y="159"/>
                </a:cubicBezTo>
                <a:cubicBezTo>
                  <a:pt x="353" y="161"/>
                  <a:pt x="350" y="166"/>
                  <a:pt x="349" y="172"/>
                </a:cubicBezTo>
                <a:cubicBezTo>
                  <a:pt x="349" y="172"/>
                  <a:pt x="349" y="172"/>
                  <a:pt x="349" y="172"/>
                </a:cubicBezTo>
                <a:cubicBezTo>
                  <a:pt x="349" y="177"/>
                  <a:pt x="353" y="182"/>
                  <a:pt x="357" y="184"/>
                </a:cubicBezTo>
                <a:cubicBezTo>
                  <a:pt x="387" y="197"/>
                  <a:pt x="406" y="225"/>
                  <a:pt x="406" y="256"/>
                </a:cubicBezTo>
                <a:cubicBezTo>
                  <a:pt x="406" y="273"/>
                  <a:pt x="401" y="289"/>
                  <a:pt x="390" y="303"/>
                </a:cubicBezTo>
                <a:cubicBezTo>
                  <a:pt x="383" y="311"/>
                  <a:pt x="375" y="318"/>
                  <a:pt x="365" y="324"/>
                </a:cubicBezTo>
                <a:cubicBezTo>
                  <a:pt x="361" y="326"/>
                  <a:pt x="358" y="331"/>
                  <a:pt x="358" y="335"/>
                </a:cubicBezTo>
                <a:cubicBezTo>
                  <a:pt x="358" y="338"/>
                  <a:pt x="359" y="340"/>
                  <a:pt x="360" y="342"/>
                </a:cubicBezTo>
                <a:cubicBezTo>
                  <a:pt x="364" y="348"/>
                  <a:pt x="372" y="351"/>
                  <a:pt x="378" y="347"/>
                </a:cubicBezTo>
                <a:cubicBezTo>
                  <a:pt x="391" y="340"/>
                  <a:pt x="402" y="330"/>
                  <a:pt x="411" y="319"/>
                </a:cubicBezTo>
                <a:cubicBezTo>
                  <a:pt x="425" y="301"/>
                  <a:pt x="433" y="279"/>
                  <a:pt x="433" y="256"/>
                </a:cubicBezTo>
                <a:cubicBezTo>
                  <a:pt x="433" y="224"/>
                  <a:pt x="417" y="194"/>
                  <a:pt x="391" y="174"/>
                </a:cubicBezTo>
                <a:cubicBezTo>
                  <a:pt x="428" y="154"/>
                  <a:pt x="445" y="115"/>
                  <a:pt x="446" y="113"/>
                </a:cubicBezTo>
                <a:cubicBezTo>
                  <a:pt x="447" y="112"/>
                  <a:pt x="447" y="110"/>
                  <a:pt x="447" y="108"/>
                </a:cubicBezTo>
                <a:cubicBezTo>
                  <a:pt x="447" y="106"/>
                  <a:pt x="446" y="104"/>
                  <a:pt x="445" y="102"/>
                </a:cubicBezTo>
                <a:cubicBezTo>
                  <a:pt x="444" y="98"/>
                  <a:pt x="440" y="96"/>
                  <a:pt x="436" y="95"/>
                </a:cubicBezTo>
                <a:cubicBezTo>
                  <a:pt x="435" y="95"/>
                  <a:pt x="392" y="86"/>
                  <a:pt x="354" y="106"/>
                </a:cubicBezTo>
                <a:cubicBezTo>
                  <a:pt x="346" y="110"/>
                  <a:pt x="338" y="115"/>
                  <a:pt x="331" y="120"/>
                </a:cubicBezTo>
                <a:cubicBezTo>
                  <a:pt x="324" y="104"/>
                  <a:pt x="315" y="93"/>
                  <a:pt x="314" y="92"/>
                </a:cubicBezTo>
                <a:cubicBezTo>
                  <a:pt x="311" y="88"/>
                  <a:pt x="305" y="86"/>
                  <a:pt x="300" y="88"/>
                </a:cubicBezTo>
                <a:cubicBezTo>
                  <a:pt x="251" y="102"/>
                  <a:pt x="251" y="102"/>
                  <a:pt x="251" y="102"/>
                </a:cubicBezTo>
                <a:cubicBezTo>
                  <a:pt x="247" y="104"/>
                  <a:pt x="243" y="107"/>
                  <a:pt x="242" y="112"/>
                </a:cubicBezTo>
                <a:cubicBezTo>
                  <a:pt x="242" y="113"/>
                  <a:pt x="242" y="114"/>
                  <a:pt x="242" y="115"/>
                </a:cubicBezTo>
                <a:cubicBezTo>
                  <a:pt x="242" y="119"/>
                  <a:pt x="243" y="122"/>
                  <a:pt x="245" y="124"/>
                </a:cubicBezTo>
                <a:cubicBezTo>
                  <a:pt x="258" y="138"/>
                  <a:pt x="265" y="145"/>
                  <a:pt x="272" y="160"/>
                </a:cubicBezTo>
                <a:cubicBezTo>
                  <a:pt x="233" y="178"/>
                  <a:pt x="208" y="214"/>
                  <a:pt x="208" y="256"/>
                </a:cubicBezTo>
                <a:cubicBezTo>
                  <a:pt x="208" y="256"/>
                  <a:pt x="208" y="256"/>
                  <a:pt x="208" y="256"/>
                </a:cubicBezTo>
                <a:cubicBezTo>
                  <a:pt x="208" y="269"/>
                  <a:pt x="211" y="283"/>
                  <a:pt x="216" y="296"/>
                </a:cubicBezTo>
                <a:cubicBezTo>
                  <a:pt x="221" y="307"/>
                  <a:pt x="226" y="315"/>
                  <a:pt x="232" y="322"/>
                </a:cubicBezTo>
                <a:cubicBezTo>
                  <a:pt x="206" y="322"/>
                  <a:pt x="172" y="322"/>
                  <a:pt x="157" y="322"/>
                </a:cubicBezTo>
                <a:cubicBezTo>
                  <a:pt x="157" y="300"/>
                  <a:pt x="157" y="183"/>
                  <a:pt x="157" y="183"/>
                </a:cubicBezTo>
                <a:cubicBezTo>
                  <a:pt x="157" y="165"/>
                  <a:pt x="133" y="116"/>
                  <a:pt x="124" y="98"/>
                </a:cubicBezTo>
                <a:cubicBezTo>
                  <a:pt x="124" y="92"/>
                  <a:pt x="124" y="34"/>
                  <a:pt x="124" y="34"/>
                </a:cubicBezTo>
                <a:cubicBezTo>
                  <a:pt x="124" y="21"/>
                  <a:pt x="118" y="11"/>
                  <a:pt x="107" y="5"/>
                </a:cubicBezTo>
                <a:cubicBezTo>
                  <a:pt x="98" y="1"/>
                  <a:pt x="87" y="0"/>
                  <a:pt x="79" y="0"/>
                </a:cubicBezTo>
                <a:lnTo>
                  <a:pt x="78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7" name="TextBox 306"/>
          <p:cNvSpPr txBox="1"/>
          <p:nvPr userDrawn="1"/>
        </p:nvSpPr>
        <p:spPr>
          <a:xfrm>
            <a:off x="4230515" y="2639098"/>
            <a:ext cx="523058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Food &amp;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beverage</a:t>
            </a:r>
          </a:p>
        </p:txBody>
      </p:sp>
      <p:sp>
        <p:nvSpPr>
          <p:cNvPr id="308" name="Freeform 108"/>
          <p:cNvSpPr>
            <a:spLocks noChangeAspect="1"/>
          </p:cNvSpPr>
          <p:nvPr userDrawn="1"/>
        </p:nvSpPr>
        <p:spPr bwMode="auto">
          <a:xfrm>
            <a:off x="2370514" y="3060615"/>
            <a:ext cx="479320" cy="337566"/>
          </a:xfrm>
          <a:custGeom>
            <a:avLst/>
            <a:gdLst/>
            <a:ahLst/>
            <a:cxnLst>
              <a:cxn ang="0">
                <a:pos x="13" y="0"/>
              </a:cxn>
              <a:cxn ang="0">
                <a:pos x="0" y="13"/>
              </a:cxn>
              <a:cxn ang="0">
                <a:pos x="0" y="311"/>
              </a:cxn>
              <a:cxn ang="0">
                <a:pos x="13" y="325"/>
              </a:cxn>
              <a:cxn ang="0">
                <a:pos x="70" y="325"/>
              </a:cxn>
              <a:cxn ang="0">
                <a:pos x="84" y="311"/>
              </a:cxn>
              <a:cxn ang="0">
                <a:pos x="84" y="259"/>
              </a:cxn>
              <a:cxn ang="0">
                <a:pos x="377" y="259"/>
              </a:cxn>
              <a:cxn ang="0">
                <a:pos x="377" y="311"/>
              </a:cxn>
              <a:cxn ang="0">
                <a:pos x="390" y="325"/>
              </a:cxn>
              <a:cxn ang="0">
                <a:pos x="448" y="325"/>
              </a:cxn>
              <a:cxn ang="0">
                <a:pos x="461" y="311"/>
              </a:cxn>
              <a:cxn ang="0">
                <a:pos x="461" y="183"/>
              </a:cxn>
              <a:cxn ang="0">
                <a:pos x="461" y="182"/>
              </a:cxn>
              <a:cxn ang="0">
                <a:pos x="381" y="126"/>
              </a:cxn>
              <a:cxn ang="0">
                <a:pos x="199" y="126"/>
              </a:cxn>
              <a:cxn ang="0">
                <a:pos x="186" y="140"/>
              </a:cxn>
              <a:cxn ang="0">
                <a:pos x="186" y="193"/>
              </a:cxn>
              <a:cxn ang="0">
                <a:pos x="199" y="207"/>
              </a:cxn>
              <a:cxn ang="0">
                <a:pos x="213" y="193"/>
              </a:cxn>
              <a:cxn ang="0">
                <a:pos x="213" y="153"/>
              </a:cxn>
              <a:cxn ang="0">
                <a:pos x="381" y="153"/>
              </a:cxn>
              <a:cxn ang="0">
                <a:pos x="434" y="184"/>
              </a:cxn>
              <a:cxn ang="0">
                <a:pos x="434" y="298"/>
              </a:cxn>
              <a:cxn ang="0">
                <a:pos x="404" y="298"/>
              </a:cxn>
              <a:cxn ang="0">
                <a:pos x="404" y="246"/>
              </a:cxn>
              <a:cxn ang="0">
                <a:pos x="390" y="232"/>
              </a:cxn>
              <a:cxn ang="0">
                <a:pos x="70" y="232"/>
              </a:cxn>
              <a:cxn ang="0">
                <a:pos x="57" y="246"/>
              </a:cxn>
              <a:cxn ang="0">
                <a:pos x="57" y="298"/>
              </a:cxn>
              <a:cxn ang="0">
                <a:pos x="26" y="298"/>
              </a:cxn>
              <a:cxn ang="0">
                <a:pos x="26" y="27"/>
              </a:cxn>
              <a:cxn ang="0">
                <a:pos x="57" y="27"/>
              </a:cxn>
              <a:cxn ang="0">
                <a:pos x="57" y="140"/>
              </a:cxn>
              <a:cxn ang="0">
                <a:pos x="70" y="153"/>
              </a:cxn>
              <a:cxn ang="0">
                <a:pos x="160" y="153"/>
              </a:cxn>
              <a:cxn ang="0">
                <a:pos x="173" y="141"/>
              </a:cxn>
              <a:cxn ang="0">
                <a:pos x="155" y="81"/>
              </a:cxn>
              <a:cxn ang="0">
                <a:pos x="113" y="64"/>
              </a:cxn>
              <a:cxn ang="0">
                <a:pos x="100" y="77"/>
              </a:cxn>
              <a:cxn ang="0">
                <a:pos x="113" y="90"/>
              </a:cxn>
              <a:cxn ang="0">
                <a:pos x="135" y="99"/>
              </a:cxn>
              <a:cxn ang="0">
                <a:pos x="146" y="126"/>
              </a:cxn>
              <a:cxn ang="0">
                <a:pos x="84" y="126"/>
              </a:cxn>
              <a:cxn ang="0">
                <a:pos x="84" y="13"/>
              </a:cxn>
              <a:cxn ang="0">
                <a:pos x="70" y="0"/>
              </a:cxn>
              <a:cxn ang="0">
                <a:pos x="13" y="0"/>
              </a:cxn>
            </a:cxnLst>
            <a:rect l="0" t="0" r="r" b="b"/>
            <a:pathLst>
              <a:path w="461" h="325">
                <a:moveTo>
                  <a:pt x="13" y="0"/>
                </a:moveTo>
                <a:cubicBezTo>
                  <a:pt x="6" y="0"/>
                  <a:pt x="0" y="6"/>
                  <a:pt x="0" y="13"/>
                </a:cubicBezTo>
                <a:cubicBezTo>
                  <a:pt x="0" y="311"/>
                  <a:pt x="0" y="311"/>
                  <a:pt x="0" y="311"/>
                </a:cubicBezTo>
                <a:cubicBezTo>
                  <a:pt x="0" y="319"/>
                  <a:pt x="6" y="325"/>
                  <a:pt x="13" y="325"/>
                </a:cubicBezTo>
                <a:cubicBezTo>
                  <a:pt x="70" y="325"/>
                  <a:pt x="70" y="325"/>
                  <a:pt x="70" y="325"/>
                </a:cubicBezTo>
                <a:cubicBezTo>
                  <a:pt x="78" y="325"/>
                  <a:pt x="84" y="319"/>
                  <a:pt x="84" y="311"/>
                </a:cubicBezTo>
                <a:cubicBezTo>
                  <a:pt x="84" y="311"/>
                  <a:pt x="84" y="276"/>
                  <a:pt x="84" y="259"/>
                </a:cubicBezTo>
                <a:cubicBezTo>
                  <a:pt x="107" y="259"/>
                  <a:pt x="354" y="259"/>
                  <a:pt x="377" y="259"/>
                </a:cubicBezTo>
                <a:cubicBezTo>
                  <a:pt x="377" y="276"/>
                  <a:pt x="377" y="311"/>
                  <a:pt x="377" y="311"/>
                </a:cubicBezTo>
                <a:cubicBezTo>
                  <a:pt x="377" y="319"/>
                  <a:pt x="383" y="325"/>
                  <a:pt x="390" y="325"/>
                </a:cubicBezTo>
                <a:cubicBezTo>
                  <a:pt x="448" y="325"/>
                  <a:pt x="448" y="325"/>
                  <a:pt x="448" y="325"/>
                </a:cubicBezTo>
                <a:cubicBezTo>
                  <a:pt x="455" y="325"/>
                  <a:pt x="461" y="319"/>
                  <a:pt x="461" y="311"/>
                </a:cubicBezTo>
                <a:cubicBezTo>
                  <a:pt x="461" y="183"/>
                  <a:pt x="461" y="183"/>
                  <a:pt x="461" y="183"/>
                </a:cubicBezTo>
                <a:cubicBezTo>
                  <a:pt x="461" y="182"/>
                  <a:pt x="461" y="182"/>
                  <a:pt x="461" y="182"/>
                </a:cubicBezTo>
                <a:cubicBezTo>
                  <a:pt x="460" y="163"/>
                  <a:pt x="441" y="126"/>
                  <a:pt x="381" y="126"/>
                </a:cubicBezTo>
                <a:cubicBezTo>
                  <a:pt x="199" y="126"/>
                  <a:pt x="199" y="126"/>
                  <a:pt x="199" y="126"/>
                </a:cubicBezTo>
                <a:cubicBezTo>
                  <a:pt x="192" y="126"/>
                  <a:pt x="186" y="132"/>
                  <a:pt x="186" y="140"/>
                </a:cubicBezTo>
                <a:cubicBezTo>
                  <a:pt x="186" y="193"/>
                  <a:pt x="186" y="193"/>
                  <a:pt x="186" y="193"/>
                </a:cubicBezTo>
                <a:cubicBezTo>
                  <a:pt x="186" y="201"/>
                  <a:pt x="192" y="207"/>
                  <a:pt x="199" y="207"/>
                </a:cubicBezTo>
                <a:cubicBezTo>
                  <a:pt x="207" y="207"/>
                  <a:pt x="213" y="201"/>
                  <a:pt x="213" y="193"/>
                </a:cubicBezTo>
                <a:cubicBezTo>
                  <a:pt x="213" y="193"/>
                  <a:pt x="213" y="168"/>
                  <a:pt x="213" y="153"/>
                </a:cubicBezTo>
                <a:cubicBezTo>
                  <a:pt x="231" y="153"/>
                  <a:pt x="381" y="153"/>
                  <a:pt x="381" y="153"/>
                </a:cubicBezTo>
                <a:cubicBezTo>
                  <a:pt x="428" y="153"/>
                  <a:pt x="434" y="179"/>
                  <a:pt x="434" y="184"/>
                </a:cubicBezTo>
                <a:cubicBezTo>
                  <a:pt x="434" y="185"/>
                  <a:pt x="434" y="277"/>
                  <a:pt x="434" y="298"/>
                </a:cubicBezTo>
                <a:cubicBezTo>
                  <a:pt x="423" y="298"/>
                  <a:pt x="415" y="298"/>
                  <a:pt x="404" y="298"/>
                </a:cubicBezTo>
                <a:cubicBezTo>
                  <a:pt x="404" y="281"/>
                  <a:pt x="404" y="246"/>
                  <a:pt x="404" y="246"/>
                </a:cubicBezTo>
                <a:cubicBezTo>
                  <a:pt x="404" y="238"/>
                  <a:pt x="398" y="232"/>
                  <a:pt x="390" y="232"/>
                </a:cubicBezTo>
                <a:cubicBezTo>
                  <a:pt x="70" y="232"/>
                  <a:pt x="70" y="232"/>
                  <a:pt x="70" y="232"/>
                </a:cubicBezTo>
                <a:cubicBezTo>
                  <a:pt x="63" y="232"/>
                  <a:pt x="57" y="238"/>
                  <a:pt x="57" y="246"/>
                </a:cubicBezTo>
                <a:cubicBezTo>
                  <a:pt x="57" y="246"/>
                  <a:pt x="57" y="281"/>
                  <a:pt x="57" y="298"/>
                </a:cubicBezTo>
                <a:cubicBezTo>
                  <a:pt x="46" y="298"/>
                  <a:pt x="37" y="298"/>
                  <a:pt x="26" y="298"/>
                </a:cubicBezTo>
                <a:cubicBezTo>
                  <a:pt x="26" y="275"/>
                  <a:pt x="26" y="50"/>
                  <a:pt x="26" y="27"/>
                </a:cubicBezTo>
                <a:cubicBezTo>
                  <a:pt x="37" y="27"/>
                  <a:pt x="46" y="27"/>
                  <a:pt x="57" y="27"/>
                </a:cubicBezTo>
                <a:cubicBezTo>
                  <a:pt x="57" y="48"/>
                  <a:pt x="57" y="140"/>
                  <a:pt x="57" y="140"/>
                </a:cubicBezTo>
                <a:cubicBezTo>
                  <a:pt x="57" y="147"/>
                  <a:pt x="63" y="153"/>
                  <a:pt x="70" y="153"/>
                </a:cubicBezTo>
                <a:cubicBezTo>
                  <a:pt x="160" y="153"/>
                  <a:pt x="160" y="153"/>
                  <a:pt x="160" y="153"/>
                </a:cubicBezTo>
                <a:cubicBezTo>
                  <a:pt x="167" y="153"/>
                  <a:pt x="172" y="148"/>
                  <a:pt x="173" y="141"/>
                </a:cubicBezTo>
                <a:cubicBezTo>
                  <a:pt x="173" y="139"/>
                  <a:pt x="175" y="103"/>
                  <a:pt x="155" y="81"/>
                </a:cubicBezTo>
                <a:cubicBezTo>
                  <a:pt x="144" y="70"/>
                  <a:pt x="130" y="64"/>
                  <a:pt x="113" y="64"/>
                </a:cubicBezTo>
                <a:cubicBezTo>
                  <a:pt x="106" y="64"/>
                  <a:pt x="100" y="70"/>
                  <a:pt x="100" y="77"/>
                </a:cubicBezTo>
                <a:cubicBezTo>
                  <a:pt x="100" y="84"/>
                  <a:pt x="106" y="90"/>
                  <a:pt x="113" y="90"/>
                </a:cubicBezTo>
                <a:cubicBezTo>
                  <a:pt x="123" y="90"/>
                  <a:pt x="130" y="93"/>
                  <a:pt x="135" y="99"/>
                </a:cubicBezTo>
                <a:cubicBezTo>
                  <a:pt x="142" y="106"/>
                  <a:pt x="145" y="117"/>
                  <a:pt x="146" y="126"/>
                </a:cubicBezTo>
                <a:cubicBezTo>
                  <a:pt x="129" y="126"/>
                  <a:pt x="99" y="126"/>
                  <a:pt x="84" y="126"/>
                </a:cubicBezTo>
                <a:cubicBezTo>
                  <a:pt x="84" y="105"/>
                  <a:pt x="84" y="13"/>
                  <a:pt x="84" y="13"/>
                </a:cubicBezTo>
                <a:cubicBezTo>
                  <a:pt x="84" y="6"/>
                  <a:pt x="78" y="0"/>
                  <a:pt x="70" y="0"/>
                </a:cubicBezTo>
                <a:lnTo>
                  <a:pt x="13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9" name="TextBox 308"/>
          <p:cNvSpPr txBox="1"/>
          <p:nvPr userDrawn="1"/>
        </p:nvSpPr>
        <p:spPr>
          <a:xfrm>
            <a:off x="2292240" y="3463575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Hotels</a:t>
            </a:r>
          </a:p>
        </p:txBody>
      </p:sp>
      <p:sp>
        <p:nvSpPr>
          <p:cNvPr id="310" name="Freeform 80"/>
          <p:cNvSpPr>
            <a:spLocks noChangeAspect="1"/>
          </p:cNvSpPr>
          <p:nvPr userDrawn="1"/>
        </p:nvSpPr>
        <p:spPr bwMode="auto">
          <a:xfrm>
            <a:off x="1494880" y="3004989"/>
            <a:ext cx="332363" cy="393192"/>
          </a:xfrm>
          <a:custGeom>
            <a:avLst/>
            <a:gdLst/>
            <a:ahLst/>
            <a:cxnLst>
              <a:cxn ang="0">
                <a:pos x="237" y="0"/>
              </a:cxn>
              <a:cxn ang="0">
                <a:pos x="200" y="37"/>
              </a:cxn>
              <a:cxn ang="0">
                <a:pos x="200" y="129"/>
              </a:cxn>
              <a:cxn ang="0">
                <a:pos x="199" y="132"/>
              </a:cxn>
              <a:cxn ang="0">
                <a:pos x="115" y="132"/>
              </a:cxn>
              <a:cxn ang="0">
                <a:pos x="115" y="130"/>
              </a:cxn>
              <a:cxn ang="0">
                <a:pos x="115" y="37"/>
              </a:cxn>
              <a:cxn ang="0">
                <a:pos x="78" y="1"/>
              </a:cxn>
              <a:cxn ang="0">
                <a:pos x="37" y="1"/>
              </a:cxn>
              <a:cxn ang="0">
                <a:pos x="0" y="37"/>
              </a:cxn>
              <a:cxn ang="0">
                <a:pos x="0" y="336"/>
              </a:cxn>
              <a:cxn ang="0">
                <a:pos x="11" y="362"/>
              </a:cxn>
              <a:cxn ang="0">
                <a:pos x="37" y="373"/>
              </a:cxn>
              <a:cxn ang="0">
                <a:pos x="78" y="373"/>
              </a:cxn>
              <a:cxn ang="0">
                <a:pos x="104" y="362"/>
              </a:cxn>
              <a:cxn ang="0">
                <a:pos x="115" y="337"/>
              </a:cxn>
              <a:cxn ang="0">
                <a:pos x="115" y="337"/>
              </a:cxn>
              <a:cxn ang="0">
                <a:pos x="115" y="336"/>
              </a:cxn>
              <a:cxn ang="0">
                <a:pos x="115" y="336"/>
              </a:cxn>
              <a:cxn ang="0">
                <a:pos x="115" y="336"/>
              </a:cxn>
              <a:cxn ang="0">
                <a:pos x="115" y="336"/>
              </a:cxn>
              <a:cxn ang="0">
                <a:pos x="115" y="336"/>
              </a:cxn>
              <a:cxn ang="0">
                <a:pos x="115" y="233"/>
              </a:cxn>
              <a:cxn ang="0">
                <a:pos x="116" y="229"/>
              </a:cxn>
              <a:cxn ang="0">
                <a:pos x="199" y="229"/>
              </a:cxn>
              <a:cxn ang="0">
                <a:pos x="200" y="232"/>
              </a:cxn>
              <a:cxn ang="0">
                <a:pos x="200" y="336"/>
              </a:cxn>
              <a:cxn ang="0">
                <a:pos x="200" y="336"/>
              </a:cxn>
              <a:cxn ang="0">
                <a:pos x="237" y="372"/>
              </a:cxn>
              <a:cxn ang="0">
                <a:pos x="278" y="372"/>
              </a:cxn>
              <a:cxn ang="0">
                <a:pos x="315" y="335"/>
              </a:cxn>
              <a:cxn ang="0">
                <a:pos x="315" y="100"/>
              </a:cxn>
              <a:cxn ang="0">
                <a:pos x="301" y="86"/>
              </a:cxn>
              <a:cxn ang="0">
                <a:pos x="288" y="100"/>
              </a:cxn>
              <a:cxn ang="0">
                <a:pos x="288" y="335"/>
              </a:cxn>
              <a:cxn ang="0">
                <a:pos x="278" y="345"/>
              </a:cxn>
              <a:cxn ang="0">
                <a:pos x="237" y="345"/>
              </a:cxn>
              <a:cxn ang="0">
                <a:pos x="227" y="335"/>
              </a:cxn>
              <a:cxn ang="0">
                <a:pos x="227" y="335"/>
              </a:cxn>
              <a:cxn ang="0">
                <a:pos x="227" y="232"/>
              </a:cxn>
              <a:cxn ang="0">
                <a:pos x="201" y="202"/>
              </a:cxn>
              <a:cxn ang="0">
                <a:pos x="114" y="202"/>
              </a:cxn>
              <a:cxn ang="0">
                <a:pos x="88" y="233"/>
              </a:cxn>
              <a:cxn ang="0">
                <a:pos x="88" y="336"/>
              </a:cxn>
              <a:cxn ang="0">
                <a:pos x="78" y="346"/>
              </a:cxn>
              <a:cxn ang="0">
                <a:pos x="37" y="346"/>
              </a:cxn>
              <a:cxn ang="0">
                <a:pos x="27" y="336"/>
              </a:cxn>
              <a:cxn ang="0">
                <a:pos x="27" y="37"/>
              </a:cxn>
              <a:cxn ang="0">
                <a:pos x="37" y="27"/>
              </a:cxn>
              <a:cxn ang="0">
                <a:pos x="78" y="27"/>
              </a:cxn>
              <a:cxn ang="0">
                <a:pos x="88" y="37"/>
              </a:cxn>
              <a:cxn ang="0">
                <a:pos x="88" y="130"/>
              </a:cxn>
              <a:cxn ang="0">
                <a:pos x="114" y="158"/>
              </a:cxn>
              <a:cxn ang="0">
                <a:pos x="201" y="158"/>
              </a:cxn>
              <a:cxn ang="0">
                <a:pos x="227" y="129"/>
              </a:cxn>
              <a:cxn ang="0">
                <a:pos x="227" y="37"/>
              </a:cxn>
              <a:cxn ang="0">
                <a:pos x="237" y="27"/>
              </a:cxn>
              <a:cxn ang="0">
                <a:pos x="289" y="27"/>
              </a:cxn>
              <a:cxn ang="0">
                <a:pos x="302" y="13"/>
              </a:cxn>
              <a:cxn ang="0">
                <a:pos x="289" y="0"/>
              </a:cxn>
              <a:cxn ang="0">
                <a:pos x="237" y="0"/>
              </a:cxn>
            </a:cxnLst>
            <a:rect l="0" t="0" r="r" b="b"/>
            <a:pathLst>
              <a:path w="315" h="373">
                <a:moveTo>
                  <a:pt x="237" y="0"/>
                </a:moveTo>
                <a:cubicBezTo>
                  <a:pt x="217" y="0"/>
                  <a:pt x="200" y="16"/>
                  <a:pt x="200" y="37"/>
                </a:cubicBezTo>
                <a:cubicBezTo>
                  <a:pt x="200" y="37"/>
                  <a:pt x="200" y="129"/>
                  <a:pt x="200" y="129"/>
                </a:cubicBezTo>
                <a:cubicBezTo>
                  <a:pt x="200" y="130"/>
                  <a:pt x="200" y="131"/>
                  <a:pt x="199" y="132"/>
                </a:cubicBezTo>
                <a:cubicBezTo>
                  <a:pt x="197" y="132"/>
                  <a:pt x="117" y="132"/>
                  <a:pt x="115" y="132"/>
                </a:cubicBezTo>
                <a:cubicBezTo>
                  <a:pt x="115" y="131"/>
                  <a:pt x="115" y="130"/>
                  <a:pt x="115" y="130"/>
                </a:cubicBezTo>
                <a:cubicBezTo>
                  <a:pt x="115" y="129"/>
                  <a:pt x="115" y="37"/>
                  <a:pt x="115" y="37"/>
                </a:cubicBezTo>
                <a:cubicBezTo>
                  <a:pt x="115" y="17"/>
                  <a:pt x="98" y="1"/>
                  <a:pt x="78" y="1"/>
                </a:cubicBezTo>
                <a:cubicBezTo>
                  <a:pt x="37" y="1"/>
                  <a:pt x="37" y="1"/>
                  <a:pt x="37" y="1"/>
                </a:cubicBezTo>
                <a:cubicBezTo>
                  <a:pt x="17" y="1"/>
                  <a:pt x="0" y="17"/>
                  <a:pt x="0" y="37"/>
                </a:cubicBezTo>
                <a:cubicBezTo>
                  <a:pt x="0" y="336"/>
                  <a:pt x="0" y="336"/>
                  <a:pt x="0" y="336"/>
                </a:cubicBezTo>
                <a:cubicBezTo>
                  <a:pt x="0" y="346"/>
                  <a:pt x="4" y="355"/>
                  <a:pt x="11" y="362"/>
                </a:cubicBezTo>
                <a:cubicBezTo>
                  <a:pt x="18" y="369"/>
                  <a:pt x="27" y="373"/>
                  <a:pt x="37" y="373"/>
                </a:cubicBezTo>
                <a:cubicBezTo>
                  <a:pt x="78" y="373"/>
                  <a:pt x="78" y="373"/>
                  <a:pt x="78" y="373"/>
                </a:cubicBezTo>
                <a:cubicBezTo>
                  <a:pt x="87" y="373"/>
                  <a:pt x="97" y="369"/>
                  <a:pt x="104" y="362"/>
                </a:cubicBezTo>
                <a:cubicBezTo>
                  <a:pt x="111" y="355"/>
                  <a:pt x="114" y="346"/>
                  <a:pt x="115" y="337"/>
                </a:cubicBezTo>
                <a:cubicBezTo>
                  <a:pt x="115" y="337"/>
                  <a:pt x="115" y="337"/>
                  <a:pt x="115" y="337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5"/>
                  <a:pt x="115" y="233"/>
                  <a:pt x="115" y="233"/>
                </a:cubicBezTo>
                <a:cubicBezTo>
                  <a:pt x="115" y="232"/>
                  <a:pt x="115" y="230"/>
                  <a:pt x="116" y="229"/>
                </a:cubicBezTo>
                <a:cubicBezTo>
                  <a:pt x="118" y="229"/>
                  <a:pt x="197" y="229"/>
                  <a:pt x="199" y="229"/>
                </a:cubicBezTo>
                <a:cubicBezTo>
                  <a:pt x="200" y="230"/>
                  <a:pt x="200" y="231"/>
                  <a:pt x="200" y="232"/>
                </a:cubicBezTo>
                <a:cubicBezTo>
                  <a:pt x="200" y="232"/>
                  <a:pt x="200" y="336"/>
                  <a:pt x="200" y="336"/>
                </a:cubicBezTo>
                <a:cubicBezTo>
                  <a:pt x="200" y="336"/>
                  <a:pt x="200" y="336"/>
                  <a:pt x="200" y="336"/>
                </a:cubicBezTo>
                <a:cubicBezTo>
                  <a:pt x="200" y="356"/>
                  <a:pt x="217" y="372"/>
                  <a:pt x="237" y="372"/>
                </a:cubicBezTo>
                <a:cubicBezTo>
                  <a:pt x="278" y="372"/>
                  <a:pt x="278" y="372"/>
                  <a:pt x="278" y="372"/>
                </a:cubicBezTo>
                <a:cubicBezTo>
                  <a:pt x="298" y="372"/>
                  <a:pt x="315" y="356"/>
                  <a:pt x="315" y="335"/>
                </a:cubicBezTo>
                <a:cubicBezTo>
                  <a:pt x="315" y="100"/>
                  <a:pt x="315" y="100"/>
                  <a:pt x="315" y="100"/>
                </a:cubicBezTo>
                <a:cubicBezTo>
                  <a:pt x="315" y="92"/>
                  <a:pt x="309" y="86"/>
                  <a:pt x="301" y="86"/>
                </a:cubicBezTo>
                <a:cubicBezTo>
                  <a:pt x="294" y="86"/>
                  <a:pt x="288" y="92"/>
                  <a:pt x="288" y="100"/>
                </a:cubicBezTo>
                <a:cubicBezTo>
                  <a:pt x="288" y="335"/>
                  <a:pt x="288" y="335"/>
                  <a:pt x="288" y="335"/>
                </a:cubicBezTo>
                <a:cubicBezTo>
                  <a:pt x="288" y="341"/>
                  <a:pt x="283" y="345"/>
                  <a:pt x="278" y="345"/>
                </a:cubicBezTo>
                <a:cubicBezTo>
                  <a:pt x="237" y="345"/>
                  <a:pt x="237" y="345"/>
                  <a:pt x="237" y="345"/>
                </a:cubicBezTo>
                <a:cubicBezTo>
                  <a:pt x="231" y="345"/>
                  <a:pt x="227" y="341"/>
                  <a:pt x="227" y="335"/>
                </a:cubicBezTo>
                <a:cubicBezTo>
                  <a:pt x="227" y="335"/>
                  <a:pt x="227" y="335"/>
                  <a:pt x="227" y="335"/>
                </a:cubicBezTo>
                <a:cubicBezTo>
                  <a:pt x="227" y="334"/>
                  <a:pt x="227" y="232"/>
                  <a:pt x="227" y="232"/>
                </a:cubicBezTo>
                <a:cubicBezTo>
                  <a:pt x="227" y="217"/>
                  <a:pt x="218" y="202"/>
                  <a:pt x="201" y="202"/>
                </a:cubicBezTo>
                <a:cubicBezTo>
                  <a:pt x="114" y="202"/>
                  <a:pt x="114" y="202"/>
                  <a:pt x="114" y="202"/>
                </a:cubicBezTo>
                <a:cubicBezTo>
                  <a:pt x="97" y="202"/>
                  <a:pt x="88" y="217"/>
                  <a:pt x="88" y="233"/>
                </a:cubicBezTo>
                <a:cubicBezTo>
                  <a:pt x="88" y="233"/>
                  <a:pt x="88" y="335"/>
                  <a:pt x="88" y="336"/>
                </a:cubicBezTo>
                <a:cubicBezTo>
                  <a:pt x="88" y="342"/>
                  <a:pt x="83" y="346"/>
                  <a:pt x="78" y="346"/>
                </a:cubicBezTo>
                <a:cubicBezTo>
                  <a:pt x="37" y="346"/>
                  <a:pt x="37" y="346"/>
                  <a:pt x="37" y="346"/>
                </a:cubicBezTo>
                <a:cubicBezTo>
                  <a:pt x="31" y="346"/>
                  <a:pt x="27" y="342"/>
                  <a:pt x="27" y="336"/>
                </a:cubicBezTo>
                <a:cubicBezTo>
                  <a:pt x="27" y="37"/>
                  <a:pt x="27" y="37"/>
                  <a:pt x="27" y="37"/>
                </a:cubicBezTo>
                <a:cubicBezTo>
                  <a:pt x="27" y="32"/>
                  <a:pt x="31" y="27"/>
                  <a:pt x="37" y="27"/>
                </a:cubicBezTo>
                <a:cubicBezTo>
                  <a:pt x="78" y="27"/>
                  <a:pt x="78" y="27"/>
                  <a:pt x="78" y="27"/>
                </a:cubicBezTo>
                <a:cubicBezTo>
                  <a:pt x="83" y="27"/>
                  <a:pt x="88" y="32"/>
                  <a:pt x="88" y="37"/>
                </a:cubicBezTo>
                <a:cubicBezTo>
                  <a:pt x="88" y="130"/>
                  <a:pt x="88" y="130"/>
                  <a:pt x="88" y="130"/>
                </a:cubicBezTo>
                <a:cubicBezTo>
                  <a:pt x="88" y="144"/>
                  <a:pt x="97" y="158"/>
                  <a:pt x="114" y="158"/>
                </a:cubicBezTo>
                <a:cubicBezTo>
                  <a:pt x="201" y="158"/>
                  <a:pt x="201" y="158"/>
                  <a:pt x="201" y="158"/>
                </a:cubicBezTo>
                <a:cubicBezTo>
                  <a:pt x="218" y="158"/>
                  <a:pt x="227" y="144"/>
                  <a:pt x="227" y="129"/>
                </a:cubicBezTo>
                <a:cubicBezTo>
                  <a:pt x="227" y="37"/>
                  <a:pt x="227" y="37"/>
                  <a:pt x="227" y="37"/>
                </a:cubicBezTo>
                <a:cubicBezTo>
                  <a:pt x="227" y="31"/>
                  <a:pt x="231" y="27"/>
                  <a:pt x="237" y="27"/>
                </a:cubicBezTo>
                <a:cubicBezTo>
                  <a:pt x="289" y="27"/>
                  <a:pt x="289" y="27"/>
                  <a:pt x="289" y="27"/>
                </a:cubicBezTo>
                <a:cubicBezTo>
                  <a:pt x="296" y="27"/>
                  <a:pt x="302" y="21"/>
                  <a:pt x="302" y="13"/>
                </a:cubicBezTo>
                <a:cubicBezTo>
                  <a:pt x="302" y="6"/>
                  <a:pt x="296" y="0"/>
                  <a:pt x="289" y="0"/>
                </a:cubicBezTo>
                <a:lnTo>
                  <a:pt x="237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1" name="TextBox 310"/>
          <p:cNvSpPr txBox="1"/>
          <p:nvPr userDrawn="1"/>
        </p:nvSpPr>
        <p:spPr>
          <a:xfrm>
            <a:off x="1283709" y="3463575"/>
            <a:ext cx="769928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Healthcare</a:t>
            </a:r>
          </a:p>
        </p:txBody>
      </p:sp>
      <p:sp>
        <p:nvSpPr>
          <p:cNvPr id="312" name="Freeform 100"/>
          <p:cNvSpPr>
            <a:spLocks noChangeAspect="1"/>
          </p:cNvSpPr>
          <p:nvPr userDrawn="1"/>
        </p:nvSpPr>
        <p:spPr bwMode="auto">
          <a:xfrm>
            <a:off x="3418411" y="2874434"/>
            <a:ext cx="330960" cy="523747"/>
          </a:xfrm>
          <a:custGeom>
            <a:avLst/>
            <a:gdLst/>
            <a:ahLst/>
            <a:cxnLst>
              <a:cxn ang="0">
                <a:pos x="116" y="75"/>
              </a:cxn>
              <a:cxn ang="0">
                <a:pos x="46" y="287"/>
              </a:cxn>
              <a:cxn ang="0">
                <a:pos x="131" y="323"/>
              </a:cxn>
              <a:cxn ang="0">
                <a:pos x="148" y="314"/>
              </a:cxn>
              <a:cxn ang="0">
                <a:pos x="157" y="229"/>
              </a:cxn>
              <a:cxn ang="0">
                <a:pos x="144" y="189"/>
              </a:cxn>
              <a:cxn ang="0">
                <a:pos x="181" y="184"/>
              </a:cxn>
              <a:cxn ang="0">
                <a:pos x="185" y="220"/>
              </a:cxn>
              <a:cxn ang="0">
                <a:pos x="204" y="302"/>
              </a:cxn>
              <a:cxn ang="0">
                <a:pos x="125" y="348"/>
              </a:cxn>
              <a:cxn ang="0">
                <a:pos x="32" y="337"/>
              </a:cxn>
              <a:cxn ang="0">
                <a:pos x="4" y="453"/>
              </a:cxn>
              <a:cxn ang="0">
                <a:pos x="276" y="459"/>
              </a:cxn>
              <a:cxn ang="0">
                <a:pos x="276" y="432"/>
              </a:cxn>
              <a:cxn ang="0">
                <a:pos x="54" y="357"/>
              </a:cxn>
              <a:cxn ang="0">
                <a:pos x="187" y="365"/>
              </a:cxn>
              <a:cxn ang="0">
                <a:pos x="233" y="285"/>
              </a:cxn>
              <a:cxn ang="0">
                <a:pos x="217" y="205"/>
              </a:cxn>
              <a:cxn ang="0">
                <a:pos x="197" y="163"/>
              </a:cxn>
              <a:cxn ang="0">
                <a:pos x="123" y="173"/>
              </a:cxn>
              <a:cxn ang="0">
                <a:pos x="113" y="211"/>
              </a:cxn>
              <a:cxn ang="0">
                <a:pos x="125" y="294"/>
              </a:cxn>
              <a:cxn ang="0">
                <a:pos x="122" y="104"/>
              </a:cxn>
              <a:cxn ang="0">
                <a:pos x="155" y="32"/>
              </a:cxn>
              <a:cxn ang="0">
                <a:pos x="163" y="101"/>
              </a:cxn>
              <a:cxn ang="0">
                <a:pos x="172" y="117"/>
              </a:cxn>
              <a:cxn ang="0">
                <a:pos x="169" y="132"/>
              </a:cxn>
              <a:cxn ang="0">
                <a:pos x="195" y="136"/>
              </a:cxn>
              <a:cxn ang="0">
                <a:pos x="202" y="108"/>
              </a:cxn>
              <a:cxn ang="0">
                <a:pos x="193" y="95"/>
              </a:cxn>
              <a:cxn ang="0">
                <a:pos x="210" y="29"/>
              </a:cxn>
              <a:cxn ang="0">
                <a:pos x="200" y="16"/>
              </a:cxn>
              <a:cxn ang="0">
                <a:pos x="133" y="12"/>
              </a:cxn>
            </a:cxnLst>
            <a:rect l="0" t="0" r="r" b="b"/>
            <a:pathLst>
              <a:path w="290" h="459">
                <a:moveTo>
                  <a:pt x="133" y="12"/>
                </a:moveTo>
                <a:cubicBezTo>
                  <a:pt x="133" y="12"/>
                  <a:pt x="121" y="57"/>
                  <a:pt x="116" y="75"/>
                </a:cubicBezTo>
                <a:cubicBezTo>
                  <a:pt x="109" y="73"/>
                  <a:pt x="102" y="77"/>
                  <a:pt x="100" y="84"/>
                </a:cubicBezTo>
                <a:cubicBezTo>
                  <a:pt x="46" y="287"/>
                  <a:pt x="46" y="287"/>
                  <a:pt x="46" y="287"/>
                </a:cubicBezTo>
                <a:cubicBezTo>
                  <a:pt x="44" y="294"/>
                  <a:pt x="48" y="301"/>
                  <a:pt x="55" y="303"/>
                </a:cubicBezTo>
                <a:cubicBezTo>
                  <a:pt x="131" y="323"/>
                  <a:pt x="131" y="323"/>
                  <a:pt x="131" y="323"/>
                </a:cubicBezTo>
                <a:cubicBezTo>
                  <a:pt x="135" y="324"/>
                  <a:pt x="138" y="324"/>
                  <a:pt x="141" y="322"/>
                </a:cubicBezTo>
                <a:cubicBezTo>
                  <a:pt x="144" y="320"/>
                  <a:pt x="147" y="317"/>
                  <a:pt x="148" y="314"/>
                </a:cubicBezTo>
                <a:cubicBezTo>
                  <a:pt x="166" y="245"/>
                  <a:pt x="166" y="245"/>
                  <a:pt x="166" y="245"/>
                </a:cubicBezTo>
                <a:cubicBezTo>
                  <a:pt x="168" y="238"/>
                  <a:pt x="164" y="231"/>
                  <a:pt x="157" y="229"/>
                </a:cubicBezTo>
                <a:cubicBezTo>
                  <a:pt x="147" y="226"/>
                  <a:pt x="140" y="218"/>
                  <a:pt x="139" y="208"/>
                </a:cubicBezTo>
                <a:cubicBezTo>
                  <a:pt x="138" y="201"/>
                  <a:pt x="140" y="194"/>
                  <a:pt x="144" y="189"/>
                </a:cubicBezTo>
                <a:cubicBezTo>
                  <a:pt x="150" y="182"/>
                  <a:pt x="159" y="178"/>
                  <a:pt x="168" y="179"/>
                </a:cubicBezTo>
                <a:cubicBezTo>
                  <a:pt x="173" y="179"/>
                  <a:pt x="177" y="181"/>
                  <a:pt x="181" y="184"/>
                </a:cubicBezTo>
                <a:cubicBezTo>
                  <a:pt x="186" y="188"/>
                  <a:pt x="190" y="194"/>
                  <a:pt x="191" y="201"/>
                </a:cubicBezTo>
                <a:cubicBezTo>
                  <a:pt x="191" y="208"/>
                  <a:pt x="190" y="215"/>
                  <a:pt x="185" y="220"/>
                </a:cubicBezTo>
                <a:cubicBezTo>
                  <a:pt x="181" y="226"/>
                  <a:pt x="182" y="233"/>
                  <a:pt x="187" y="238"/>
                </a:cubicBezTo>
                <a:cubicBezTo>
                  <a:pt x="204" y="255"/>
                  <a:pt x="211" y="279"/>
                  <a:pt x="204" y="302"/>
                </a:cubicBezTo>
                <a:cubicBezTo>
                  <a:pt x="200" y="319"/>
                  <a:pt x="189" y="333"/>
                  <a:pt x="174" y="342"/>
                </a:cubicBezTo>
                <a:cubicBezTo>
                  <a:pt x="159" y="350"/>
                  <a:pt x="141" y="353"/>
                  <a:pt x="125" y="348"/>
                </a:cubicBezTo>
                <a:cubicBezTo>
                  <a:pt x="49" y="328"/>
                  <a:pt x="49" y="328"/>
                  <a:pt x="49" y="328"/>
                </a:cubicBezTo>
                <a:cubicBezTo>
                  <a:pt x="42" y="326"/>
                  <a:pt x="35" y="330"/>
                  <a:pt x="32" y="337"/>
                </a:cubicBezTo>
                <a:cubicBezTo>
                  <a:pt x="2" y="442"/>
                  <a:pt x="2" y="442"/>
                  <a:pt x="2" y="442"/>
                </a:cubicBezTo>
                <a:cubicBezTo>
                  <a:pt x="0" y="446"/>
                  <a:pt x="1" y="450"/>
                  <a:pt x="4" y="453"/>
                </a:cubicBezTo>
                <a:cubicBezTo>
                  <a:pt x="6" y="457"/>
                  <a:pt x="10" y="459"/>
                  <a:pt x="14" y="459"/>
                </a:cubicBezTo>
                <a:cubicBezTo>
                  <a:pt x="276" y="459"/>
                  <a:pt x="276" y="459"/>
                  <a:pt x="276" y="459"/>
                </a:cubicBezTo>
                <a:cubicBezTo>
                  <a:pt x="284" y="459"/>
                  <a:pt x="290" y="453"/>
                  <a:pt x="290" y="445"/>
                </a:cubicBezTo>
                <a:cubicBezTo>
                  <a:pt x="290" y="438"/>
                  <a:pt x="284" y="432"/>
                  <a:pt x="276" y="432"/>
                </a:cubicBezTo>
                <a:cubicBezTo>
                  <a:pt x="276" y="432"/>
                  <a:pt x="63" y="432"/>
                  <a:pt x="32" y="432"/>
                </a:cubicBezTo>
                <a:cubicBezTo>
                  <a:pt x="38" y="412"/>
                  <a:pt x="50" y="373"/>
                  <a:pt x="54" y="357"/>
                </a:cubicBezTo>
                <a:cubicBezTo>
                  <a:pt x="72" y="362"/>
                  <a:pt x="118" y="374"/>
                  <a:pt x="118" y="374"/>
                </a:cubicBezTo>
                <a:cubicBezTo>
                  <a:pt x="141" y="380"/>
                  <a:pt x="166" y="377"/>
                  <a:pt x="187" y="365"/>
                </a:cubicBezTo>
                <a:cubicBezTo>
                  <a:pt x="209" y="352"/>
                  <a:pt x="224" y="333"/>
                  <a:pt x="230" y="309"/>
                </a:cubicBezTo>
                <a:cubicBezTo>
                  <a:pt x="232" y="301"/>
                  <a:pt x="233" y="293"/>
                  <a:pt x="233" y="285"/>
                </a:cubicBezTo>
                <a:cubicBezTo>
                  <a:pt x="233" y="264"/>
                  <a:pt x="226" y="243"/>
                  <a:pt x="213" y="227"/>
                </a:cubicBezTo>
                <a:cubicBezTo>
                  <a:pt x="216" y="220"/>
                  <a:pt x="217" y="212"/>
                  <a:pt x="217" y="205"/>
                </a:cubicBezTo>
                <a:cubicBezTo>
                  <a:pt x="217" y="202"/>
                  <a:pt x="217" y="200"/>
                  <a:pt x="217" y="198"/>
                </a:cubicBezTo>
                <a:cubicBezTo>
                  <a:pt x="215" y="184"/>
                  <a:pt x="208" y="171"/>
                  <a:pt x="197" y="163"/>
                </a:cubicBezTo>
                <a:cubicBezTo>
                  <a:pt x="189" y="157"/>
                  <a:pt x="181" y="154"/>
                  <a:pt x="171" y="152"/>
                </a:cubicBezTo>
                <a:cubicBezTo>
                  <a:pt x="153" y="150"/>
                  <a:pt x="134" y="158"/>
                  <a:pt x="123" y="173"/>
                </a:cubicBezTo>
                <a:cubicBezTo>
                  <a:pt x="116" y="182"/>
                  <a:pt x="112" y="193"/>
                  <a:pt x="112" y="205"/>
                </a:cubicBezTo>
                <a:cubicBezTo>
                  <a:pt x="112" y="207"/>
                  <a:pt x="112" y="209"/>
                  <a:pt x="113" y="211"/>
                </a:cubicBezTo>
                <a:cubicBezTo>
                  <a:pt x="115" y="227"/>
                  <a:pt x="124" y="241"/>
                  <a:pt x="137" y="249"/>
                </a:cubicBezTo>
                <a:cubicBezTo>
                  <a:pt x="134" y="261"/>
                  <a:pt x="129" y="280"/>
                  <a:pt x="125" y="294"/>
                </a:cubicBezTo>
                <a:cubicBezTo>
                  <a:pt x="111" y="290"/>
                  <a:pt x="89" y="284"/>
                  <a:pt x="75" y="281"/>
                </a:cubicBezTo>
                <a:cubicBezTo>
                  <a:pt x="81" y="260"/>
                  <a:pt x="117" y="125"/>
                  <a:pt x="122" y="104"/>
                </a:cubicBezTo>
                <a:cubicBezTo>
                  <a:pt x="130" y="106"/>
                  <a:pt x="137" y="102"/>
                  <a:pt x="139" y="95"/>
                </a:cubicBezTo>
                <a:cubicBezTo>
                  <a:pt x="139" y="95"/>
                  <a:pt x="151" y="49"/>
                  <a:pt x="155" y="32"/>
                </a:cubicBezTo>
                <a:cubicBezTo>
                  <a:pt x="165" y="34"/>
                  <a:pt x="171" y="36"/>
                  <a:pt x="180" y="38"/>
                </a:cubicBezTo>
                <a:cubicBezTo>
                  <a:pt x="176" y="56"/>
                  <a:pt x="163" y="101"/>
                  <a:pt x="163" y="101"/>
                </a:cubicBezTo>
                <a:cubicBezTo>
                  <a:pt x="163" y="102"/>
                  <a:pt x="163" y="104"/>
                  <a:pt x="163" y="105"/>
                </a:cubicBezTo>
                <a:cubicBezTo>
                  <a:pt x="163" y="110"/>
                  <a:pt x="167" y="116"/>
                  <a:pt x="172" y="117"/>
                </a:cubicBezTo>
                <a:cubicBezTo>
                  <a:pt x="171" y="123"/>
                  <a:pt x="169" y="128"/>
                  <a:pt x="169" y="128"/>
                </a:cubicBezTo>
                <a:cubicBezTo>
                  <a:pt x="169" y="130"/>
                  <a:pt x="169" y="131"/>
                  <a:pt x="169" y="132"/>
                </a:cubicBezTo>
                <a:cubicBezTo>
                  <a:pt x="169" y="138"/>
                  <a:pt x="172" y="143"/>
                  <a:pt x="178" y="145"/>
                </a:cubicBezTo>
                <a:cubicBezTo>
                  <a:pt x="185" y="147"/>
                  <a:pt x="193" y="143"/>
                  <a:pt x="195" y="136"/>
                </a:cubicBezTo>
                <a:cubicBezTo>
                  <a:pt x="202" y="112"/>
                  <a:pt x="202" y="112"/>
                  <a:pt x="202" y="112"/>
                </a:cubicBezTo>
                <a:cubicBezTo>
                  <a:pt x="202" y="111"/>
                  <a:pt x="202" y="109"/>
                  <a:pt x="202" y="108"/>
                </a:cubicBezTo>
                <a:cubicBezTo>
                  <a:pt x="202" y="106"/>
                  <a:pt x="202" y="104"/>
                  <a:pt x="201" y="102"/>
                </a:cubicBezTo>
                <a:cubicBezTo>
                  <a:pt x="199" y="98"/>
                  <a:pt x="196" y="96"/>
                  <a:pt x="193" y="95"/>
                </a:cubicBezTo>
                <a:cubicBezTo>
                  <a:pt x="197" y="78"/>
                  <a:pt x="209" y="32"/>
                  <a:pt x="209" y="32"/>
                </a:cubicBezTo>
                <a:cubicBezTo>
                  <a:pt x="210" y="31"/>
                  <a:pt x="210" y="30"/>
                  <a:pt x="210" y="29"/>
                </a:cubicBezTo>
                <a:cubicBezTo>
                  <a:pt x="210" y="26"/>
                  <a:pt x="209" y="24"/>
                  <a:pt x="208" y="22"/>
                </a:cubicBezTo>
                <a:cubicBezTo>
                  <a:pt x="206" y="19"/>
                  <a:pt x="203" y="17"/>
                  <a:pt x="200" y="16"/>
                </a:cubicBezTo>
                <a:cubicBezTo>
                  <a:pt x="149" y="2"/>
                  <a:pt x="149" y="2"/>
                  <a:pt x="149" y="2"/>
                </a:cubicBezTo>
                <a:cubicBezTo>
                  <a:pt x="142" y="0"/>
                  <a:pt x="135" y="5"/>
                  <a:pt x="133" y="1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3" name="TextBox 312"/>
          <p:cNvSpPr txBox="1"/>
          <p:nvPr userDrawn="1"/>
        </p:nvSpPr>
        <p:spPr>
          <a:xfrm>
            <a:off x="3286803" y="3463575"/>
            <a:ext cx="523058" cy="24622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Life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sciences</a:t>
            </a:r>
          </a:p>
        </p:txBody>
      </p:sp>
      <p:sp>
        <p:nvSpPr>
          <p:cNvPr id="314" name="Freeform 104"/>
          <p:cNvSpPr>
            <a:spLocks noChangeAspect="1"/>
          </p:cNvSpPr>
          <p:nvPr userDrawn="1"/>
        </p:nvSpPr>
        <p:spPr bwMode="auto">
          <a:xfrm>
            <a:off x="2359068" y="3733689"/>
            <a:ext cx="479233" cy="479229"/>
          </a:xfrm>
          <a:custGeom>
            <a:avLst/>
            <a:gdLst/>
            <a:ahLst/>
            <a:cxnLst>
              <a:cxn ang="0">
                <a:pos x="0" y="38"/>
              </a:cxn>
              <a:cxn ang="0">
                <a:pos x="3" y="55"/>
              </a:cxn>
              <a:cxn ang="0">
                <a:pos x="69" y="253"/>
              </a:cxn>
              <a:cxn ang="0">
                <a:pos x="95" y="253"/>
              </a:cxn>
              <a:cxn ang="0">
                <a:pos x="94" y="173"/>
              </a:cxn>
              <a:cxn ang="0">
                <a:pos x="26" y="38"/>
              </a:cxn>
              <a:cxn ang="0">
                <a:pos x="38" y="26"/>
              </a:cxn>
              <a:cxn ang="0">
                <a:pos x="50" y="34"/>
              </a:cxn>
              <a:cxn ang="0">
                <a:pos x="105" y="142"/>
              </a:cxn>
              <a:cxn ang="0">
                <a:pos x="338" y="305"/>
              </a:cxn>
              <a:cxn ang="0">
                <a:pos x="68" y="318"/>
              </a:cxn>
              <a:cxn ang="0">
                <a:pos x="82" y="386"/>
              </a:cxn>
              <a:cxn ang="0">
                <a:pos x="93" y="394"/>
              </a:cxn>
              <a:cxn ang="0">
                <a:pos x="131" y="433"/>
              </a:cxn>
              <a:cxn ang="0">
                <a:pos x="169" y="386"/>
              </a:cxn>
              <a:cxn ang="0">
                <a:pos x="281" y="394"/>
              </a:cxn>
              <a:cxn ang="0">
                <a:pos x="358" y="394"/>
              </a:cxn>
              <a:cxn ang="0">
                <a:pos x="323" y="364"/>
              </a:cxn>
              <a:cxn ang="0">
                <a:pos x="331" y="394"/>
              </a:cxn>
              <a:cxn ang="0">
                <a:pos x="319" y="406"/>
              </a:cxn>
              <a:cxn ang="0">
                <a:pos x="308" y="394"/>
              </a:cxn>
              <a:cxn ang="0">
                <a:pos x="311" y="365"/>
              </a:cxn>
              <a:cxn ang="0">
                <a:pos x="151" y="359"/>
              </a:cxn>
              <a:cxn ang="0">
                <a:pos x="139" y="377"/>
              </a:cxn>
              <a:cxn ang="0">
                <a:pos x="140" y="403"/>
              </a:cxn>
              <a:cxn ang="0">
                <a:pos x="123" y="403"/>
              </a:cxn>
              <a:cxn ang="0">
                <a:pos x="122" y="382"/>
              </a:cxn>
              <a:cxn ang="0">
                <a:pos x="114" y="359"/>
              </a:cxn>
              <a:cxn ang="0">
                <a:pos x="95" y="331"/>
              </a:cxn>
              <a:cxn ang="0">
                <a:pos x="359" y="323"/>
              </a:cxn>
              <a:cxn ang="0">
                <a:pos x="432" y="129"/>
              </a:cxn>
              <a:cxn ang="0">
                <a:pos x="418" y="115"/>
              </a:cxn>
              <a:cxn ang="0">
                <a:pos x="74" y="24"/>
              </a:cxn>
              <a:cxn ang="0">
                <a:pos x="38" y="0"/>
              </a:cxn>
            </a:cxnLst>
            <a:rect l="0" t="0" r="r" b="b"/>
            <a:pathLst>
              <a:path w="432" h="433">
                <a:moveTo>
                  <a:pt x="11" y="11"/>
                </a:moveTo>
                <a:cubicBezTo>
                  <a:pt x="4" y="18"/>
                  <a:pt x="0" y="28"/>
                  <a:pt x="0" y="38"/>
                </a:cubicBezTo>
                <a:cubicBezTo>
                  <a:pt x="0" y="44"/>
                  <a:pt x="1" y="49"/>
                  <a:pt x="3" y="54"/>
                </a:cubicBezTo>
                <a:cubicBezTo>
                  <a:pt x="3" y="54"/>
                  <a:pt x="3" y="55"/>
                  <a:pt x="3" y="55"/>
                </a:cubicBezTo>
                <a:cubicBezTo>
                  <a:pt x="3" y="55"/>
                  <a:pt x="66" y="177"/>
                  <a:pt x="69" y="182"/>
                </a:cubicBezTo>
                <a:cubicBezTo>
                  <a:pt x="69" y="188"/>
                  <a:pt x="69" y="253"/>
                  <a:pt x="69" y="253"/>
                </a:cubicBezTo>
                <a:cubicBezTo>
                  <a:pt x="69" y="261"/>
                  <a:pt x="74" y="267"/>
                  <a:pt x="82" y="267"/>
                </a:cubicBezTo>
                <a:cubicBezTo>
                  <a:pt x="89" y="267"/>
                  <a:pt x="95" y="261"/>
                  <a:pt x="95" y="253"/>
                </a:cubicBezTo>
                <a:cubicBezTo>
                  <a:pt x="95" y="179"/>
                  <a:pt x="95" y="179"/>
                  <a:pt x="95" y="179"/>
                </a:cubicBezTo>
                <a:cubicBezTo>
                  <a:pt x="95" y="177"/>
                  <a:pt x="95" y="175"/>
                  <a:pt x="94" y="173"/>
                </a:cubicBezTo>
                <a:cubicBezTo>
                  <a:pt x="94" y="173"/>
                  <a:pt x="28" y="44"/>
                  <a:pt x="27" y="43"/>
                </a:cubicBezTo>
                <a:cubicBezTo>
                  <a:pt x="27" y="42"/>
                  <a:pt x="26" y="40"/>
                  <a:pt x="26" y="38"/>
                </a:cubicBezTo>
                <a:cubicBezTo>
                  <a:pt x="26" y="35"/>
                  <a:pt x="28" y="32"/>
                  <a:pt x="30" y="30"/>
                </a:cubicBezTo>
                <a:cubicBezTo>
                  <a:pt x="32" y="28"/>
                  <a:pt x="35" y="26"/>
                  <a:pt x="38" y="26"/>
                </a:cubicBezTo>
                <a:cubicBezTo>
                  <a:pt x="43" y="26"/>
                  <a:pt x="48" y="29"/>
                  <a:pt x="49" y="34"/>
                </a:cubicBezTo>
                <a:cubicBezTo>
                  <a:pt x="49" y="34"/>
                  <a:pt x="50" y="34"/>
                  <a:pt x="50" y="34"/>
                </a:cubicBezTo>
                <a:cubicBezTo>
                  <a:pt x="93" y="134"/>
                  <a:pt x="93" y="134"/>
                  <a:pt x="93" y="134"/>
                </a:cubicBezTo>
                <a:cubicBezTo>
                  <a:pt x="95" y="139"/>
                  <a:pt x="100" y="142"/>
                  <a:pt x="105" y="142"/>
                </a:cubicBezTo>
                <a:cubicBezTo>
                  <a:pt x="105" y="142"/>
                  <a:pt x="365" y="142"/>
                  <a:pt x="399" y="142"/>
                </a:cubicBezTo>
                <a:cubicBezTo>
                  <a:pt x="388" y="170"/>
                  <a:pt x="343" y="291"/>
                  <a:pt x="338" y="305"/>
                </a:cubicBezTo>
                <a:cubicBezTo>
                  <a:pt x="320" y="305"/>
                  <a:pt x="82" y="305"/>
                  <a:pt x="82" y="305"/>
                </a:cubicBezTo>
                <a:cubicBezTo>
                  <a:pt x="74" y="305"/>
                  <a:pt x="68" y="311"/>
                  <a:pt x="68" y="318"/>
                </a:cubicBezTo>
                <a:cubicBezTo>
                  <a:pt x="68" y="372"/>
                  <a:pt x="68" y="372"/>
                  <a:pt x="68" y="372"/>
                </a:cubicBezTo>
                <a:cubicBezTo>
                  <a:pt x="68" y="380"/>
                  <a:pt x="74" y="386"/>
                  <a:pt x="82" y="386"/>
                </a:cubicBezTo>
                <a:cubicBezTo>
                  <a:pt x="82" y="386"/>
                  <a:pt x="88" y="386"/>
                  <a:pt x="93" y="386"/>
                </a:cubicBezTo>
                <a:cubicBezTo>
                  <a:pt x="93" y="389"/>
                  <a:pt x="93" y="393"/>
                  <a:pt x="93" y="394"/>
                </a:cubicBezTo>
                <a:cubicBezTo>
                  <a:pt x="93" y="405"/>
                  <a:pt x="97" y="414"/>
                  <a:pt x="104" y="422"/>
                </a:cubicBezTo>
                <a:cubicBezTo>
                  <a:pt x="111" y="429"/>
                  <a:pt x="121" y="433"/>
                  <a:pt x="131" y="433"/>
                </a:cubicBezTo>
                <a:cubicBezTo>
                  <a:pt x="152" y="433"/>
                  <a:pt x="170" y="416"/>
                  <a:pt x="170" y="394"/>
                </a:cubicBezTo>
                <a:cubicBezTo>
                  <a:pt x="170" y="392"/>
                  <a:pt x="169" y="389"/>
                  <a:pt x="169" y="386"/>
                </a:cubicBezTo>
                <a:cubicBezTo>
                  <a:pt x="193" y="386"/>
                  <a:pt x="258" y="386"/>
                  <a:pt x="282" y="386"/>
                </a:cubicBezTo>
                <a:cubicBezTo>
                  <a:pt x="281" y="389"/>
                  <a:pt x="281" y="392"/>
                  <a:pt x="281" y="394"/>
                </a:cubicBezTo>
                <a:cubicBezTo>
                  <a:pt x="281" y="416"/>
                  <a:pt x="298" y="433"/>
                  <a:pt x="319" y="433"/>
                </a:cubicBezTo>
                <a:cubicBezTo>
                  <a:pt x="341" y="433"/>
                  <a:pt x="358" y="416"/>
                  <a:pt x="358" y="394"/>
                </a:cubicBezTo>
                <a:cubicBezTo>
                  <a:pt x="358" y="381"/>
                  <a:pt x="352" y="368"/>
                  <a:pt x="342" y="361"/>
                </a:cubicBezTo>
                <a:cubicBezTo>
                  <a:pt x="336" y="357"/>
                  <a:pt x="328" y="358"/>
                  <a:pt x="323" y="364"/>
                </a:cubicBezTo>
                <a:cubicBezTo>
                  <a:pt x="319" y="370"/>
                  <a:pt x="320" y="379"/>
                  <a:pt x="326" y="383"/>
                </a:cubicBezTo>
                <a:cubicBezTo>
                  <a:pt x="329" y="385"/>
                  <a:pt x="331" y="390"/>
                  <a:pt x="331" y="394"/>
                </a:cubicBezTo>
                <a:cubicBezTo>
                  <a:pt x="331" y="398"/>
                  <a:pt x="330" y="401"/>
                  <a:pt x="328" y="403"/>
                </a:cubicBezTo>
                <a:cubicBezTo>
                  <a:pt x="326" y="405"/>
                  <a:pt x="323" y="406"/>
                  <a:pt x="319" y="406"/>
                </a:cubicBezTo>
                <a:cubicBezTo>
                  <a:pt x="316" y="406"/>
                  <a:pt x="313" y="405"/>
                  <a:pt x="311" y="403"/>
                </a:cubicBezTo>
                <a:cubicBezTo>
                  <a:pt x="309" y="401"/>
                  <a:pt x="308" y="398"/>
                  <a:pt x="308" y="394"/>
                </a:cubicBezTo>
                <a:cubicBezTo>
                  <a:pt x="308" y="391"/>
                  <a:pt x="310" y="383"/>
                  <a:pt x="312" y="377"/>
                </a:cubicBezTo>
                <a:cubicBezTo>
                  <a:pt x="314" y="373"/>
                  <a:pt x="313" y="368"/>
                  <a:pt x="311" y="365"/>
                </a:cubicBezTo>
                <a:cubicBezTo>
                  <a:pt x="308" y="361"/>
                  <a:pt x="304" y="359"/>
                  <a:pt x="300" y="359"/>
                </a:cubicBezTo>
                <a:cubicBezTo>
                  <a:pt x="151" y="359"/>
                  <a:pt x="151" y="359"/>
                  <a:pt x="151" y="359"/>
                </a:cubicBezTo>
                <a:cubicBezTo>
                  <a:pt x="147" y="359"/>
                  <a:pt x="143" y="361"/>
                  <a:pt x="140" y="365"/>
                </a:cubicBezTo>
                <a:cubicBezTo>
                  <a:pt x="138" y="368"/>
                  <a:pt x="137" y="373"/>
                  <a:pt x="139" y="377"/>
                </a:cubicBezTo>
                <a:cubicBezTo>
                  <a:pt x="141" y="382"/>
                  <a:pt x="143" y="390"/>
                  <a:pt x="143" y="394"/>
                </a:cubicBezTo>
                <a:cubicBezTo>
                  <a:pt x="143" y="398"/>
                  <a:pt x="142" y="401"/>
                  <a:pt x="140" y="403"/>
                </a:cubicBezTo>
                <a:cubicBezTo>
                  <a:pt x="137" y="405"/>
                  <a:pt x="134" y="406"/>
                  <a:pt x="131" y="406"/>
                </a:cubicBezTo>
                <a:cubicBezTo>
                  <a:pt x="128" y="406"/>
                  <a:pt x="125" y="405"/>
                  <a:pt x="123" y="403"/>
                </a:cubicBezTo>
                <a:cubicBezTo>
                  <a:pt x="121" y="401"/>
                  <a:pt x="119" y="398"/>
                  <a:pt x="119" y="394"/>
                </a:cubicBezTo>
                <a:cubicBezTo>
                  <a:pt x="119" y="388"/>
                  <a:pt x="121" y="383"/>
                  <a:pt x="122" y="382"/>
                </a:cubicBezTo>
                <a:cubicBezTo>
                  <a:pt x="126" y="379"/>
                  <a:pt x="128" y="373"/>
                  <a:pt x="126" y="368"/>
                </a:cubicBezTo>
                <a:cubicBezTo>
                  <a:pt x="124" y="362"/>
                  <a:pt x="119" y="359"/>
                  <a:pt x="114" y="359"/>
                </a:cubicBezTo>
                <a:cubicBezTo>
                  <a:pt x="114" y="359"/>
                  <a:pt x="104" y="359"/>
                  <a:pt x="95" y="359"/>
                </a:cubicBezTo>
                <a:cubicBezTo>
                  <a:pt x="95" y="349"/>
                  <a:pt x="95" y="342"/>
                  <a:pt x="95" y="331"/>
                </a:cubicBezTo>
                <a:cubicBezTo>
                  <a:pt x="119" y="331"/>
                  <a:pt x="347" y="331"/>
                  <a:pt x="347" y="331"/>
                </a:cubicBezTo>
                <a:cubicBezTo>
                  <a:pt x="352" y="331"/>
                  <a:pt x="357" y="328"/>
                  <a:pt x="359" y="323"/>
                </a:cubicBezTo>
                <a:cubicBezTo>
                  <a:pt x="431" y="133"/>
                  <a:pt x="431" y="133"/>
                  <a:pt x="431" y="133"/>
                </a:cubicBezTo>
                <a:cubicBezTo>
                  <a:pt x="431" y="132"/>
                  <a:pt x="432" y="130"/>
                  <a:pt x="432" y="129"/>
                </a:cubicBezTo>
                <a:cubicBezTo>
                  <a:pt x="432" y="126"/>
                  <a:pt x="431" y="123"/>
                  <a:pt x="429" y="121"/>
                </a:cubicBezTo>
                <a:cubicBezTo>
                  <a:pt x="427" y="118"/>
                  <a:pt x="423" y="115"/>
                  <a:pt x="418" y="115"/>
                </a:cubicBezTo>
                <a:cubicBezTo>
                  <a:pt x="418" y="115"/>
                  <a:pt x="131" y="115"/>
                  <a:pt x="114" y="115"/>
                </a:cubicBezTo>
                <a:cubicBezTo>
                  <a:pt x="108" y="102"/>
                  <a:pt x="74" y="24"/>
                  <a:pt x="74" y="24"/>
                </a:cubicBezTo>
                <a:cubicBezTo>
                  <a:pt x="74" y="24"/>
                  <a:pt x="74" y="24"/>
                  <a:pt x="74" y="24"/>
                </a:cubicBezTo>
                <a:cubicBezTo>
                  <a:pt x="68" y="9"/>
                  <a:pt x="54" y="0"/>
                  <a:pt x="38" y="0"/>
                </a:cubicBezTo>
                <a:cubicBezTo>
                  <a:pt x="28" y="0"/>
                  <a:pt x="18" y="4"/>
                  <a:pt x="11" y="1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5" name="TextBox 314"/>
          <p:cNvSpPr txBox="1"/>
          <p:nvPr userDrawn="1"/>
        </p:nvSpPr>
        <p:spPr>
          <a:xfrm>
            <a:off x="2225210" y="4284666"/>
            <a:ext cx="769928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Retail</a:t>
            </a:r>
          </a:p>
        </p:txBody>
      </p:sp>
      <p:sp>
        <p:nvSpPr>
          <p:cNvPr id="316" name="Freeform 56"/>
          <p:cNvSpPr>
            <a:spLocks noChangeAspect="1"/>
          </p:cNvSpPr>
          <p:nvPr userDrawn="1"/>
        </p:nvSpPr>
        <p:spPr bwMode="auto">
          <a:xfrm>
            <a:off x="5234357" y="2195360"/>
            <a:ext cx="379970" cy="393192"/>
          </a:xfrm>
          <a:custGeom>
            <a:avLst/>
            <a:gdLst/>
            <a:ahLst/>
            <a:cxnLst>
              <a:cxn ang="0">
                <a:pos x="427" y="4"/>
              </a:cxn>
              <a:cxn ang="0">
                <a:pos x="238" y="2"/>
              </a:cxn>
              <a:cxn ang="0">
                <a:pos x="119" y="27"/>
              </a:cxn>
              <a:cxn ang="0">
                <a:pos x="23" y="257"/>
              </a:cxn>
              <a:cxn ang="0">
                <a:pos x="97" y="324"/>
              </a:cxn>
              <a:cxn ang="0">
                <a:pos x="111" y="311"/>
              </a:cxn>
              <a:cxn ang="0">
                <a:pos x="123" y="199"/>
              </a:cxn>
              <a:cxn ang="0">
                <a:pos x="136" y="112"/>
              </a:cxn>
              <a:cxn ang="0">
                <a:pos x="181" y="241"/>
              </a:cxn>
              <a:cxn ang="0">
                <a:pos x="218" y="255"/>
              </a:cxn>
              <a:cxn ang="0">
                <a:pos x="231" y="305"/>
              </a:cxn>
              <a:cxn ang="0">
                <a:pos x="283" y="291"/>
              </a:cxn>
              <a:cxn ang="0">
                <a:pos x="298" y="154"/>
              </a:cxn>
              <a:cxn ang="0">
                <a:pos x="312" y="246"/>
              </a:cxn>
              <a:cxn ang="0">
                <a:pos x="325" y="141"/>
              </a:cxn>
              <a:cxn ang="0">
                <a:pos x="270" y="127"/>
              </a:cxn>
              <a:cxn ang="0">
                <a:pos x="257" y="278"/>
              </a:cxn>
              <a:cxn ang="0">
                <a:pos x="245" y="241"/>
              </a:cxn>
              <a:cxn ang="0">
                <a:pos x="208" y="228"/>
              </a:cxn>
              <a:cxn ang="0">
                <a:pos x="195" y="86"/>
              </a:cxn>
              <a:cxn ang="0">
                <a:pos x="110" y="99"/>
              </a:cxn>
              <a:cxn ang="0">
                <a:pos x="98" y="172"/>
              </a:cxn>
              <a:cxn ang="0">
                <a:pos x="84" y="289"/>
              </a:cxn>
              <a:cxn ang="0">
                <a:pos x="39" y="150"/>
              </a:cxn>
              <a:cxn ang="0">
                <a:pos x="240" y="28"/>
              </a:cxn>
              <a:cxn ang="0">
                <a:pos x="396" y="32"/>
              </a:cxn>
              <a:cxn ang="0">
                <a:pos x="342" y="262"/>
              </a:cxn>
              <a:cxn ang="0">
                <a:pos x="135" y="348"/>
              </a:cxn>
              <a:cxn ang="0">
                <a:pos x="134" y="348"/>
              </a:cxn>
              <a:cxn ang="0">
                <a:pos x="132" y="347"/>
              </a:cxn>
              <a:cxn ang="0">
                <a:pos x="131" y="347"/>
              </a:cxn>
              <a:cxn ang="0">
                <a:pos x="130" y="348"/>
              </a:cxn>
              <a:cxn ang="0">
                <a:pos x="128" y="348"/>
              </a:cxn>
              <a:cxn ang="0">
                <a:pos x="127" y="348"/>
              </a:cxn>
              <a:cxn ang="0">
                <a:pos x="126" y="349"/>
              </a:cxn>
              <a:cxn ang="0">
                <a:pos x="125" y="349"/>
              </a:cxn>
              <a:cxn ang="0">
                <a:pos x="124" y="350"/>
              </a:cxn>
              <a:cxn ang="0">
                <a:pos x="123" y="351"/>
              </a:cxn>
              <a:cxn ang="0">
                <a:pos x="122" y="352"/>
              </a:cxn>
              <a:cxn ang="0">
                <a:pos x="121" y="353"/>
              </a:cxn>
              <a:cxn ang="0">
                <a:pos x="112" y="412"/>
              </a:cxn>
              <a:cxn ang="0">
                <a:pos x="158" y="460"/>
              </a:cxn>
              <a:cxn ang="0">
                <a:pos x="162" y="434"/>
              </a:cxn>
              <a:cxn ang="0">
                <a:pos x="138" y="376"/>
              </a:cxn>
              <a:cxn ang="0">
                <a:pos x="366" y="273"/>
              </a:cxn>
              <a:cxn ang="0">
                <a:pos x="436" y="29"/>
              </a:cxn>
            </a:cxnLst>
            <a:rect l="0" t="0" r="r" b="b"/>
            <a:pathLst>
              <a:path w="443" h="460">
                <a:moveTo>
                  <a:pt x="441" y="13"/>
                </a:moveTo>
                <a:cubicBezTo>
                  <a:pt x="439" y="7"/>
                  <a:pt x="433" y="4"/>
                  <a:pt x="427" y="4"/>
                </a:cubicBezTo>
                <a:cubicBezTo>
                  <a:pt x="411" y="6"/>
                  <a:pt x="374" y="5"/>
                  <a:pt x="338" y="3"/>
                </a:cubicBezTo>
                <a:cubicBezTo>
                  <a:pt x="300" y="1"/>
                  <a:pt x="260" y="0"/>
                  <a:pt x="238" y="2"/>
                </a:cubicBezTo>
                <a:cubicBezTo>
                  <a:pt x="236" y="2"/>
                  <a:pt x="235" y="2"/>
                  <a:pt x="233" y="2"/>
                </a:cubicBezTo>
                <a:cubicBezTo>
                  <a:pt x="209" y="5"/>
                  <a:pt x="163" y="9"/>
                  <a:pt x="119" y="27"/>
                </a:cubicBezTo>
                <a:cubicBezTo>
                  <a:pt x="63" y="51"/>
                  <a:pt x="28" y="90"/>
                  <a:pt x="14" y="143"/>
                </a:cubicBezTo>
                <a:cubicBezTo>
                  <a:pt x="0" y="193"/>
                  <a:pt x="12" y="233"/>
                  <a:pt x="23" y="257"/>
                </a:cubicBezTo>
                <a:cubicBezTo>
                  <a:pt x="38" y="287"/>
                  <a:pt x="63" y="311"/>
                  <a:pt x="90" y="323"/>
                </a:cubicBezTo>
                <a:cubicBezTo>
                  <a:pt x="92" y="324"/>
                  <a:pt x="95" y="324"/>
                  <a:pt x="97" y="324"/>
                </a:cubicBezTo>
                <a:cubicBezTo>
                  <a:pt x="97" y="324"/>
                  <a:pt x="97" y="324"/>
                  <a:pt x="98" y="324"/>
                </a:cubicBezTo>
                <a:cubicBezTo>
                  <a:pt x="105" y="324"/>
                  <a:pt x="111" y="318"/>
                  <a:pt x="111" y="311"/>
                </a:cubicBezTo>
                <a:cubicBezTo>
                  <a:pt x="111" y="199"/>
                  <a:pt x="111" y="199"/>
                  <a:pt x="111" y="199"/>
                </a:cubicBezTo>
                <a:cubicBezTo>
                  <a:pt x="123" y="199"/>
                  <a:pt x="123" y="199"/>
                  <a:pt x="123" y="199"/>
                </a:cubicBezTo>
                <a:cubicBezTo>
                  <a:pt x="130" y="199"/>
                  <a:pt x="136" y="193"/>
                  <a:pt x="136" y="185"/>
                </a:cubicBezTo>
                <a:cubicBezTo>
                  <a:pt x="136" y="112"/>
                  <a:pt x="136" y="112"/>
                  <a:pt x="136" y="112"/>
                </a:cubicBezTo>
                <a:cubicBezTo>
                  <a:pt x="181" y="112"/>
                  <a:pt x="181" y="112"/>
                  <a:pt x="181" y="112"/>
                </a:cubicBezTo>
                <a:cubicBezTo>
                  <a:pt x="181" y="241"/>
                  <a:pt x="181" y="241"/>
                  <a:pt x="181" y="241"/>
                </a:cubicBezTo>
                <a:cubicBezTo>
                  <a:pt x="181" y="249"/>
                  <a:pt x="187" y="255"/>
                  <a:pt x="195" y="255"/>
                </a:cubicBezTo>
                <a:cubicBezTo>
                  <a:pt x="218" y="255"/>
                  <a:pt x="218" y="255"/>
                  <a:pt x="218" y="255"/>
                </a:cubicBezTo>
                <a:cubicBezTo>
                  <a:pt x="218" y="291"/>
                  <a:pt x="218" y="291"/>
                  <a:pt x="218" y="291"/>
                </a:cubicBezTo>
                <a:cubicBezTo>
                  <a:pt x="218" y="299"/>
                  <a:pt x="224" y="305"/>
                  <a:pt x="231" y="305"/>
                </a:cubicBezTo>
                <a:cubicBezTo>
                  <a:pt x="270" y="305"/>
                  <a:pt x="270" y="305"/>
                  <a:pt x="270" y="305"/>
                </a:cubicBezTo>
                <a:cubicBezTo>
                  <a:pt x="277" y="305"/>
                  <a:pt x="283" y="299"/>
                  <a:pt x="283" y="291"/>
                </a:cubicBezTo>
                <a:cubicBezTo>
                  <a:pt x="283" y="154"/>
                  <a:pt x="283" y="154"/>
                  <a:pt x="283" y="154"/>
                </a:cubicBezTo>
                <a:cubicBezTo>
                  <a:pt x="298" y="154"/>
                  <a:pt x="298" y="154"/>
                  <a:pt x="298" y="154"/>
                </a:cubicBezTo>
                <a:cubicBezTo>
                  <a:pt x="298" y="232"/>
                  <a:pt x="298" y="232"/>
                  <a:pt x="298" y="232"/>
                </a:cubicBezTo>
                <a:cubicBezTo>
                  <a:pt x="298" y="240"/>
                  <a:pt x="304" y="246"/>
                  <a:pt x="312" y="246"/>
                </a:cubicBezTo>
                <a:cubicBezTo>
                  <a:pt x="319" y="246"/>
                  <a:pt x="325" y="240"/>
                  <a:pt x="325" y="232"/>
                </a:cubicBezTo>
                <a:cubicBezTo>
                  <a:pt x="325" y="141"/>
                  <a:pt x="325" y="141"/>
                  <a:pt x="325" y="141"/>
                </a:cubicBezTo>
                <a:cubicBezTo>
                  <a:pt x="325" y="133"/>
                  <a:pt x="319" y="127"/>
                  <a:pt x="312" y="127"/>
                </a:cubicBezTo>
                <a:cubicBezTo>
                  <a:pt x="270" y="127"/>
                  <a:pt x="270" y="127"/>
                  <a:pt x="270" y="127"/>
                </a:cubicBezTo>
                <a:cubicBezTo>
                  <a:pt x="263" y="127"/>
                  <a:pt x="257" y="133"/>
                  <a:pt x="257" y="141"/>
                </a:cubicBezTo>
                <a:cubicBezTo>
                  <a:pt x="257" y="278"/>
                  <a:pt x="257" y="278"/>
                  <a:pt x="257" y="278"/>
                </a:cubicBezTo>
                <a:cubicBezTo>
                  <a:pt x="245" y="278"/>
                  <a:pt x="245" y="278"/>
                  <a:pt x="245" y="278"/>
                </a:cubicBezTo>
                <a:cubicBezTo>
                  <a:pt x="245" y="241"/>
                  <a:pt x="245" y="241"/>
                  <a:pt x="245" y="241"/>
                </a:cubicBezTo>
                <a:cubicBezTo>
                  <a:pt x="245" y="234"/>
                  <a:pt x="239" y="228"/>
                  <a:pt x="231" y="228"/>
                </a:cubicBezTo>
                <a:cubicBezTo>
                  <a:pt x="208" y="228"/>
                  <a:pt x="208" y="228"/>
                  <a:pt x="208" y="228"/>
                </a:cubicBezTo>
                <a:cubicBezTo>
                  <a:pt x="208" y="99"/>
                  <a:pt x="208" y="99"/>
                  <a:pt x="208" y="99"/>
                </a:cubicBezTo>
                <a:cubicBezTo>
                  <a:pt x="208" y="92"/>
                  <a:pt x="202" y="86"/>
                  <a:pt x="195" y="86"/>
                </a:cubicBezTo>
                <a:cubicBezTo>
                  <a:pt x="123" y="86"/>
                  <a:pt x="123" y="86"/>
                  <a:pt x="123" y="86"/>
                </a:cubicBezTo>
                <a:cubicBezTo>
                  <a:pt x="116" y="86"/>
                  <a:pt x="110" y="92"/>
                  <a:pt x="110" y="99"/>
                </a:cubicBezTo>
                <a:cubicBezTo>
                  <a:pt x="110" y="172"/>
                  <a:pt x="110" y="172"/>
                  <a:pt x="110" y="172"/>
                </a:cubicBezTo>
                <a:cubicBezTo>
                  <a:pt x="98" y="172"/>
                  <a:pt x="98" y="172"/>
                  <a:pt x="98" y="172"/>
                </a:cubicBezTo>
                <a:cubicBezTo>
                  <a:pt x="90" y="172"/>
                  <a:pt x="84" y="178"/>
                  <a:pt x="84" y="185"/>
                </a:cubicBezTo>
                <a:cubicBezTo>
                  <a:pt x="84" y="289"/>
                  <a:pt x="84" y="289"/>
                  <a:pt x="84" y="289"/>
                </a:cubicBezTo>
                <a:cubicBezTo>
                  <a:pt x="69" y="279"/>
                  <a:pt x="56" y="264"/>
                  <a:pt x="47" y="245"/>
                </a:cubicBezTo>
                <a:cubicBezTo>
                  <a:pt x="38" y="225"/>
                  <a:pt x="28" y="192"/>
                  <a:pt x="39" y="150"/>
                </a:cubicBezTo>
                <a:cubicBezTo>
                  <a:pt x="68" y="45"/>
                  <a:pt x="190" y="33"/>
                  <a:pt x="236" y="29"/>
                </a:cubicBezTo>
                <a:cubicBezTo>
                  <a:pt x="237" y="29"/>
                  <a:pt x="239" y="29"/>
                  <a:pt x="240" y="28"/>
                </a:cubicBezTo>
                <a:cubicBezTo>
                  <a:pt x="261" y="26"/>
                  <a:pt x="300" y="28"/>
                  <a:pt x="337" y="30"/>
                </a:cubicBezTo>
                <a:cubicBezTo>
                  <a:pt x="358" y="31"/>
                  <a:pt x="379" y="32"/>
                  <a:pt x="396" y="32"/>
                </a:cubicBezTo>
                <a:cubicBezTo>
                  <a:pt x="374" y="64"/>
                  <a:pt x="370" y="108"/>
                  <a:pt x="365" y="152"/>
                </a:cubicBezTo>
                <a:cubicBezTo>
                  <a:pt x="361" y="190"/>
                  <a:pt x="357" y="230"/>
                  <a:pt x="342" y="262"/>
                </a:cubicBezTo>
                <a:cubicBezTo>
                  <a:pt x="305" y="338"/>
                  <a:pt x="222" y="373"/>
                  <a:pt x="135" y="348"/>
                </a:cubicBezTo>
                <a:cubicBezTo>
                  <a:pt x="135" y="348"/>
                  <a:pt x="135" y="348"/>
                  <a:pt x="135" y="348"/>
                </a:cubicBezTo>
                <a:cubicBezTo>
                  <a:pt x="135" y="348"/>
                  <a:pt x="134" y="348"/>
                  <a:pt x="134" y="348"/>
                </a:cubicBezTo>
                <a:cubicBezTo>
                  <a:pt x="134" y="348"/>
                  <a:pt x="134" y="348"/>
                  <a:pt x="134" y="348"/>
                </a:cubicBezTo>
                <a:cubicBezTo>
                  <a:pt x="133" y="348"/>
                  <a:pt x="133" y="348"/>
                  <a:pt x="133" y="348"/>
                </a:cubicBezTo>
                <a:cubicBezTo>
                  <a:pt x="133" y="348"/>
                  <a:pt x="132" y="347"/>
                  <a:pt x="132" y="347"/>
                </a:cubicBezTo>
                <a:cubicBezTo>
                  <a:pt x="132" y="347"/>
                  <a:pt x="132" y="347"/>
                  <a:pt x="132" y="347"/>
                </a:cubicBezTo>
                <a:cubicBezTo>
                  <a:pt x="131" y="347"/>
                  <a:pt x="131" y="347"/>
                  <a:pt x="131" y="347"/>
                </a:cubicBezTo>
                <a:cubicBezTo>
                  <a:pt x="131" y="347"/>
                  <a:pt x="131" y="347"/>
                  <a:pt x="131" y="347"/>
                </a:cubicBezTo>
                <a:cubicBezTo>
                  <a:pt x="130" y="348"/>
                  <a:pt x="130" y="348"/>
                  <a:pt x="130" y="348"/>
                </a:cubicBezTo>
                <a:cubicBezTo>
                  <a:pt x="130" y="348"/>
                  <a:pt x="129" y="348"/>
                  <a:pt x="129" y="348"/>
                </a:cubicBezTo>
                <a:cubicBezTo>
                  <a:pt x="129" y="348"/>
                  <a:pt x="129" y="348"/>
                  <a:pt x="128" y="348"/>
                </a:cubicBezTo>
                <a:cubicBezTo>
                  <a:pt x="128" y="348"/>
                  <a:pt x="128" y="348"/>
                  <a:pt x="128" y="348"/>
                </a:cubicBezTo>
                <a:cubicBezTo>
                  <a:pt x="128" y="348"/>
                  <a:pt x="127" y="348"/>
                  <a:pt x="127" y="348"/>
                </a:cubicBezTo>
                <a:cubicBezTo>
                  <a:pt x="127" y="348"/>
                  <a:pt x="127" y="348"/>
                  <a:pt x="127" y="348"/>
                </a:cubicBezTo>
                <a:cubicBezTo>
                  <a:pt x="126" y="348"/>
                  <a:pt x="126" y="349"/>
                  <a:pt x="126" y="349"/>
                </a:cubicBezTo>
                <a:cubicBezTo>
                  <a:pt x="126" y="349"/>
                  <a:pt x="126" y="349"/>
                  <a:pt x="125" y="349"/>
                </a:cubicBezTo>
                <a:cubicBezTo>
                  <a:pt x="125" y="349"/>
                  <a:pt x="125" y="349"/>
                  <a:pt x="125" y="349"/>
                </a:cubicBezTo>
                <a:cubicBezTo>
                  <a:pt x="125" y="349"/>
                  <a:pt x="124" y="349"/>
                  <a:pt x="124" y="350"/>
                </a:cubicBezTo>
                <a:cubicBezTo>
                  <a:pt x="124" y="350"/>
                  <a:pt x="124" y="350"/>
                  <a:pt x="124" y="350"/>
                </a:cubicBezTo>
                <a:cubicBezTo>
                  <a:pt x="124" y="350"/>
                  <a:pt x="123" y="350"/>
                  <a:pt x="123" y="350"/>
                </a:cubicBezTo>
                <a:cubicBezTo>
                  <a:pt x="123" y="350"/>
                  <a:pt x="123" y="351"/>
                  <a:pt x="123" y="351"/>
                </a:cubicBezTo>
                <a:cubicBezTo>
                  <a:pt x="123" y="351"/>
                  <a:pt x="122" y="351"/>
                  <a:pt x="122" y="351"/>
                </a:cubicBezTo>
                <a:cubicBezTo>
                  <a:pt x="122" y="351"/>
                  <a:pt x="122" y="351"/>
                  <a:pt x="122" y="352"/>
                </a:cubicBezTo>
                <a:cubicBezTo>
                  <a:pt x="122" y="352"/>
                  <a:pt x="122" y="352"/>
                  <a:pt x="121" y="352"/>
                </a:cubicBezTo>
                <a:cubicBezTo>
                  <a:pt x="121" y="352"/>
                  <a:pt x="121" y="352"/>
                  <a:pt x="121" y="353"/>
                </a:cubicBezTo>
                <a:cubicBezTo>
                  <a:pt x="121" y="353"/>
                  <a:pt x="121" y="353"/>
                  <a:pt x="121" y="353"/>
                </a:cubicBezTo>
                <a:cubicBezTo>
                  <a:pt x="108" y="370"/>
                  <a:pt x="105" y="391"/>
                  <a:pt x="112" y="412"/>
                </a:cubicBezTo>
                <a:cubicBezTo>
                  <a:pt x="119" y="434"/>
                  <a:pt x="138" y="455"/>
                  <a:pt x="155" y="459"/>
                </a:cubicBezTo>
                <a:cubicBezTo>
                  <a:pt x="156" y="460"/>
                  <a:pt x="157" y="460"/>
                  <a:pt x="158" y="460"/>
                </a:cubicBezTo>
                <a:cubicBezTo>
                  <a:pt x="164" y="460"/>
                  <a:pt x="170" y="456"/>
                  <a:pt x="171" y="450"/>
                </a:cubicBezTo>
                <a:cubicBezTo>
                  <a:pt x="173" y="443"/>
                  <a:pt x="169" y="436"/>
                  <a:pt x="162" y="434"/>
                </a:cubicBezTo>
                <a:cubicBezTo>
                  <a:pt x="156" y="432"/>
                  <a:pt x="143" y="420"/>
                  <a:pt x="137" y="403"/>
                </a:cubicBezTo>
                <a:cubicBezTo>
                  <a:pt x="134" y="394"/>
                  <a:pt x="134" y="384"/>
                  <a:pt x="138" y="376"/>
                </a:cubicBezTo>
                <a:cubicBezTo>
                  <a:pt x="156" y="381"/>
                  <a:pt x="173" y="383"/>
                  <a:pt x="191" y="383"/>
                </a:cubicBezTo>
                <a:cubicBezTo>
                  <a:pt x="266" y="383"/>
                  <a:pt x="332" y="343"/>
                  <a:pt x="366" y="273"/>
                </a:cubicBezTo>
                <a:cubicBezTo>
                  <a:pt x="383" y="238"/>
                  <a:pt x="387" y="196"/>
                  <a:pt x="392" y="155"/>
                </a:cubicBezTo>
                <a:cubicBezTo>
                  <a:pt x="397" y="102"/>
                  <a:pt x="402" y="51"/>
                  <a:pt x="436" y="29"/>
                </a:cubicBezTo>
                <a:cubicBezTo>
                  <a:pt x="441" y="25"/>
                  <a:pt x="443" y="19"/>
                  <a:pt x="441" y="1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7" name="TextBox 316"/>
          <p:cNvSpPr txBox="1"/>
          <p:nvPr userDrawn="1"/>
        </p:nvSpPr>
        <p:spPr>
          <a:xfrm>
            <a:off x="5048080" y="2639098"/>
            <a:ext cx="769928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Green buildings</a:t>
            </a:r>
          </a:p>
        </p:txBody>
      </p:sp>
      <p:sp>
        <p:nvSpPr>
          <p:cNvPr id="318" name="Freeform 216"/>
          <p:cNvSpPr>
            <a:spLocks noChangeAspect="1"/>
          </p:cNvSpPr>
          <p:nvPr userDrawn="1"/>
        </p:nvSpPr>
        <p:spPr bwMode="auto">
          <a:xfrm>
            <a:off x="3327989" y="2195360"/>
            <a:ext cx="421382" cy="393192"/>
          </a:xfrm>
          <a:custGeom>
            <a:avLst/>
            <a:gdLst/>
            <a:ahLst/>
            <a:cxnLst>
              <a:cxn ang="0">
                <a:pos x="15" y="392"/>
              </a:cxn>
              <a:cxn ang="0">
                <a:pos x="2" y="163"/>
              </a:cxn>
              <a:cxn ang="0">
                <a:pos x="70" y="150"/>
              </a:cxn>
              <a:cxn ang="0">
                <a:pos x="83" y="321"/>
              </a:cxn>
              <a:cxn ang="0">
                <a:pos x="101" y="163"/>
              </a:cxn>
              <a:cxn ang="0">
                <a:pos x="114" y="150"/>
              </a:cxn>
              <a:cxn ang="0">
                <a:pos x="181" y="154"/>
              </a:cxn>
              <a:cxn ang="0">
                <a:pos x="184" y="321"/>
              </a:cxn>
              <a:cxn ang="0">
                <a:pos x="254" y="163"/>
              </a:cxn>
              <a:cxn ang="0">
                <a:pos x="323" y="150"/>
              </a:cxn>
              <a:cxn ang="0">
                <a:pos x="336" y="321"/>
              </a:cxn>
              <a:cxn ang="0">
                <a:pos x="355" y="161"/>
              </a:cxn>
              <a:cxn ang="0">
                <a:pos x="380" y="161"/>
              </a:cxn>
              <a:cxn ang="0">
                <a:pos x="368" y="346"/>
              </a:cxn>
              <a:cxn ang="0">
                <a:pos x="311" y="334"/>
              </a:cxn>
              <a:cxn ang="0">
                <a:pos x="279" y="176"/>
              </a:cxn>
              <a:cxn ang="0">
                <a:pos x="261" y="347"/>
              </a:cxn>
              <a:cxn ang="0">
                <a:pos x="162" y="343"/>
              </a:cxn>
              <a:cxn ang="0">
                <a:pos x="159" y="176"/>
              </a:cxn>
              <a:cxn ang="0">
                <a:pos x="127" y="334"/>
              </a:cxn>
              <a:cxn ang="0">
                <a:pos x="115" y="347"/>
              </a:cxn>
              <a:cxn ang="0">
                <a:pos x="70" y="347"/>
              </a:cxn>
              <a:cxn ang="0">
                <a:pos x="57" y="334"/>
              </a:cxn>
              <a:cxn ang="0">
                <a:pos x="27" y="176"/>
              </a:cxn>
              <a:cxn ang="0">
                <a:pos x="395" y="366"/>
              </a:cxn>
              <a:cxn ang="0">
                <a:pos x="209" y="28"/>
              </a:cxn>
              <a:cxn ang="0">
                <a:pos x="340" y="113"/>
              </a:cxn>
              <a:cxn ang="0">
                <a:pos x="340" y="139"/>
              </a:cxn>
              <a:cxn ang="0">
                <a:pos x="1" y="129"/>
              </a:cxn>
              <a:cxn ang="0">
                <a:pos x="203" y="3"/>
              </a:cxn>
              <a:cxn ang="0">
                <a:pos x="414" y="111"/>
              </a:cxn>
              <a:cxn ang="0">
                <a:pos x="421" y="379"/>
              </a:cxn>
            </a:cxnLst>
            <a:rect l="0" t="0" r="r" b="b"/>
            <a:pathLst>
              <a:path w="421" h="392">
                <a:moveTo>
                  <a:pt x="408" y="392"/>
                </a:moveTo>
                <a:cubicBezTo>
                  <a:pt x="15" y="392"/>
                  <a:pt x="15" y="392"/>
                  <a:pt x="15" y="392"/>
                </a:cubicBezTo>
                <a:cubicBezTo>
                  <a:pt x="8" y="392"/>
                  <a:pt x="2" y="386"/>
                  <a:pt x="2" y="379"/>
                </a:cubicBezTo>
                <a:cubicBezTo>
                  <a:pt x="2" y="163"/>
                  <a:pt x="2" y="163"/>
                  <a:pt x="2" y="163"/>
                </a:cubicBezTo>
                <a:cubicBezTo>
                  <a:pt x="2" y="156"/>
                  <a:pt x="8" y="150"/>
                  <a:pt x="15" y="150"/>
                </a:cubicBezTo>
                <a:cubicBezTo>
                  <a:pt x="70" y="150"/>
                  <a:pt x="70" y="150"/>
                  <a:pt x="70" y="150"/>
                </a:cubicBezTo>
                <a:cubicBezTo>
                  <a:pt x="77" y="150"/>
                  <a:pt x="83" y="156"/>
                  <a:pt x="83" y="163"/>
                </a:cubicBezTo>
                <a:cubicBezTo>
                  <a:pt x="83" y="321"/>
                  <a:pt x="83" y="321"/>
                  <a:pt x="83" y="321"/>
                </a:cubicBezTo>
                <a:cubicBezTo>
                  <a:pt x="102" y="321"/>
                  <a:pt x="102" y="321"/>
                  <a:pt x="102" y="321"/>
                </a:cubicBezTo>
                <a:cubicBezTo>
                  <a:pt x="101" y="163"/>
                  <a:pt x="101" y="163"/>
                  <a:pt x="101" y="163"/>
                </a:cubicBezTo>
                <a:cubicBezTo>
                  <a:pt x="101" y="160"/>
                  <a:pt x="103" y="156"/>
                  <a:pt x="105" y="154"/>
                </a:cubicBezTo>
                <a:cubicBezTo>
                  <a:pt x="107" y="151"/>
                  <a:pt x="111" y="150"/>
                  <a:pt x="114" y="150"/>
                </a:cubicBezTo>
                <a:cubicBezTo>
                  <a:pt x="172" y="150"/>
                  <a:pt x="172" y="150"/>
                  <a:pt x="172" y="150"/>
                </a:cubicBezTo>
                <a:cubicBezTo>
                  <a:pt x="175" y="150"/>
                  <a:pt x="178" y="151"/>
                  <a:pt x="181" y="154"/>
                </a:cubicBezTo>
                <a:cubicBezTo>
                  <a:pt x="183" y="156"/>
                  <a:pt x="184" y="160"/>
                  <a:pt x="184" y="163"/>
                </a:cubicBezTo>
                <a:cubicBezTo>
                  <a:pt x="184" y="321"/>
                  <a:pt x="184" y="321"/>
                  <a:pt x="184" y="321"/>
                </a:cubicBezTo>
                <a:cubicBezTo>
                  <a:pt x="253" y="321"/>
                  <a:pt x="253" y="321"/>
                  <a:pt x="253" y="321"/>
                </a:cubicBezTo>
                <a:cubicBezTo>
                  <a:pt x="254" y="163"/>
                  <a:pt x="254" y="163"/>
                  <a:pt x="254" y="163"/>
                </a:cubicBezTo>
                <a:cubicBezTo>
                  <a:pt x="254" y="156"/>
                  <a:pt x="260" y="150"/>
                  <a:pt x="267" y="150"/>
                </a:cubicBezTo>
                <a:cubicBezTo>
                  <a:pt x="323" y="150"/>
                  <a:pt x="323" y="150"/>
                  <a:pt x="323" y="150"/>
                </a:cubicBezTo>
                <a:cubicBezTo>
                  <a:pt x="330" y="150"/>
                  <a:pt x="336" y="156"/>
                  <a:pt x="336" y="163"/>
                </a:cubicBezTo>
                <a:cubicBezTo>
                  <a:pt x="336" y="321"/>
                  <a:pt x="336" y="321"/>
                  <a:pt x="336" y="321"/>
                </a:cubicBezTo>
                <a:cubicBezTo>
                  <a:pt x="355" y="321"/>
                  <a:pt x="355" y="321"/>
                  <a:pt x="355" y="321"/>
                </a:cubicBezTo>
                <a:cubicBezTo>
                  <a:pt x="355" y="161"/>
                  <a:pt x="355" y="161"/>
                  <a:pt x="355" y="161"/>
                </a:cubicBezTo>
                <a:cubicBezTo>
                  <a:pt x="355" y="154"/>
                  <a:pt x="361" y="148"/>
                  <a:pt x="368" y="148"/>
                </a:cubicBezTo>
                <a:cubicBezTo>
                  <a:pt x="375" y="148"/>
                  <a:pt x="380" y="154"/>
                  <a:pt x="380" y="161"/>
                </a:cubicBezTo>
                <a:cubicBezTo>
                  <a:pt x="380" y="334"/>
                  <a:pt x="380" y="334"/>
                  <a:pt x="380" y="334"/>
                </a:cubicBezTo>
                <a:cubicBezTo>
                  <a:pt x="380" y="341"/>
                  <a:pt x="375" y="346"/>
                  <a:pt x="368" y="346"/>
                </a:cubicBezTo>
                <a:cubicBezTo>
                  <a:pt x="323" y="346"/>
                  <a:pt x="323" y="346"/>
                  <a:pt x="323" y="346"/>
                </a:cubicBezTo>
                <a:cubicBezTo>
                  <a:pt x="316" y="346"/>
                  <a:pt x="311" y="341"/>
                  <a:pt x="311" y="334"/>
                </a:cubicBezTo>
                <a:cubicBezTo>
                  <a:pt x="311" y="176"/>
                  <a:pt x="311" y="176"/>
                  <a:pt x="311" y="176"/>
                </a:cubicBezTo>
                <a:cubicBezTo>
                  <a:pt x="279" y="176"/>
                  <a:pt x="279" y="176"/>
                  <a:pt x="279" y="176"/>
                </a:cubicBezTo>
                <a:cubicBezTo>
                  <a:pt x="279" y="334"/>
                  <a:pt x="279" y="334"/>
                  <a:pt x="279" y="334"/>
                </a:cubicBezTo>
                <a:cubicBezTo>
                  <a:pt x="279" y="341"/>
                  <a:pt x="268" y="347"/>
                  <a:pt x="261" y="347"/>
                </a:cubicBezTo>
                <a:cubicBezTo>
                  <a:pt x="171" y="347"/>
                  <a:pt x="171" y="347"/>
                  <a:pt x="171" y="347"/>
                </a:cubicBezTo>
                <a:cubicBezTo>
                  <a:pt x="168" y="347"/>
                  <a:pt x="165" y="345"/>
                  <a:pt x="162" y="343"/>
                </a:cubicBezTo>
                <a:cubicBezTo>
                  <a:pt x="160" y="341"/>
                  <a:pt x="159" y="337"/>
                  <a:pt x="159" y="334"/>
                </a:cubicBezTo>
                <a:cubicBezTo>
                  <a:pt x="159" y="176"/>
                  <a:pt x="159" y="176"/>
                  <a:pt x="159" y="176"/>
                </a:cubicBezTo>
                <a:cubicBezTo>
                  <a:pt x="127" y="176"/>
                  <a:pt x="127" y="176"/>
                  <a:pt x="127" y="176"/>
                </a:cubicBezTo>
                <a:cubicBezTo>
                  <a:pt x="127" y="334"/>
                  <a:pt x="127" y="334"/>
                  <a:pt x="127" y="334"/>
                </a:cubicBezTo>
                <a:cubicBezTo>
                  <a:pt x="127" y="337"/>
                  <a:pt x="126" y="340"/>
                  <a:pt x="124" y="343"/>
                </a:cubicBezTo>
                <a:cubicBezTo>
                  <a:pt x="121" y="345"/>
                  <a:pt x="118" y="347"/>
                  <a:pt x="115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67" y="347"/>
                  <a:pt x="64" y="345"/>
                  <a:pt x="61" y="343"/>
                </a:cubicBezTo>
                <a:cubicBezTo>
                  <a:pt x="59" y="341"/>
                  <a:pt x="57" y="337"/>
                  <a:pt x="57" y="334"/>
                </a:cubicBezTo>
                <a:cubicBezTo>
                  <a:pt x="57" y="176"/>
                  <a:pt x="57" y="176"/>
                  <a:pt x="57" y="176"/>
                </a:cubicBezTo>
                <a:cubicBezTo>
                  <a:pt x="27" y="176"/>
                  <a:pt x="27" y="176"/>
                  <a:pt x="27" y="176"/>
                </a:cubicBezTo>
                <a:cubicBezTo>
                  <a:pt x="27" y="366"/>
                  <a:pt x="27" y="366"/>
                  <a:pt x="27" y="366"/>
                </a:cubicBezTo>
                <a:cubicBezTo>
                  <a:pt x="395" y="366"/>
                  <a:pt x="395" y="366"/>
                  <a:pt x="395" y="366"/>
                </a:cubicBezTo>
                <a:cubicBezTo>
                  <a:pt x="395" y="130"/>
                  <a:pt x="395" y="130"/>
                  <a:pt x="395" y="130"/>
                </a:cubicBezTo>
                <a:cubicBezTo>
                  <a:pt x="209" y="28"/>
                  <a:pt x="209" y="28"/>
                  <a:pt x="209" y="28"/>
                </a:cubicBezTo>
                <a:cubicBezTo>
                  <a:pt x="62" y="113"/>
                  <a:pt x="62" y="113"/>
                  <a:pt x="62" y="113"/>
                </a:cubicBezTo>
                <a:cubicBezTo>
                  <a:pt x="340" y="113"/>
                  <a:pt x="340" y="113"/>
                  <a:pt x="340" y="113"/>
                </a:cubicBezTo>
                <a:cubicBezTo>
                  <a:pt x="347" y="113"/>
                  <a:pt x="353" y="119"/>
                  <a:pt x="353" y="126"/>
                </a:cubicBezTo>
                <a:cubicBezTo>
                  <a:pt x="353" y="133"/>
                  <a:pt x="347" y="139"/>
                  <a:pt x="340" y="139"/>
                </a:cubicBezTo>
                <a:cubicBezTo>
                  <a:pt x="13" y="139"/>
                  <a:pt x="13" y="139"/>
                  <a:pt x="13" y="139"/>
                </a:cubicBezTo>
                <a:cubicBezTo>
                  <a:pt x="8" y="139"/>
                  <a:pt x="3" y="135"/>
                  <a:pt x="1" y="129"/>
                </a:cubicBezTo>
                <a:cubicBezTo>
                  <a:pt x="0" y="123"/>
                  <a:pt x="2" y="118"/>
                  <a:pt x="7" y="115"/>
                </a:cubicBezTo>
                <a:cubicBezTo>
                  <a:pt x="203" y="3"/>
                  <a:pt x="203" y="3"/>
                  <a:pt x="203" y="3"/>
                </a:cubicBezTo>
                <a:cubicBezTo>
                  <a:pt x="207" y="0"/>
                  <a:pt x="211" y="0"/>
                  <a:pt x="215" y="3"/>
                </a:cubicBezTo>
                <a:cubicBezTo>
                  <a:pt x="414" y="111"/>
                  <a:pt x="414" y="111"/>
                  <a:pt x="414" y="111"/>
                </a:cubicBezTo>
                <a:cubicBezTo>
                  <a:pt x="418" y="113"/>
                  <a:pt x="421" y="118"/>
                  <a:pt x="421" y="122"/>
                </a:cubicBezTo>
                <a:cubicBezTo>
                  <a:pt x="421" y="379"/>
                  <a:pt x="421" y="379"/>
                  <a:pt x="421" y="379"/>
                </a:cubicBezTo>
                <a:cubicBezTo>
                  <a:pt x="421" y="386"/>
                  <a:pt x="415" y="392"/>
                  <a:pt x="408" y="39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9" name="TextBox 318"/>
          <p:cNvSpPr txBox="1"/>
          <p:nvPr userDrawn="1"/>
        </p:nvSpPr>
        <p:spPr>
          <a:xfrm>
            <a:off x="3230398" y="2639098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Finance</a:t>
            </a:r>
          </a:p>
        </p:txBody>
      </p:sp>
      <p:sp>
        <p:nvSpPr>
          <p:cNvPr id="320" name="Freeform 224"/>
          <p:cNvSpPr>
            <a:spLocks noChangeAspect="1"/>
          </p:cNvSpPr>
          <p:nvPr userDrawn="1"/>
        </p:nvSpPr>
        <p:spPr bwMode="auto">
          <a:xfrm>
            <a:off x="1438331" y="2242598"/>
            <a:ext cx="525440" cy="345954"/>
          </a:xfrm>
          <a:custGeom>
            <a:avLst/>
            <a:gdLst/>
            <a:ahLst/>
            <a:cxnLst>
              <a:cxn ang="0">
                <a:pos x="221" y="248"/>
              </a:cxn>
              <a:cxn ang="0">
                <a:pos x="342" y="248"/>
              </a:cxn>
              <a:cxn ang="0">
                <a:pos x="419" y="171"/>
              </a:cxn>
              <a:cxn ang="0">
                <a:pos x="344" y="92"/>
              </a:cxn>
              <a:cxn ang="0">
                <a:pos x="324" y="95"/>
              </a:cxn>
              <a:cxn ang="0">
                <a:pos x="286" y="32"/>
              </a:cxn>
              <a:cxn ang="0">
                <a:pos x="201" y="0"/>
              </a:cxn>
              <a:cxn ang="0">
                <a:pos x="86" y="76"/>
              </a:cxn>
              <a:cxn ang="0">
                <a:pos x="30" y="95"/>
              </a:cxn>
              <a:cxn ang="0">
                <a:pos x="0" y="162"/>
              </a:cxn>
              <a:cxn ang="0">
                <a:pos x="25" y="224"/>
              </a:cxn>
              <a:cxn ang="0">
                <a:pos x="86" y="248"/>
              </a:cxn>
              <a:cxn ang="0">
                <a:pos x="126" y="248"/>
              </a:cxn>
              <a:cxn ang="0">
                <a:pos x="139" y="235"/>
              </a:cxn>
              <a:cxn ang="0">
                <a:pos x="126" y="221"/>
              </a:cxn>
              <a:cxn ang="0">
                <a:pos x="86" y="221"/>
              </a:cxn>
              <a:cxn ang="0">
                <a:pos x="44" y="205"/>
              </a:cxn>
              <a:cxn ang="0">
                <a:pos x="26" y="162"/>
              </a:cxn>
              <a:cxn ang="0">
                <a:pos x="47" y="115"/>
              </a:cxn>
              <a:cxn ang="0">
                <a:pos x="84" y="102"/>
              </a:cxn>
              <a:cxn ang="0">
                <a:pos x="93" y="103"/>
              </a:cxn>
              <a:cxn ang="0">
                <a:pos x="107" y="94"/>
              </a:cxn>
              <a:cxn ang="0">
                <a:pos x="201" y="27"/>
              </a:cxn>
              <a:cxn ang="0">
                <a:pos x="268" y="52"/>
              </a:cxn>
              <a:cxn ang="0">
                <a:pos x="300" y="114"/>
              </a:cxn>
              <a:cxn ang="0">
                <a:pos x="306" y="124"/>
              </a:cxn>
              <a:cxn ang="0">
                <a:pos x="318" y="125"/>
              </a:cxn>
              <a:cxn ang="0">
                <a:pos x="327" y="122"/>
              </a:cxn>
              <a:cxn ang="0">
                <a:pos x="344" y="119"/>
              </a:cxn>
              <a:cxn ang="0">
                <a:pos x="378" y="134"/>
              </a:cxn>
              <a:cxn ang="0">
                <a:pos x="392" y="171"/>
              </a:cxn>
              <a:cxn ang="0">
                <a:pos x="342" y="221"/>
              </a:cxn>
              <a:cxn ang="0">
                <a:pos x="196" y="222"/>
              </a:cxn>
              <a:cxn ang="0">
                <a:pos x="185" y="227"/>
              </a:cxn>
              <a:cxn ang="0">
                <a:pos x="184" y="240"/>
              </a:cxn>
              <a:cxn ang="0">
                <a:pos x="189" y="246"/>
              </a:cxn>
              <a:cxn ang="0">
                <a:pos x="193" y="247"/>
              </a:cxn>
              <a:cxn ang="0">
                <a:pos x="197" y="248"/>
              </a:cxn>
              <a:cxn ang="0">
                <a:pos x="205" y="248"/>
              </a:cxn>
              <a:cxn ang="0">
                <a:pos x="216" y="248"/>
              </a:cxn>
              <a:cxn ang="0">
                <a:pos x="221" y="248"/>
              </a:cxn>
            </a:cxnLst>
            <a:rect l="0" t="0" r="r" b="b"/>
            <a:pathLst>
              <a:path w="419" h="248">
                <a:moveTo>
                  <a:pt x="221" y="248"/>
                </a:moveTo>
                <a:cubicBezTo>
                  <a:pt x="342" y="248"/>
                  <a:pt x="342" y="248"/>
                  <a:pt x="342" y="248"/>
                </a:cubicBezTo>
                <a:cubicBezTo>
                  <a:pt x="385" y="248"/>
                  <a:pt x="419" y="213"/>
                  <a:pt x="419" y="171"/>
                </a:cubicBezTo>
                <a:cubicBezTo>
                  <a:pt x="419" y="127"/>
                  <a:pt x="385" y="92"/>
                  <a:pt x="344" y="92"/>
                </a:cubicBezTo>
                <a:cubicBezTo>
                  <a:pt x="337" y="92"/>
                  <a:pt x="330" y="93"/>
                  <a:pt x="324" y="95"/>
                </a:cubicBezTo>
                <a:cubicBezTo>
                  <a:pt x="318" y="71"/>
                  <a:pt x="305" y="49"/>
                  <a:pt x="286" y="32"/>
                </a:cubicBezTo>
                <a:cubicBezTo>
                  <a:pt x="262" y="11"/>
                  <a:pt x="232" y="0"/>
                  <a:pt x="201" y="0"/>
                </a:cubicBezTo>
                <a:cubicBezTo>
                  <a:pt x="150" y="0"/>
                  <a:pt x="105" y="30"/>
                  <a:pt x="86" y="76"/>
                </a:cubicBezTo>
                <a:cubicBezTo>
                  <a:pt x="66" y="74"/>
                  <a:pt x="46" y="81"/>
                  <a:pt x="30" y="95"/>
                </a:cubicBezTo>
                <a:cubicBezTo>
                  <a:pt x="11" y="112"/>
                  <a:pt x="0" y="137"/>
                  <a:pt x="0" y="162"/>
                </a:cubicBezTo>
                <a:cubicBezTo>
                  <a:pt x="0" y="185"/>
                  <a:pt x="9" y="207"/>
                  <a:pt x="25" y="224"/>
                </a:cubicBezTo>
                <a:cubicBezTo>
                  <a:pt x="41" y="240"/>
                  <a:pt x="63" y="248"/>
                  <a:pt x="86" y="248"/>
                </a:cubicBezTo>
                <a:cubicBezTo>
                  <a:pt x="126" y="248"/>
                  <a:pt x="126" y="248"/>
                  <a:pt x="126" y="248"/>
                </a:cubicBezTo>
                <a:cubicBezTo>
                  <a:pt x="133" y="248"/>
                  <a:pt x="139" y="242"/>
                  <a:pt x="139" y="235"/>
                </a:cubicBezTo>
                <a:cubicBezTo>
                  <a:pt x="139" y="227"/>
                  <a:pt x="133" y="221"/>
                  <a:pt x="126" y="221"/>
                </a:cubicBezTo>
                <a:cubicBezTo>
                  <a:pt x="86" y="221"/>
                  <a:pt x="86" y="221"/>
                  <a:pt x="86" y="221"/>
                </a:cubicBezTo>
                <a:cubicBezTo>
                  <a:pt x="70" y="221"/>
                  <a:pt x="55" y="216"/>
                  <a:pt x="44" y="205"/>
                </a:cubicBezTo>
                <a:cubicBezTo>
                  <a:pt x="32" y="193"/>
                  <a:pt x="26" y="178"/>
                  <a:pt x="26" y="162"/>
                </a:cubicBezTo>
                <a:cubicBezTo>
                  <a:pt x="26" y="144"/>
                  <a:pt x="34" y="127"/>
                  <a:pt x="47" y="115"/>
                </a:cubicBezTo>
                <a:cubicBezTo>
                  <a:pt x="58" y="105"/>
                  <a:pt x="71" y="101"/>
                  <a:pt x="84" y="102"/>
                </a:cubicBezTo>
                <a:cubicBezTo>
                  <a:pt x="93" y="103"/>
                  <a:pt x="93" y="103"/>
                  <a:pt x="93" y="103"/>
                </a:cubicBezTo>
                <a:cubicBezTo>
                  <a:pt x="99" y="104"/>
                  <a:pt x="105" y="100"/>
                  <a:pt x="107" y="94"/>
                </a:cubicBezTo>
                <a:cubicBezTo>
                  <a:pt x="121" y="54"/>
                  <a:pt x="158" y="27"/>
                  <a:pt x="201" y="27"/>
                </a:cubicBezTo>
                <a:cubicBezTo>
                  <a:pt x="226" y="27"/>
                  <a:pt x="250" y="36"/>
                  <a:pt x="268" y="52"/>
                </a:cubicBezTo>
                <a:cubicBezTo>
                  <a:pt x="286" y="68"/>
                  <a:pt x="298" y="90"/>
                  <a:pt x="300" y="114"/>
                </a:cubicBezTo>
                <a:cubicBezTo>
                  <a:pt x="301" y="118"/>
                  <a:pt x="303" y="122"/>
                  <a:pt x="306" y="124"/>
                </a:cubicBezTo>
                <a:cubicBezTo>
                  <a:pt x="310" y="126"/>
                  <a:pt x="314" y="126"/>
                  <a:pt x="318" y="125"/>
                </a:cubicBezTo>
                <a:cubicBezTo>
                  <a:pt x="318" y="125"/>
                  <a:pt x="327" y="122"/>
                  <a:pt x="327" y="122"/>
                </a:cubicBezTo>
                <a:cubicBezTo>
                  <a:pt x="332" y="120"/>
                  <a:pt x="338" y="119"/>
                  <a:pt x="344" y="119"/>
                </a:cubicBezTo>
                <a:cubicBezTo>
                  <a:pt x="357" y="119"/>
                  <a:pt x="369" y="124"/>
                  <a:pt x="378" y="134"/>
                </a:cubicBezTo>
                <a:cubicBezTo>
                  <a:pt x="387" y="144"/>
                  <a:pt x="392" y="157"/>
                  <a:pt x="392" y="171"/>
                </a:cubicBezTo>
                <a:cubicBezTo>
                  <a:pt x="392" y="198"/>
                  <a:pt x="370" y="221"/>
                  <a:pt x="342" y="221"/>
                </a:cubicBezTo>
                <a:cubicBezTo>
                  <a:pt x="196" y="222"/>
                  <a:pt x="196" y="222"/>
                  <a:pt x="196" y="222"/>
                </a:cubicBezTo>
                <a:cubicBezTo>
                  <a:pt x="192" y="222"/>
                  <a:pt x="188" y="224"/>
                  <a:pt x="185" y="227"/>
                </a:cubicBezTo>
                <a:cubicBezTo>
                  <a:pt x="183" y="231"/>
                  <a:pt x="182" y="237"/>
                  <a:pt x="184" y="240"/>
                </a:cubicBezTo>
                <a:cubicBezTo>
                  <a:pt x="184" y="240"/>
                  <a:pt x="186" y="244"/>
                  <a:pt x="189" y="246"/>
                </a:cubicBezTo>
                <a:cubicBezTo>
                  <a:pt x="190" y="246"/>
                  <a:pt x="192" y="247"/>
                  <a:pt x="193" y="247"/>
                </a:cubicBezTo>
                <a:cubicBezTo>
                  <a:pt x="195" y="248"/>
                  <a:pt x="197" y="248"/>
                  <a:pt x="197" y="248"/>
                </a:cubicBezTo>
                <a:cubicBezTo>
                  <a:pt x="205" y="248"/>
                  <a:pt x="205" y="248"/>
                  <a:pt x="205" y="248"/>
                </a:cubicBezTo>
                <a:cubicBezTo>
                  <a:pt x="216" y="248"/>
                  <a:pt x="216" y="248"/>
                  <a:pt x="216" y="248"/>
                </a:cubicBezTo>
                <a:lnTo>
                  <a:pt x="221" y="248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21" name="TextBox 320"/>
          <p:cNvSpPr txBox="1"/>
          <p:nvPr userDrawn="1"/>
        </p:nvSpPr>
        <p:spPr>
          <a:xfrm>
            <a:off x="1342302" y="2639098"/>
            <a:ext cx="652701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loud and telecom</a:t>
            </a:r>
          </a:p>
        </p:txBody>
      </p:sp>
      <p:sp>
        <p:nvSpPr>
          <p:cNvPr id="322" name="TextBox 321"/>
          <p:cNvSpPr txBox="1"/>
          <p:nvPr userDrawn="1"/>
        </p:nvSpPr>
        <p:spPr>
          <a:xfrm>
            <a:off x="9111403" y="3463575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nagement software</a:t>
            </a:r>
          </a:p>
        </p:txBody>
      </p:sp>
      <p:sp>
        <p:nvSpPr>
          <p:cNvPr id="323" name="TextBox 322"/>
          <p:cNvSpPr txBox="1"/>
          <p:nvPr userDrawn="1"/>
        </p:nvSpPr>
        <p:spPr>
          <a:xfrm>
            <a:off x="8216668" y="4284666"/>
            <a:ext cx="923938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ower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easurement</a:t>
            </a:r>
          </a:p>
        </p:txBody>
      </p:sp>
      <p:sp>
        <p:nvSpPr>
          <p:cNvPr id="324" name="TextBox 323"/>
          <p:cNvSpPr txBox="1"/>
          <p:nvPr userDrawn="1"/>
        </p:nvSpPr>
        <p:spPr>
          <a:xfrm>
            <a:off x="11002917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Intelligent power and motor control</a:t>
            </a:r>
          </a:p>
        </p:txBody>
      </p:sp>
      <p:sp>
        <p:nvSpPr>
          <p:cNvPr id="325" name="TextBox 324"/>
          <p:cNvSpPr txBox="1"/>
          <p:nvPr userDrawn="1"/>
        </p:nvSpPr>
        <p:spPr>
          <a:xfrm>
            <a:off x="10011711" y="4284666"/>
            <a:ext cx="1088520" cy="205184"/>
          </a:xfrm>
          <a:prstGeom prst="rect">
            <a:avLst/>
          </a:prstGeom>
          <a:noFill/>
        </p:spPr>
        <p:txBody>
          <a:bodyPr wrap="square" tIns="0" bIns="0" rtlCol="0" anchor="t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Renewable energy conversion</a:t>
            </a:r>
          </a:p>
        </p:txBody>
      </p:sp>
      <p:sp>
        <p:nvSpPr>
          <p:cNvPr id="326" name="TextBox 325"/>
          <p:cNvSpPr txBox="1"/>
          <p:nvPr userDrawn="1"/>
        </p:nvSpPr>
        <p:spPr>
          <a:xfrm>
            <a:off x="8155724" y="2639098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Electric vehicle recharging</a:t>
            </a:r>
          </a:p>
        </p:txBody>
      </p:sp>
      <p:sp>
        <p:nvSpPr>
          <p:cNvPr id="327" name="TextBox 326"/>
          <p:cNvSpPr txBox="1"/>
          <p:nvPr userDrawn="1"/>
        </p:nvSpPr>
        <p:spPr>
          <a:xfrm>
            <a:off x="7161499" y="3463575"/>
            <a:ext cx="1131215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Lifts and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escalators control</a:t>
            </a:r>
          </a:p>
        </p:txBody>
      </p:sp>
      <p:sp>
        <p:nvSpPr>
          <p:cNvPr id="328" name="TextBox 327"/>
          <p:cNvSpPr txBox="1"/>
          <p:nvPr userDrawn="1"/>
        </p:nvSpPr>
        <p:spPr>
          <a:xfrm>
            <a:off x="10011711" y="3463575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terial handling control</a:t>
            </a:r>
          </a:p>
        </p:txBody>
      </p:sp>
      <p:sp>
        <p:nvSpPr>
          <p:cNvPr id="329" name="TextBox 328"/>
          <p:cNvSpPr txBox="1"/>
          <p:nvPr userDrawn="1"/>
        </p:nvSpPr>
        <p:spPr>
          <a:xfrm>
            <a:off x="9111403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Hoisting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0" name="TextBox 329"/>
          <p:cNvSpPr txBox="1"/>
          <p:nvPr userDrawn="1"/>
        </p:nvSpPr>
        <p:spPr>
          <a:xfrm>
            <a:off x="7220946" y="5038364"/>
            <a:ext cx="1088520" cy="353545"/>
          </a:xfrm>
          <a:prstGeom prst="rect">
            <a:avLst/>
          </a:prstGeom>
          <a:noFill/>
        </p:spPr>
        <p:txBody>
          <a:bodyPr wrap="square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Uninterruptable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ower supply</a:t>
            </a:r>
          </a:p>
        </p:txBody>
      </p:sp>
      <p:sp>
        <p:nvSpPr>
          <p:cNvPr id="331" name="TextBox 330"/>
          <p:cNvSpPr txBox="1"/>
          <p:nvPr userDrawn="1"/>
        </p:nvSpPr>
        <p:spPr>
          <a:xfrm>
            <a:off x="11002917" y="4284666"/>
            <a:ext cx="1088520" cy="12311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Surveillance</a:t>
            </a:r>
          </a:p>
        </p:txBody>
      </p:sp>
      <p:sp>
        <p:nvSpPr>
          <p:cNvPr id="332" name="TextBox 331"/>
          <p:cNvSpPr txBox="1"/>
          <p:nvPr userDrawn="1"/>
        </p:nvSpPr>
        <p:spPr>
          <a:xfrm>
            <a:off x="10011711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HVAC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3" name="TextBox 332"/>
          <p:cNvSpPr txBox="1"/>
          <p:nvPr userDrawn="1"/>
        </p:nvSpPr>
        <p:spPr>
          <a:xfrm>
            <a:off x="8113030" y="3463575"/>
            <a:ext cx="1131215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Lighting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4" name="Freeform 196"/>
          <p:cNvSpPr>
            <a:spLocks noChangeAspect="1"/>
          </p:cNvSpPr>
          <p:nvPr userDrawn="1"/>
        </p:nvSpPr>
        <p:spPr bwMode="auto">
          <a:xfrm>
            <a:off x="7555769" y="2195360"/>
            <a:ext cx="327661" cy="393192"/>
          </a:xfrm>
          <a:custGeom>
            <a:avLst/>
            <a:gdLst/>
            <a:ahLst/>
            <a:cxnLst>
              <a:cxn ang="0">
                <a:pos x="47" y="131"/>
              </a:cxn>
              <a:cxn ang="0">
                <a:pos x="47" y="135"/>
              </a:cxn>
              <a:cxn ang="0">
                <a:pos x="86" y="174"/>
              </a:cxn>
              <a:cxn ang="0">
                <a:pos x="133" y="107"/>
              </a:cxn>
              <a:cxn ang="0">
                <a:pos x="226" y="133"/>
              </a:cxn>
              <a:cxn ang="0">
                <a:pos x="181" y="196"/>
              </a:cxn>
              <a:cxn ang="0">
                <a:pos x="167" y="240"/>
              </a:cxn>
              <a:cxn ang="0">
                <a:pos x="181" y="344"/>
              </a:cxn>
              <a:cxn ang="0">
                <a:pos x="231" y="275"/>
              </a:cxn>
              <a:cxn ang="0">
                <a:pos x="205" y="283"/>
              </a:cxn>
              <a:cxn ang="0">
                <a:pos x="181" y="317"/>
              </a:cxn>
              <a:cxn ang="0">
                <a:pos x="181" y="265"/>
              </a:cxn>
              <a:cxn ang="0">
                <a:pos x="194" y="223"/>
              </a:cxn>
              <a:cxn ang="0">
                <a:pos x="253" y="209"/>
              </a:cxn>
              <a:cxn ang="0">
                <a:pos x="175" y="55"/>
              </a:cxn>
              <a:cxn ang="0">
                <a:pos x="97" y="134"/>
              </a:cxn>
              <a:cxn ang="0">
                <a:pos x="86" y="147"/>
              </a:cxn>
              <a:cxn ang="0">
                <a:pos x="74" y="135"/>
              </a:cxn>
              <a:cxn ang="0">
                <a:pos x="73" y="130"/>
              </a:cxn>
              <a:cxn ang="0">
                <a:pos x="281" y="130"/>
              </a:cxn>
              <a:cxn ang="0">
                <a:pos x="281" y="206"/>
              </a:cxn>
              <a:cxn ang="0">
                <a:pos x="295" y="223"/>
              </a:cxn>
              <a:cxn ang="0">
                <a:pos x="346" y="370"/>
              </a:cxn>
              <a:cxn ang="0">
                <a:pos x="79" y="422"/>
              </a:cxn>
              <a:cxn ang="0">
                <a:pos x="26" y="276"/>
              </a:cxn>
              <a:cxn ang="0">
                <a:pos x="99" y="223"/>
              </a:cxn>
              <a:cxn ang="0">
                <a:pos x="99" y="197"/>
              </a:cxn>
              <a:cxn ang="0">
                <a:pos x="0" y="276"/>
              </a:cxn>
              <a:cxn ang="0">
                <a:pos x="79" y="449"/>
              </a:cxn>
              <a:cxn ang="0">
                <a:pos x="373" y="370"/>
              </a:cxn>
              <a:cxn ang="0">
                <a:pos x="308" y="198"/>
              </a:cxn>
              <a:cxn ang="0">
                <a:pos x="177" y="0"/>
              </a:cxn>
            </a:cxnLst>
            <a:rect l="0" t="0" r="r" b="b"/>
            <a:pathLst>
              <a:path w="373" h="449">
                <a:moveTo>
                  <a:pt x="47" y="130"/>
                </a:moveTo>
                <a:cubicBezTo>
                  <a:pt x="47" y="130"/>
                  <a:pt x="47" y="131"/>
                  <a:pt x="47" y="131"/>
                </a:cubicBezTo>
                <a:cubicBezTo>
                  <a:pt x="47" y="136"/>
                  <a:pt x="47" y="136"/>
                  <a:pt x="47" y="136"/>
                </a:cubicBezTo>
                <a:cubicBezTo>
                  <a:pt x="47" y="136"/>
                  <a:pt x="47" y="136"/>
                  <a:pt x="47" y="135"/>
                </a:cubicBezTo>
                <a:cubicBezTo>
                  <a:pt x="47" y="146"/>
                  <a:pt x="51" y="155"/>
                  <a:pt x="58" y="163"/>
                </a:cubicBezTo>
                <a:cubicBezTo>
                  <a:pt x="66" y="170"/>
                  <a:pt x="75" y="174"/>
                  <a:pt x="86" y="174"/>
                </a:cubicBezTo>
                <a:cubicBezTo>
                  <a:pt x="106" y="174"/>
                  <a:pt x="123" y="157"/>
                  <a:pt x="124" y="136"/>
                </a:cubicBezTo>
                <a:cubicBezTo>
                  <a:pt x="124" y="136"/>
                  <a:pt x="125" y="121"/>
                  <a:pt x="133" y="107"/>
                </a:cubicBezTo>
                <a:cubicBezTo>
                  <a:pt x="142" y="90"/>
                  <a:pt x="156" y="82"/>
                  <a:pt x="175" y="82"/>
                </a:cubicBezTo>
                <a:cubicBezTo>
                  <a:pt x="204" y="82"/>
                  <a:pt x="226" y="105"/>
                  <a:pt x="226" y="133"/>
                </a:cubicBezTo>
                <a:cubicBezTo>
                  <a:pt x="226" y="133"/>
                  <a:pt x="226" y="178"/>
                  <a:pt x="226" y="196"/>
                </a:cubicBezTo>
                <a:cubicBezTo>
                  <a:pt x="210" y="196"/>
                  <a:pt x="181" y="196"/>
                  <a:pt x="181" y="196"/>
                </a:cubicBezTo>
                <a:cubicBezTo>
                  <a:pt x="173" y="196"/>
                  <a:pt x="167" y="202"/>
                  <a:pt x="167" y="209"/>
                </a:cubicBezTo>
                <a:cubicBezTo>
                  <a:pt x="167" y="209"/>
                  <a:pt x="167" y="228"/>
                  <a:pt x="167" y="240"/>
                </a:cubicBezTo>
                <a:cubicBezTo>
                  <a:pt x="145" y="246"/>
                  <a:pt x="128" y="267"/>
                  <a:pt x="128" y="291"/>
                </a:cubicBezTo>
                <a:cubicBezTo>
                  <a:pt x="128" y="320"/>
                  <a:pt x="152" y="344"/>
                  <a:pt x="181" y="344"/>
                </a:cubicBezTo>
                <a:cubicBezTo>
                  <a:pt x="210" y="344"/>
                  <a:pt x="233" y="320"/>
                  <a:pt x="233" y="291"/>
                </a:cubicBezTo>
                <a:cubicBezTo>
                  <a:pt x="233" y="285"/>
                  <a:pt x="232" y="280"/>
                  <a:pt x="231" y="275"/>
                </a:cubicBezTo>
                <a:cubicBezTo>
                  <a:pt x="228" y="268"/>
                  <a:pt x="221" y="264"/>
                  <a:pt x="214" y="266"/>
                </a:cubicBezTo>
                <a:cubicBezTo>
                  <a:pt x="207" y="268"/>
                  <a:pt x="203" y="276"/>
                  <a:pt x="205" y="283"/>
                </a:cubicBezTo>
                <a:cubicBezTo>
                  <a:pt x="206" y="285"/>
                  <a:pt x="207" y="288"/>
                  <a:pt x="207" y="291"/>
                </a:cubicBezTo>
                <a:cubicBezTo>
                  <a:pt x="207" y="305"/>
                  <a:pt x="195" y="317"/>
                  <a:pt x="181" y="317"/>
                </a:cubicBezTo>
                <a:cubicBezTo>
                  <a:pt x="166" y="317"/>
                  <a:pt x="155" y="305"/>
                  <a:pt x="155" y="291"/>
                </a:cubicBezTo>
                <a:cubicBezTo>
                  <a:pt x="155" y="277"/>
                  <a:pt x="166" y="265"/>
                  <a:pt x="181" y="265"/>
                </a:cubicBezTo>
                <a:cubicBezTo>
                  <a:pt x="188" y="265"/>
                  <a:pt x="194" y="259"/>
                  <a:pt x="194" y="252"/>
                </a:cubicBezTo>
                <a:cubicBezTo>
                  <a:pt x="194" y="252"/>
                  <a:pt x="194" y="235"/>
                  <a:pt x="194" y="223"/>
                </a:cubicBezTo>
                <a:cubicBezTo>
                  <a:pt x="210" y="223"/>
                  <a:pt x="240" y="223"/>
                  <a:pt x="240" y="223"/>
                </a:cubicBezTo>
                <a:cubicBezTo>
                  <a:pt x="247" y="223"/>
                  <a:pt x="253" y="217"/>
                  <a:pt x="253" y="209"/>
                </a:cubicBezTo>
                <a:cubicBezTo>
                  <a:pt x="253" y="133"/>
                  <a:pt x="253" y="133"/>
                  <a:pt x="253" y="133"/>
                </a:cubicBezTo>
                <a:cubicBezTo>
                  <a:pt x="253" y="90"/>
                  <a:pt x="218" y="55"/>
                  <a:pt x="175" y="55"/>
                </a:cubicBezTo>
                <a:cubicBezTo>
                  <a:pt x="146" y="55"/>
                  <a:pt x="123" y="69"/>
                  <a:pt x="109" y="96"/>
                </a:cubicBezTo>
                <a:cubicBezTo>
                  <a:pt x="99" y="114"/>
                  <a:pt x="97" y="133"/>
                  <a:pt x="97" y="134"/>
                </a:cubicBezTo>
                <a:cubicBezTo>
                  <a:pt x="97" y="134"/>
                  <a:pt x="97" y="135"/>
                  <a:pt x="97" y="135"/>
                </a:cubicBezTo>
                <a:cubicBezTo>
                  <a:pt x="97" y="142"/>
                  <a:pt x="92" y="147"/>
                  <a:pt x="86" y="147"/>
                </a:cubicBezTo>
                <a:cubicBezTo>
                  <a:pt x="82" y="147"/>
                  <a:pt x="79" y="146"/>
                  <a:pt x="77" y="144"/>
                </a:cubicBezTo>
                <a:cubicBezTo>
                  <a:pt x="75" y="141"/>
                  <a:pt x="74" y="138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4" y="135"/>
                  <a:pt x="73" y="131"/>
                  <a:pt x="73" y="130"/>
                </a:cubicBezTo>
                <a:cubicBezTo>
                  <a:pt x="74" y="73"/>
                  <a:pt x="120" y="27"/>
                  <a:pt x="177" y="27"/>
                </a:cubicBezTo>
                <a:cubicBezTo>
                  <a:pt x="235" y="27"/>
                  <a:pt x="281" y="73"/>
                  <a:pt x="281" y="130"/>
                </a:cubicBezTo>
                <a:cubicBezTo>
                  <a:pt x="281" y="206"/>
                  <a:pt x="281" y="206"/>
                  <a:pt x="281" y="206"/>
                </a:cubicBezTo>
                <a:cubicBezTo>
                  <a:pt x="281" y="206"/>
                  <a:pt x="281" y="206"/>
                  <a:pt x="281" y="206"/>
                </a:cubicBezTo>
                <a:cubicBezTo>
                  <a:pt x="281" y="210"/>
                  <a:pt x="281" y="210"/>
                  <a:pt x="281" y="210"/>
                </a:cubicBezTo>
                <a:cubicBezTo>
                  <a:pt x="281" y="217"/>
                  <a:pt x="287" y="223"/>
                  <a:pt x="295" y="223"/>
                </a:cubicBezTo>
                <a:cubicBezTo>
                  <a:pt x="323" y="223"/>
                  <a:pt x="346" y="247"/>
                  <a:pt x="346" y="276"/>
                </a:cubicBezTo>
                <a:cubicBezTo>
                  <a:pt x="346" y="370"/>
                  <a:pt x="346" y="370"/>
                  <a:pt x="346" y="370"/>
                </a:cubicBezTo>
                <a:cubicBezTo>
                  <a:pt x="346" y="399"/>
                  <a:pt x="323" y="422"/>
                  <a:pt x="294" y="422"/>
                </a:cubicBezTo>
                <a:cubicBezTo>
                  <a:pt x="79" y="422"/>
                  <a:pt x="79" y="422"/>
                  <a:pt x="79" y="422"/>
                </a:cubicBezTo>
                <a:cubicBezTo>
                  <a:pt x="50" y="422"/>
                  <a:pt x="26" y="399"/>
                  <a:pt x="26" y="370"/>
                </a:cubicBezTo>
                <a:cubicBezTo>
                  <a:pt x="26" y="276"/>
                  <a:pt x="26" y="276"/>
                  <a:pt x="26" y="276"/>
                </a:cubicBezTo>
                <a:cubicBezTo>
                  <a:pt x="26" y="247"/>
                  <a:pt x="50" y="223"/>
                  <a:pt x="79" y="223"/>
                </a:cubicBezTo>
                <a:cubicBezTo>
                  <a:pt x="99" y="223"/>
                  <a:pt x="99" y="223"/>
                  <a:pt x="99" y="223"/>
                </a:cubicBezTo>
                <a:cubicBezTo>
                  <a:pt x="106" y="223"/>
                  <a:pt x="112" y="217"/>
                  <a:pt x="112" y="210"/>
                </a:cubicBezTo>
                <a:cubicBezTo>
                  <a:pt x="112" y="202"/>
                  <a:pt x="106" y="197"/>
                  <a:pt x="99" y="197"/>
                </a:cubicBezTo>
                <a:cubicBezTo>
                  <a:pt x="79" y="197"/>
                  <a:pt x="79" y="197"/>
                  <a:pt x="79" y="197"/>
                </a:cubicBezTo>
                <a:cubicBezTo>
                  <a:pt x="35" y="197"/>
                  <a:pt x="0" y="232"/>
                  <a:pt x="0" y="276"/>
                </a:cubicBezTo>
                <a:cubicBezTo>
                  <a:pt x="0" y="370"/>
                  <a:pt x="0" y="370"/>
                  <a:pt x="0" y="370"/>
                </a:cubicBezTo>
                <a:cubicBezTo>
                  <a:pt x="0" y="413"/>
                  <a:pt x="35" y="449"/>
                  <a:pt x="79" y="449"/>
                </a:cubicBezTo>
                <a:cubicBezTo>
                  <a:pt x="294" y="449"/>
                  <a:pt x="294" y="449"/>
                  <a:pt x="294" y="449"/>
                </a:cubicBezTo>
                <a:cubicBezTo>
                  <a:pt x="337" y="449"/>
                  <a:pt x="373" y="413"/>
                  <a:pt x="373" y="370"/>
                </a:cubicBezTo>
                <a:cubicBezTo>
                  <a:pt x="373" y="276"/>
                  <a:pt x="373" y="276"/>
                  <a:pt x="373" y="276"/>
                </a:cubicBezTo>
                <a:cubicBezTo>
                  <a:pt x="373" y="237"/>
                  <a:pt x="345" y="204"/>
                  <a:pt x="308" y="198"/>
                </a:cubicBezTo>
                <a:cubicBezTo>
                  <a:pt x="308" y="185"/>
                  <a:pt x="308" y="130"/>
                  <a:pt x="308" y="130"/>
                </a:cubicBezTo>
                <a:cubicBezTo>
                  <a:pt x="308" y="58"/>
                  <a:pt x="249" y="0"/>
                  <a:pt x="177" y="0"/>
                </a:cubicBezTo>
                <a:cubicBezTo>
                  <a:pt x="105" y="0"/>
                  <a:pt x="47" y="58"/>
                  <a:pt x="47" y="13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335" name="TextBox 334"/>
          <p:cNvSpPr txBox="1"/>
          <p:nvPr userDrawn="1"/>
        </p:nvSpPr>
        <p:spPr>
          <a:xfrm>
            <a:off x="7182846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Access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6" name="Freeform 335"/>
          <p:cNvSpPr>
            <a:spLocks noChangeAspect="1"/>
          </p:cNvSpPr>
          <p:nvPr userDrawn="1"/>
        </p:nvSpPr>
        <p:spPr bwMode="auto">
          <a:xfrm>
            <a:off x="11279225" y="3000094"/>
            <a:ext cx="509366" cy="393192"/>
          </a:xfrm>
          <a:custGeom>
            <a:avLst/>
            <a:gdLst/>
            <a:ahLst/>
            <a:cxnLst>
              <a:cxn ang="0">
                <a:pos x="197" y="14"/>
              </a:cxn>
              <a:cxn ang="0">
                <a:pos x="180" y="79"/>
              </a:cxn>
              <a:cxn ang="0">
                <a:pos x="167" y="92"/>
              </a:cxn>
              <a:cxn ang="0">
                <a:pos x="196" y="139"/>
              </a:cxn>
              <a:cxn ang="0">
                <a:pos x="220" y="175"/>
              </a:cxn>
              <a:cxn ang="0">
                <a:pos x="234" y="185"/>
              </a:cxn>
              <a:cxn ang="0">
                <a:pos x="233" y="291"/>
              </a:cxn>
              <a:cxn ang="0">
                <a:pos x="185" y="188"/>
              </a:cxn>
              <a:cxn ang="0">
                <a:pos x="194" y="168"/>
              </a:cxn>
              <a:cxn ang="0">
                <a:pos x="125" y="79"/>
              </a:cxn>
              <a:cxn ang="0">
                <a:pos x="69" y="89"/>
              </a:cxn>
              <a:cxn ang="0">
                <a:pos x="3" y="354"/>
              </a:cxn>
              <a:cxn ang="0">
                <a:pos x="450" y="359"/>
              </a:cxn>
              <a:cxn ang="0">
                <a:pos x="463" y="343"/>
              </a:cxn>
              <a:cxn ang="0">
                <a:pos x="385" y="79"/>
              </a:cxn>
              <a:cxn ang="0">
                <a:pos x="316" y="92"/>
              </a:cxn>
              <a:cxn ang="0">
                <a:pos x="375" y="106"/>
              </a:cxn>
              <a:cxn ang="0">
                <a:pos x="31" y="333"/>
              </a:cxn>
              <a:cxn ang="0">
                <a:pos x="118" y="106"/>
              </a:cxn>
              <a:cxn ang="0">
                <a:pos x="72" y="241"/>
              </a:cxn>
              <a:cxn ang="0">
                <a:pos x="341" y="300"/>
              </a:cxn>
              <a:cxn ang="0">
                <a:pos x="342" y="180"/>
              </a:cxn>
              <a:cxn ang="0">
                <a:pos x="205" y="106"/>
              </a:cxn>
              <a:cxn ang="0">
                <a:pos x="223" y="92"/>
              </a:cxn>
              <a:cxn ang="0">
                <a:pos x="244" y="27"/>
              </a:cxn>
              <a:cxn ang="0">
                <a:pos x="257" y="106"/>
              </a:cxn>
              <a:cxn ang="0">
                <a:pos x="245" y="131"/>
              </a:cxn>
              <a:cxn ang="0">
                <a:pos x="248" y="150"/>
              </a:cxn>
              <a:cxn ang="0">
                <a:pos x="298" y="100"/>
              </a:cxn>
              <a:cxn ang="0">
                <a:pos x="287" y="79"/>
              </a:cxn>
              <a:cxn ang="0">
                <a:pos x="270" y="14"/>
              </a:cxn>
              <a:cxn ang="0">
                <a:pos x="210" y="0"/>
              </a:cxn>
            </a:cxnLst>
            <a:rect l="0" t="0" r="r" b="b"/>
            <a:pathLst>
              <a:path w="464" h="359">
                <a:moveTo>
                  <a:pt x="210" y="0"/>
                </a:moveTo>
                <a:cubicBezTo>
                  <a:pt x="203" y="0"/>
                  <a:pt x="197" y="6"/>
                  <a:pt x="197" y="14"/>
                </a:cubicBezTo>
                <a:cubicBezTo>
                  <a:pt x="197" y="14"/>
                  <a:pt x="197" y="61"/>
                  <a:pt x="197" y="79"/>
                </a:cubicBezTo>
                <a:cubicBezTo>
                  <a:pt x="188" y="79"/>
                  <a:pt x="180" y="79"/>
                  <a:pt x="180" y="79"/>
                </a:cubicBezTo>
                <a:cubicBezTo>
                  <a:pt x="175" y="79"/>
                  <a:pt x="171" y="82"/>
                  <a:pt x="168" y="86"/>
                </a:cubicBezTo>
                <a:cubicBezTo>
                  <a:pt x="167" y="88"/>
                  <a:pt x="167" y="90"/>
                  <a:pt x="167" y="92"/>
                </a:cubicBezTo>
                <a:cubicBezTo>
                  <a:pt x="167" y="95"/>
                  <a:pt x="168" y="98"/>
                  <a:pt x="169" y="100"/>
                </a:cubicBezTo>
                <a:cubicBezTo>
                  <a:pt x="196" y="139"/>
                  <a:pt x="196" y="139"/>
                  <a:pt x="196" y="139"/>
                </a:cubicBezTo>
                <a:cubicBezTo>
                  <a:pt x="214" y="166"/>
                  <a:pt x="214" y="166"/>
                  <a:pt x="214" y="166"/>
                </a:cubicBezTo>
                <a:cubicBezTo>
                  <a:pt x="220" y="175"/>
                  <a:pt x="220" y="175"/>
                  <a:pt x="220" y="175"/>
                </a:cubicBezTo>
                <a:cubicBezTo>
                  <a:pt x="224" y="180"/>
                  <a:pt x="226" y="184"/>
                  <a:pt x="233" y="185"/>
                </a:cubicBezTo>
                <a:cubicBezTo>
                  <a:pt x="233" y="185"/>
                  <a:pt x="234" y="185"/>
                  <a:pt x="234" y="185"/>
                </a:cubicBezTo>
                <a:cubicBezTo>
                  <a:pt x="311" y="185"/>
                  <a:pt x="365" y="215"/>
                  <a:pt x="365" y="241"/>
                </a:cubicBezTo>
                <a:cubicBezTo>
                  <a:pt x="365" y="266"/>
                  <a:pt x="316" y="291"/>
                  <a:pt x="233" y="291"/>
                </a:cubicBezTo>
                <a:cubicBezTo>
                  <a:pt x="150" y="291"/>
                  <a:pt x="99" y="265"/>
                  <a:pt x="99" y="241"/>
                </a:cubicBezTo>
                <a:cubicBezTo>
                  <a:pt x="99" y="219"/>
                  <a:pt x="135" y="197"/>
                  <a:pt x="185" y="188"/>
                </a:cubicBezTo>
                <a:cubicBezTo>
                  <a:pt x="190" y="188"/>
                  <a:pt x="193" y="185"/>
                  <a:pt x="195" y="180"/>
                </a:cubicBezTo>
                <a:cubicBezTo>
                  <a:pt x="197" y="176"/>
                  <a:pt x="196" y="171"/>
                  <a:pt x="194" y="168"/>
                </a:cubicBezTo>
                <a:cubicBezTo>
                  <a:pt x="136" y="85"/>
                  <a:pt x="136" y="85"/>
                  <a:pt x="136" y="85"/>
                </a:cubicBezTo>
                <a:cubicBezTo>
                  <a:pt x="134" y="81"/>
                  <a:pt x="130" y="79"/>
                  <a:pt x="125" y="79"/>
                </a:cubicBezTo>
                <a:cubicBezTo>
                  <a:pt x="82" y="79"/>
                  <a:pt x="82" y="79"/>
                  <a:pt x="82" y="79"/>
                </a:cubicBezTo>
                <a:cubicBezTo>
                  <a:pt x="76" y="79"/>
                  <a:pt x="70" y="83"/>
                  <a:pt x="69" y="89"/>
                </a:cubicBezTo>
                <a:cubicBezTo>
                  <a:pt x="1" y="342"/>
                  <a:pt x="1" y="342"/>
                  <a:pt x="1" y="342"/>
                </a:cubicBezTo>
                <a:cubicBezTo>
                  <a:pt x="0" y="346"/>
                  <a:pt x="1" y="351"/>
                  <a:pt x="3" y="354"/>
                </a:cubicBezTo>
                <a:cubicBezTo>
                  <a:pt x="6" y="357"/>
                  <a:pt x="10" y="359"/>
                  <a:pt x="14" y="359"/>
                </a:cubicBezTo>
                <a:cubicBezTo>
                  <a:pt x="450" y="359"/>
                  <a:pt x="450" y="359"/>
                  <a:pt x="450" y="359"/>
                </a:cubicBezTo>
                <a:cubicBezTo>
                  <a:pt x="454" y="359"/>
                  <a:pt x="458" y="357"/>
                  <a:pt x="461" y="354"/>
                </a:cubicBezTo>
                <a:cubicBezTo>
                  <a:pt x="463" y="351"/>
                  <a:pt x="464" y="347"/>
                  <a:pt x="463" y="343"/>
                </a:cubicBezTo>
                <a:cubicBezTo>
                  <a:pt x="398" y="89"/>
                  <a:pt x="398" y="89"/>
                  <a:pt x="398" y="89"/>
                </a:cubicBezTo>
                <a:cubicBezTo>
                  <a:pt x="397" y="83"/>
                  <a:pt x="391" y="79"/>
                  <a:pt x="385" y="79"/>
                </a:cubicBezTo>
                <a:cubicBezTo>
                  <a:pt x="329" y="79"/>
                  <a:pt x="329" y="79"/>
                  <a:pt x="329" y="79"/>
                </a:cubicBezTo>
                <a:cubicBezTo>
                  <a:pt x="321" y="79"/>
                  <a:pt x="316" y="85"/>
                  <a:pt x="316" y="92"/>
                </a:cubicBezTo>
                <a:cubicBezTo>
                  <a:pt x="316" y="100"/>
                  <a:pt x="321" y="106"/>
                  <a:pt x="329" y="106"/>
                </a:cubicBezTo>
                <a:cubicBezTo>
                  <a:pt x="329" y="106"/>
                  <a:pt x="361" y="106"/>
                  <a:pt x="375" y="106"/>
                </a:cubicBezTo>
                <a:cubicBezTo>
                  <a:pt x="379" y="123"/>
                  <a:pt x="426" y="305"/>
                  <a:pt x="433" y="333"/>
                </a:cubicBezTo>
                <a:cubicBezTo>
                  <a:pt x="403" y="333"/>
                  <a:pt x="62" y="333"/>
                  <a:pt x="31" y="333"/>
                </a:cubicBezTo>
                <a:cubicBezTo>
                  <a:pt x="39" y="304"/>
                  <a:pt x="87" y="123"/>
                  <a:pt x="92" y="106"/>
                </a:cubicBezTo>
                <a:cubicBezTo>
                  <a:pt x="101" y="106"/>
                  <a:pt x="111" y="106"/>
                  <a:pt x="118" y="106"/>
                </a:cubicBezTo>
                <a:cubicBezTo>
                  <a:pt x="124" y="113"/>
                  <a:pt x="147" y="147"/>
                  <a:pt x="160" y="166"/>
                </a:cubicBezTo>
                <a:cubicBezTo>
                  <a:pt x="106" y="180"/>
                  <a:pt x="72" y="208"/>
                  <a:pt x="72" y="241"/>
                </a:cubicBezTo>
                <a:cubicBezTo>
                  <a:pt x="72" y="286"/>
                  <a:pt x="138" y="318"/>
                  <a:pt x="233" y="318"/>
                </a:cubicBezTo>
                <a:cubicBezTo>
                  <a:pt x="275" y="318"/>
                  <a:pt x="313" y="311"/>
                  <a:pt x="341" y="300"/>
                </a:cubicBezTo>
                <a:cubicBezTo>
                  <a:pt x="374" y="286"/>
                  <a:pt x="392" y="265"/>
                  <a:pt x="392" y="241"/>
                </a:cubicBezTo>
                <a:cubicBezTo>
                  <a:pt x="392" y="217"/>
                  <a:pt x="374" y="195"/>
                  <a:pt x="342" y="180"/>
                </a:cubicBezTo>
                <a:cubicBezTo>
                  <a:pt x="315" y="167"/>
                  <a:pt x="279" y="159"/>
                  <a:pt x="241" y="158"/>
                </a:cubicBezTo>
                <a:cubicBezTo>
                  <a:pt x="234" y="148"/>
                  <a:pt x="218" y="125"/>
                  <a:pt x="205" y="106"/>
                </a:cubicBezTo>
                <a:cubicBezTo>
                  <a:pt x="206" y="106"/>
                  <a:pt x="210" y="106"/>
                  <a:pt x="210" y="106"/>
                </a:cubicBezTo>
                <a:cubicBezTo>
                  <a:pt x="217" y="106"/>
                  <a:pt x="223" y="100"/>
                  <a:pt x="223" y="92"/>
                </a:cubicBezTo>
                <a:cubicBezTo>
                  <a:pt x="223" y="92"/>
                  <a:pt x="223" y="45"/>
                  <a:pt x="223" y="27"/>
                </a:cubicBezTo>
                <a:cubicBezTo>
                  <a:pt x="232" y="27"/>
                  <a:pt x="235" y="27"/>
                  <a:pt x="244" y="27"/>
                </a:cubicBezTo>
                <a:cubicBezTo>
                  <a:pt x="244" y="45"/>
                  <a:pt x="244" y="92"/>
                  <a:pt x="244" y="92"/>
                </a:cubicBezTo>
                <a:cubicBezTo>
                  <a:pt x="244" y="100"/>
                  <a:pt x="250" y="106"/>
                  <a:pt x="257" y="106"/>
                </a:cubicBezTo>
                <a:cubicBezTo>
                  <a:pt x="257" y="106"/>
                  <a:pt x="261" y="106"/>
                  <a:pt x="262" y="106"/>
                </a:cubicBezTo>
                <a:cubicBezTo>
                  <a:pt x="253" y="118"/>
                  <a:pt x="245" y="131"/>
                  <a:pt x="245" y="131"/>
                </a:cubicBezTo>
                <a:cubicBezTo>
                  <a:pt x="243" y="133"/>
                  <a:pt x="242" y="136"/>
                  <a:pt x="242" y="139"/>
                </a:cubicBezTo>
                <a:cubicBezTo>
                  <a:pt x="242" y="143"/>
                  <a:pt x="244" y="147"/>
                  <a:pt x="248" y="150"/>
                </a:cubicBezTo>
                <a:cubicBezTo>
                  <a:pt x="254" y="154"/>
                  <a:pt x="262" y="152"/>
                  <a:pt x="267" y="146"/>
                </a:cubicBezTo>
                <a:cubicBezTo>
                  <a:pt x="298" y="100"/>
                  <a:pt x="298" y="100"/>
                  <a:pt x="298" y="100"/>
                </a:cubicBezTo>
                <a:cubicBezTo>
                  <a:pt x="301" y="96"/>
                  <a:pt x="301" y="91"/>
                  <a:pt x="299" y="86"/>
                </a:cubicBezTo>
                <a:cubicBezTo>
                  <a:pt x="296" y="82"/>
                  <a:pt x="292" y="79"/>
                  <a:pt x="287" y="79"/>
                </a:cubicBezTo>
                <a:cubicBezTo>
                  <a:pt x="287" y="79"/>
                  <a:pt x="279" y="79"/>
                  <a:pt x="270" y="79"/>
                </a:cubicBezTo>
                <a:cubicBezTo>
                  <a:pt x="270" y="61"/>
                  <a:pt x="270" y="14"/>
                  <a:pt x="270" y="14"/>
                </a:cubicBezTo>
                <a:cubicBezTo>
                  <a:pt x="270" y="6"/>
                  <a:pt x="265" y="0"/>
                  <a:pt x="257" y="0"/>
                </a:cubicBezTo>
                <a:lnTo>
                  <a:pt x="210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7" name="Freeform 160"/>
          <p:cNvSpPr>
            <a:spLocks noChangeAspect="1" noEditPoints="1"/>
          </p:cNvSpPr>
          <p:nvPr userDrawn="1"/>
        </p:nvSpPr>
        <p:spPr bwMode="auto">
          <a:xfrm>
            <a:off x="7452677" y="3824021"/>
            <a:ext cx="521678" cy="393192"/>
          </a:xfrm>
          <a:custGeom>
            <a:avLst/>
            <a:gdLst/>
            <a:ahLst/>
            <a:cxnLst>
              <a:cxn ang="0">
                <a:pos x="457" y="83"/>
              </a:cxn>
              <a:cxn ang="0">
                <a:pos x="449" y="73"/>
              </a:cxn>
              <a:cxn ang="0">
                <a:pos x="277" y="2"/>
              </a:cxn>
              <a:cxn ang="0">
                <a:pos x="264" y="3"/>
              </a:cxn>
              <a:cxn ang="0">
                <a:pos x="191" y="57"/>
              </a:cxn>
              <a:cxn ang="0">
                <a:pos x="186" y="69"/>
              </a:cxn>
              <a:cxn ang="0">
                <a:pos x="194" y="80"/>
              </a:cxn>
              <a:cxn ang="0">
                <a:pos x="311" y="126"/>
              </a:cxn>
              <a:cxn ang="0">
                <a:pos x="214" y="153"/>
              </a:cxn>
              <a:cxn ang="0">
                <a:pos x="179" y="87"/>
              </a:cxn>
              <a:cxn ang="0">
                <a:pos x="173" y="81"/>
              </a:cxn>
              <a:cxn ang="0">
                <a:pos x="21" y="7"/>
              </a:cxn>
              <a:cxn ang="0">
                <a:pos x="5" y="10"/>
              </a:cxn>
              <a:cxn ang="0">
                <a:pos x="3" y="26"/>
              </a:cxn>
              <a:cxn ang="0">
                <a:pos x="44" y="98"/>
              </a:cxn>
              <a:cxn ang="0">
                <a:pos x="44" y="250"/>
              </a:cxn>
              <a:cxn ang="0">
                <a:pos x="50" y="261"/>
              </a:cxn>
              <a:cxn ang="0">
                <a:pos x="168" y="336"/>
              </a:cxn>
              <a:cxn ang="0">
                <a:pos x="186" y="332"/>
              </a:cxn>
              <a:cxn ang="0">
                <a:pos x="182" y="314"/>
              </a:cxn>
              <a:cxn ang="0">
                <a:pos x="70" y="243"/>
              </a:cxn>
              <a:cxn ang="0">
                <a:pos x="70" y="95"/>
              </a:cxn>
              <a:cxn ang="0">
                <a:pos x="69" y="88"/>
              </a:cxn>
              <a:cxn ang="0">
                <a:pos x="47" y="50"/>
              </a:cxn>
              <a:cxn ang="0">
                <a:pos x="157" y="103"/>
              </a:cxn>
              <a:cxn ang="0">
                <a:pos x="176" y="139"/>
              </a:cxn>
              <a:cxn ang="0">
                <a:pos x="99" y="98"/>
              </a:cxn>
              <a:cxn ang="0">
                <a:pos x="81" y="104"/>
              </a:cxn>
              <a:cxn ang="0">
                <a:pos x="87" y="122"/>
              </a:cxn>
              <a:cxn ang="0">
                <a:pos x="196" y="179"/>
              </a:cxn>
              <a:cxn ang="0">
                <a:pos x="196" y="331"/>
              </a:cxn>
              <a:cxn ang="0">
                <a:pos x="201" y="342"/>
              </a:cxn>
              <a:cxn ang="0">
                <a:pos x="213" y="343"/>
              </a:cxn>
              <a:cxn ang="0">
                <a:pos x="389" y="285"/>
              </a:cxn>
              <a:cxn ang="0">
                <a:pos x="398" y="273"/>
              </a:cxn>
              <a:cxn ang="0">
                <a:pos x="398" y="139"/>
              </a:cxn>
              <a:cxn ang="0">
                <a:pos x="452" y="95"/>
              </a:cxn>
              <a:cxn ang="0">
                <a:pos x="457" y="83"/>
              </a:cxn>
              <a:cxn ang="0">
                <a:pos x="376" y="122"/>
              </a:cxn>
              <a:cxn ang="0">
                <a:pos x="371" y="133"/>
              </a:cxn>
              <a:cxn ang="0">
                <a:pos x="371" y="263"/>
              </a:cxn>
              <a:cxn ang="0">
                <a:pos x="222" y="312"/>
              </a:cxn>
              <a:cxn ang="0">
                <a:pos x="222" y="178"/>
              </a:cxn>
              <a:cxn ang="0">
                <a:pos x="357" y="141"/>
              </a:cxn>
              <a:cxn ang="0">
                <a:pos x="367" y="129"/>
              </a:cxn>
              <a:cxn ang="0">
                <a:pos x="359" y="116"/>
              </a:cxn>
              <a:cxn ang="0">
                <a:pos x="226" y="64"/>
              </a:cxn>
              <a:cxn ang="0">
                <a:pos x="274" y="29"/>
              </a:cxn>
              <a:cxn ang="0">
                <a:pos x="418" y="89"/>
              </a:cxn>
              <a:cxn ang="0">
                <a:pos x="376" y="122"/>
              </a:cxn>
            </a:cxnLst>
            <a:rect l="0" t="0" r="r" b="b"/>
            <a:pathLst>
              <a:path w="458" h="345">
                <a:moveTo>
                  <a:pt x="457" y="83"/>
                </a:moveTo>
                <a:cubicBezTo>
                  <a:pt x="456" y="78"/>
                  <a:pt x="453" y="75"/>
                  <a:pt x="449" y="73"/>
                </a:cubicBezTo>
                <a:cubicBezTo>
                  <a:pt x="277" y="2"/>
                  <a:pt x="277" y="2"/>
                  <a:pt x="277" y="2"/>
                </a:cubicBezTo>
                <a:cubicBezTo>
                  <a:pt x="273" y="0"/>
                  <a:pt x="268" y="0"/>
                  <a:pt x="264" y="3"/>
                </a:cubicBezTo>
                <a:cubicBezTo>
                  <a:pt x="191" y="57"/>
                  <a:pt x="191" y="57"/>
                  <a:pt x="191" y="57"/>
                </a:cubicBezTo>
                <a:cubicBezTo>
                  <a:pt x="187" y="59"/>
                  <a:pt x="185" y="64"/>
                  <a:pt x="186" y="69"/>
                </a:cubicBezTo>
                <a:cubicBezTo>
                  <a:pt x="186" y="74"/>
                  <a:pt x="189" y="78"/>
                  <a:pt x="194" y="80"/>
                </a:cubicBezTo>
                <a:cubicBezTo>
                  <a:pt x="311" y="126"/>
                  <a:pt x="311" y="126"/>
                  <a:pt x="311" y="126"/>
                </a:cubicBezTo>
                <a:cubicBezTo>
                  <a:pt x="214" y="153"/>
                  <a:pt x="214" y="153"/>
                  <a:pt x="214" y="153"/>
                </a:cubicBezTo>
                <a:cubicBezTo>
                  <a:pt x="179" y="87"/>
                  <a:pt x="179" y="87"/>
                  <a:pt x="179" y="87"/>
                </a:cubicBezTo>
                <a:cubicBezTo>
                  <a:pt x="177" y="84"/>
                  <a:pt x="175" y="82"/>
                  <a:pt x="173" y="81"/>
                </a:cubicBezTo>
                <a:cubicBezTo>
                  <a:pt x="21" y="7"/>
                  <a:pt x="21" y="7"/>
                  <a:pt x="21" y="7"/>
                </a:cubicBezTo>
                <a:cubicBezTo>
                  <a:pt x="15" y="5"/>
                  <a:pt x="9" y="6"/>
                  <a:pt x="5" y="10"/>
                </a:cubicBezTo>
                <a:cubicBezTo>
                  <a:pt x="1" y="14"/>
                  <a:pt x="0" y="21"/>
                  <a:pt x="3" y="26"/>
                </a:cubicBezTo>
                <a:cubicBezTo>
                  <a:pt x="44" y="98"/>
                  <a:pt x="44" y="98"/>
                  <a:pt x="44" y="98"/>
                </a:cubicBezTo>
                <a:cubicBezTo>
                  <a:pt x="44" y="250"/>
                  <a:pt x="44" y="250"/>
                  <a:pt x="44" y="250"/>
                </a:cubicBezTo>
                <a:cubicBezTo>
                  <a:pt x="44" y="254"/>
                  <a:pt x="46" y="259"/>
                  <a:pt x="50" y="261"/>
                </a:cubicBezTo>
                <a:cubicBezTo>
                  <a:pt x="168" y="336"/>
                  <a:pt x="168" y="336"/>
                  <a:pt x="168" y="336"/>
                </a:cubicBezTo>
                <a:cubicBezTo>
                  <a:pt x="174" y="340"/>
                  <a:pt x="182" y="339"/>
                  <a:pt x="186" y="332"/>
                </a:cubicBezTo>
                <a:cubicBezTo>
                  <a:pt x="190" y="326"/>
                  <a:pt x="189" y="318"/>
                  <a:pt x="182" y="314"/>
                </a:cubicBezTo>
                <a:cubicBezTo>
                  <a:pt x="70" y="243"/>
                  <a:pt x="70" y="243"/>
                  <a:pt x="70" y="243"/>
                </a:cubicBezTo>
                <a:cubicBezTo>
                  <a:pt x="70" y="95"/>
                  <a:pt x="70" y="95"/>
                  <a:pt x="70" y="95"/>
                </a:cubicBezTo>
                <a:cubicBezTo>
                  <a:pt x="70" y="92"/>
                  <a:pt x="70" y="90"/>
                  <a:pt x="69" y="88"/>
                </a:cubicBezTo>
                <a:cubicBezTo>
                  <a:pt x="47" y="50"/>
                  <a:pt x="47" y="50"/>
                  <a:pt x="47" y="50"/>
                </a:cubicBezTo>
                <a:cubicBezTo>
                  <a:pt x="157" y="103"/>
                  <a:pt x="157" y="103"/>
                  <a:pt x="157" y="103"/>
                </a:cubicBezTo>
                <a:cubicBezTo>
                  <a:pt x="176" y="139"/>
                  <a:pt x="176" y="139"/>
                  <a:pt x="176" y="139"/>
                </a:cubicBezTo>
                <a:cubicBezTo>
                  <a:pt x="99" y="98"/>
                  <a:pt x="99" y="98"/>
                  <a:pt x="99" y="98"/>
                </a:cubicBezTo>
                <a:cubicBezTo>
                  <a:pt x="93" y="95"/>
                  <a:pt x="84" y="97"/>
                  <a:pt x="81" y="104"/>
                </a:cubicBezTo>
                <a:cubicBezTo>
                  <a:pt x="78" y="110"/>
                  <a:pt x="80" y="118"/>
                  <a:pt x="87" y="122"/>
                </a:cubicBezTo>
                <a:cubicBezTo>
                  <a:pt x="196" y="179"/>
                  <a:pt x="196" y="179"/>
                  <a:pt x="196" y="179"/>
                </a:cubicBezTo>
                <a:cubicBezTo>
                  <a:pt x="196" y="331"/>
                  <a:pt x="196" y="331"/>
                  <a:pt x="196" y="331"/>
                </a:cubicBezTo>
                <a:cubicBezTo>
                  <a:pt x="196" y="335"/>
                  <a:pt x="198" y="339"/>
                  <a:pt x="201" y="342"/>
                </a:cubicBezTo>
                <a:cubicBezTo>
                  <a:pt x="205" y="344"/>
                  <a:pt x="209" y="345"/>
                  <a:pt x="213" y="343"/>
                </a:cubicBezTo>
                <a:cubicBezTo>
                  <a:pt x="389" y="285"/>
                  <a:pt x="389" y="285"/>
                  <a:pt x="389" y="285"/>
                </a:cubicBezTo>
                <a:cubicBezTo>
                  <a:pt x="394" y="284"/>
                  <a:pt x="398" y="279"/>
                  <a:pt x="398" y="273"/>
                </a:cubicBezTo>
                <a:cubicBezTo>
                  <a:pt x="398" y="139"/>
                  <a:pt x="398" y="139"/>
                  <a:pt x="398" y="139"/>
                </a:cubicBezTo>
                <a:cubicBezTo>
                  <a:pt x="452" y="95"/>
                  <a:pt x="452" y="95"/>
                  <a:pt x="452" y="95"/>
                </a:cubicBezTo>
                <a:cubicBezTo>
                  <a:pt x="456" y="92"/>
                  <a:pt x="458" y="88"/>
                  <a:pt x="457" y="83"/>
                </a:cubicBezTo>
                <a:close/>
                <a:moveTo>
                  <a:pt x="376" y="122"/>
                </a:moveTo>
                <a:cubicBezTo>
                  <a:pt x="373" y="125"/>
                  <a:pt x="371" y="129"/>
                  <a:pt x="371" y="133"/>
                </a:cubicBezTo>
                <a:cubicBezTo>
                  <a:pt x="371" y="263"/>
                  <a:pt x="371" y="263"/>
                  <a:pt x="371" y="263"/>
                </a:cubicBezTo>
                <a:cubicBezTo>
                  <a:pt x="222" y="312"/>
                  <a:pt x="222" y="312"/>
                  <a:pt x="222" y="312"/>
                </a:cubicBezTo>
                <a:cubicBezTo>
                  <a:pt x="222" y="178"/>
                  <a:pt x="222" y="178"/>
                  <a:pt x="222" y="178"/>
                </a:cubicBezTo>
                <a:cubicBezTo>
                  <a:pt x="357" y="141"/>
                  <a:pt x="357" y="141"/>
                  <a:pt x="357" y="141"/>
                </a:cubicBezTo>
                <a:cubicBezTo>
                  <a:pt x="363" y="140"/>
                  <a:pt x="367" y="135"/>
                  <a:pt x="367" y="129"/>
                </a:cubicBezTo>
                <a:cubicBezTo>
                  <a:pt x="367" y="123"/>
                  <a:pt x="364" y="118"/>
                  <a:pt x="359" y="116"/>
                </a:cubicBezTo>
                <a:cubicBezTo>
                  <a:pt x="226" y="64"/>
                  <a:pt x="226" y="64"/>
                  <a:pt x="226" y="64"/>
                </a:cubicBezTo>
                <a:cubicBezTo>
                  <a:pt x="274" y="29"/>
                  <a:pt x="274" y="29"/>
                  <a:pt x="274" y="29"/>
                </a:cubicBezTo>
                <a:cubicBezTo>
                  <a:pt x="418" y="89"/>
                  <a:pt x="418" y="89"/>
                  <a:pt x="418" y="89"/>
                </a:cubicBezTo>
                <a:lnTo>
                  <a:pt x="376" y="122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8" name="Freeform 164"/>
          <p:cNvSpPr>
            <a:spLocks noChangeAspect="1"/>
          </p:cNvSpPr>
          <p:nvPr userDrawn="1"/>
        </p:nvSpPr>
        <p:spPr bwMode="auto">
          <a:xfrm>
            <a:off x="9448825" y="3849421"/>
            <a:ext cx="393193" cy="393192"/>
          </a:xfrm>
          <a:custGeom>
            <a:avLst/>
            <a:gdLst/>
            <a:ahLst/>
            <a:cxnLst>
              <a:cxn ang="0">
                <a:pos x="307" y="183"/>
              </a:cxn>
              <a:cxn ang="0">
                <a:pos x="256" y="269"/>
              </a:cxn>
              <a:cxn ang="0">
                <a:pos x="207" y="180"/>
              </a:cxn>
              <a:cxn ang="0">
                <a:pos x="141" y="85"/>
              </a:cxn>
              <a:cxn ang="0">
                <a:pos x="27" y="183"/>
              </a:cxn>
              <a:cxn ang="0">
                <a:pos x="331" y="101"/>
              </a:cxn>
              <a:cxn ang="0">
                <a:pos x="369" y="143"/>
              </a:cxn>
              <a:cxn ang="0">
                <a:pos x="369" y="143"/>
              </a:cxn>
              <a:cxn ang="0">
                <a:pos x="371" y="144"/>
              </a:cxn>
              <a:cxn ang="0">
                <a:pos x="373" y="144"/>
              </a:cxn>
              <a:cxn ang="0">
                <a:pos x="375" y="144"/>
              </a:cxn>
              <a:cxn ang="0">
                <a:pos x="377" y="143"/>
              </a:cxn>
              <a:cxn ang="0">
                <a:pos x="379" y="143"/>
              </a:cxn>
              <a:cxn ang="0">
                <a:pos x="380" y="142"/>
              </a:cxn>
              <a:cxn ang="0">
                <a:pos x="382" y="141"/>
              </a:cxn>
              <a:cxn ang="0">
                <a:pos x="383" y="139"/>
              </a:cxn>
              <a:cxn ang="0">
                <a:pos x="384" y="138"/>
              </a:cxn>
              <a:cxn ang="0">
                <a:pos x="385" y="137"/>
              </a:cxn>
              <a:cxn ang="0">
                <a:pos x="386" y="135"/>
              </a:cxn>
              <a:cxn ang="0">
                <a:pos x="386" y="134"/>
              </a:cxn>
              <a:cxn ang="0">
                <a:pos x="387" y="132"/>
              </a:cxn>
              <a:cxn ang="0">
                <a:pos x="387" y="131"/>
              </a:cxn>
              <a:cxn ang="0">
                <a:pos x="363" y="79"/>
              </a:cxn>
              <a:cxn ang="0">
                <a:pos x="197" y="0"/>
              </a:cxn>
              <a:cxn ang="0">
                <a:pos x="86" y="210"/>
              </a:cxn>
              <a:cxn ang="0">
                <a:pos x="141" y="111"/>
              </a:cxn>
              <a:cxn ang="0">
                <a:pos x="185" y="200"/>
              </a:cxn>
              <a:cxn ang="0">
                <a:pos x="307" y="244"/>
              </a:cxn>
              <a:cxn ang="0">
                <a:pos x="197" y="367"/>
              </a:cxn>
              <a:cxn ang="0">
                <a:pos x="69" y="297"/>
              </a:cxn>
              <a:cxn ang="0">
                <a:pos x="29" y="251"/>
              </a:cxn>
              <a:cxn ang="0">
                <a:pos x="27" y="250"/>
              </a:cxn>
              <a:cxn ang="0">
                <a:pos x="21" y="250"/>
              </a:cxn>
              <a:cxn ang="0">
                <a:pos x="19" y="250"/>
              </a:cxn>
              <a:cxn ang="0">
                <a:pos x="18" y="251"/>
              </a:cxn>
              <a:cxn ang="0">
                <a:pos x="16" y="252"/>
              </a:cxn>
              <a:cxn ang="0">
                <a:pos x="15" y="253"/>
              </a:cxn>
              <a:cxn ang="0">
                <a:pos x="13" y="254"/>
              </a:cxn>
              <a:cxn ang="0">
                <a:pos x="11" y="259"/>
              </a:cxn>
              <a:cxn ang="0">
                <a:pos x="4" y="312"/>
              </a:cxn>
              <a:cxn ang="0">
                <a:pos x="30" y="315"/>
              </a:cxn>
              <a:cxn ang="0">
                <a:pos x="197" y="394"/>
              </a:cxn>
            </a:cxnLst>
            <a:rect l="0" t="0" r="r" b="b"/>
            <a:pathLst>
              <a:path w="394" h="394">
                <a:moveTo>
                  <a:pt x="380" y="183"/>
                </a:moveTo>
                <a:cubicBezTo>
                  <a:pt x="307" y="183"/>
                  <a:pt x="307" y="183"/>
                  <a:pt x="307" y="183"/>
                </a:cubicBezTo>
                <a:cubicBezTo>
                  <a:pt x="307" y="183"/>
                  <a:pt x="307" y="183"/>
                  <a:pt x="307" y="183"/>
                </a:cubicBezTo>
                <a:cubicBezTo>
                  <a:pt x="301" y="183"/>
                  <a:pt x="295" y="188"/>
                  <a:pt x="294" y="194"/>
                </a:cubicBezTo>
                <a:cubicBezTo>
                  <a:pt x="294" y="194"/>
                  <a:pt x="290" y="215"/>
                  <a:pt x="282" y="235"/>
                </a:cubicBezTo>
                <a:cubicBezTo>
                  <a:pt x="274" y="256"/>
                  <a:pt x="264" y="269"/>
                  <a:pt x="256" y="269"/>
                </a:cubicBezTo>
                <a:cubicBezTo>
                  <a:pt x="232" y="269"/>
                  <a:pt x="219" y="222"/>
                  <a:pt x="212" y="197"/>
                </a:cubicBezTo>
                <a:cubicBezTo>
                  <a:pt x="211" y="193"/>
                  <a:pt x="211" y="193"/>
                  <a:pt x="211" y="193"/>
                </a:cubicBezTo>
                <a:cubicBezTo>
                  <a:pt x="210" y="189"/>
                  <a:pt x="209" y="185"/>
                  <a:pt x="207" y="180"/>
                </a:cubicBezTo>
                <a:cubicBezTo>
                  <a:pt x="203" y="163"/>
                  <a:pt x="197" y="141"/>
                  <a:pt x="188" y="122"/>
                </a:cubicBezTo>
                <a:cubicBezTo>
                  <a:pt x="176" y="97"/>
                  <a:pt x="160" y="85"/>
                  <a:pt x="141" y="85"/>
                </a:cubicBezTo>
                <a:cubicBezTo>
                  <a:pt x="141" y="85"/>
                  <a:pt x="141" y="85"/>
                  <a:pt x="141" y="85"/>
                </a:cubicBezTo>
                <a:cubicBezTo>
                  <a:pt x="119" y="85"/>
                  <a:pt x="102" y="104"/>
                  <a:pt x="87" y="143"/>
                </a:cubicBezTo>
                <a:cubicBezTo>
                  <a:pt x="81" y="158"/>
                  <a:pt x="77" y="174"/>
                  <a:pt x="75" y="183"/>
                </a:cubicBezTo>
                <a:cubicBezTo>
                  <a:pt x="27" y="183"/>
                  <a:pt x="27" y="183"/>
                  <a:pt x="27" y="183"/>
                </a:cubicBezTo>
                <a:cubicBezTo>
                  <a:pt x="34" y="96"/>
                  <a:pt x="107" y="26"/>
                  <a:pt x="197" y="26"/>
                </a:cubicBezTo>
                <a:cubicBezTo>
                  <a:pt x="256" y="26"/>
                  <a:pt x="309" y="56"/>
                  <a:pt x="340" y="105"/>
                </a:cubicBezTo>
                <a:cubicBezTo>
                  <a:pt x="331" y="101"/>
                  <a:pt x="331" y="101"/>
                  <a:pt x="331" y="101"/>
                </a:cubicBezTo>
                <a:cubicBezTo>
                  <a:pt x="324" y="99"/>
                  <a:pt x="316" y="102"/>
                  <a:pt x="314" y="109"/>
                </a:cubicBezTo>
                <a:cubicBezTo>
                  <a:pt x="311" y="116"/>
                  <a:pt x="315" y="124"/>
                  <a:pt x="322" y="126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70" y="143"/>
                  <a:pt x="370" y="143"/>
                  <a:pt x="370" y="144"/>
                </a:cubicBezTo>
                <a:cubicBezTo>
                  <a:pt x="370" y="144"/>
                  <a:pt x="371" y="144"/>
                  <a:pt x="371" y="144"/>
                </a:cubicBezTo>
                <a:cubicBezTo>
                  <a:pt x="371" y="144"/>
                  <a:pt x="371" y="144"/>
                  <a:pt x="371" y="144"/>
                </a:cubicBezTo>
                <a:cubicBezTo>
                  <a:pt x="372" y="144"/>
                  <a:pt x="372" y="144"/>
                  <a:pt x="372" y="144"/>
                </a:cubicBezTo>
                <a:cubicBezTo>
                  <a:pt x="373" y="144"/>
                  <a:pt x="373" y="144"/>
                  <a:pt x="373" y="144"/>
                </a:cubicBezTo>
                <a:cubicBezTo>
                  <a:pt x="373" y="144"/>
                  <a:pt x="373" y="144"/>
                  <a:pt x="373" y="144"/>
                </a:cubicBezTo>
                <a:cubicBezTo>
                  <a:pt x="373" y="144"/>
                  <a:pt x="373" y="144"/>
                  <a:pt x="373" y="144"/>
                </a:cubicBezTo>
                <a:cubicBezTo>
                  <a:pt x="374" y="144"/>
                  <a:pt x="374" y="144"/>
                  <a:pt x="375" y="144"/>
                </a:cubicBezTo>
                <a:cubicBezTo>
                  <a:pt x="375" y="144"/>
                  <a:pt x="375" y="144"/>
                  <a:pt x="375" y="144"/>
                </a:cubicBezTo>
                <a:cubicBezTo>
                  <a:pt x="375" y="144"/>
                  <a:pt x="375" y="144"/>
                  <a:pt x="376" y="144"/>
                </a:cubicBezTo>
                <a:cubicBezTo>
                  <a:pt x="376" y="144"/>
                  <a:pt x="376" y="144"/>
                  <a:pt x="376" y="144"/>
                </a:cubicBezTo>
                <a:cubicBezTo>
                  <a:pt x="376" y="144"/>
                  <a:pt x="377" y="144"/>
                  <a:pt x="377" y="143"/>
                </a:cubicBezTo>
                <a:cubicBezTo>
                  <a:pt x="377" y="143"/>
                  <a:pt x="377" y="143"/>
                  <a:pt x="377" y="143"/>
                </a:cubicBezTo>
                <a:cubicBezTo>
                  <a:pt x="378" y="143"/>
                  <a:pt x="378" y="143"/>
                  <a:pt x="378" y="143"/>
                </a:cubicBezTo>
                <a:cubicBezTo>
                  <a:pt x="378" y="143"/>
                  <a:pt x="378" y="143"/>
                  <a:pt x="379" y="143"/>
                </a:cubicBezTo>
                <a:cubicBezTo>
                  <a:pt x="379" y="143"/>
                  <a:pt x="379" y="143"/>
                  <a:pt x="379" y="143"/>
                </a:cubicBezTo>
                <a:cubicBezTo>
                  <a:pt x="380" y="142"/>
                  <a:pt x="380" y="142"/>
                  <a:pt x="380" y="142"/>
                </a:cubicBezTo>
                <a:cubicBezTo>
                  <a:pt x="380" y="142"/>
                  <a:pt x="380" y="142"/>
                  <a:pt x="380" y="142"/>
                </a:cubicBezTo>
                <a:cubicBezTo>
                  <a:pt x="381" y="142"/>
                  <a:pt x="381" y="142"/>
                  <a:pt x="381" y="142"/>
                </a:cubicBezTo>
                <a:cubicBezTo>
                  <a:pt x="381" y="142"/>
                  <a:pt x="381" y="141"/>
                  <a:pt x="381" y="141"/>
                </a:cubicBezTo>
                <a:cubicBezTo>
                  <a:pt x="381" y="141"/>
                  <a:pt x="382" y="141"/>
                  <a:pt x="382" y="141"/>
                </a:cubicBezTo>
                <a:cubicBezTo>
                  <a:pt x="382" y="141"/>
                  <a:pt x="382" y="141"/>
                  <a:pt x="382" y="140"/>
                </a:cubicBezTo>
                <a:cubicBezTo>
                  <a:pt x="383" y="140"/>
                  <a:pt x="383" y="140"/>
                  <a:pt x="383" y="140"/>
                </a:cubicBezTo>
                <a:cubicBezTo>
                  <a:pt x="383" y="140"/>
                  <a:pt x="383" y="140"/>
                  <a:pt x="383" y="139"/>
                </a:cubicBezTo>
                <a:cubicBezTo>
                  <a:pt x="383" y="139"/>
                  <a:pt x="383" y="139"/>
                  <a:pt x="383" y="139"/>
                </a:cubicBezTo>
                <a:cubicBezTo>
                  <a:pt x="384" y="139"/>
                  <a:pt x="384" y="139"/>
                  <a:pt x="384" y="139"/>
                </a:cubicBezTo>
                <a:cubicBezTo>
                  <a:pt x="384" y="139"/>
                  <a:pt x="384" y="138"/>
                  <a:pt x="384" y="138"/>
                </a:cubicBezTo>
                <a:cubicBezTo>
                  <a:pt x="384" y="138"/>
                  <a:pt x="385" y="138"/>
                  <a:pt x="385" y="138"/>
                </a:cubicBezTo>
                <a:cubicBezTo>
                  <a:pt x="385" y="138"/>
                  <a:pt x="385" y="137"/>
                  <a:pt x="385" y="137"/>
                </a:cubicBezTo>
                <a:cubicBezTo>
                  <a:pt x="385" y="137"/>
                  <a:pt x="385" y="137"/>
                  <a:pt x="385" y="137"/>
                </a:cubicBezTo>
                <a:cubicBezTo>
                  <a:pt x="385" y="137"/>
                  <a:pt x="385" y="136"/>
                  <a:pt x="385" y="136"/>
                </a:cubicBezTo>
                <a:cubicBezTo>
                  <a:pt x="386" y="136"/>
                  <a:pt x="386" y="136"/>
                  <a:pt x="386" y="136"/>
                </a:cubicBezTo>
                <a:cubicBezTo>
                  <a:pt x="386" y="135"/>
                  <a:pt x="386" y="135"/>
                  <a:pt x="386" y="135"/>
                </a:cubicBezTo>
                <a:cubicBezTo>
                  <a:pt x="386" y="135"/>
                  <a:pt x="386" y="135"/>
                  <a:pt x="386" y="135"/>
                </a:cubicBezTo>
                <a:cubicBezTo>
                  <a:pt x="386" y="135"/>
                  <a:pt x="386" y="135"/>
                  <a:pt x="386" y="135"/>
                </a:cubicBezTo>
                <a:cubicBezTo>
                  <a:pt x="386" y="135"/>
                  <a:pt x="386" y="134"/>
                  <a:pt x="386" y="134"/>
                </a:cubicBezTo>
                <a:cubicBezTo>
                  <a:pt x="386" y="134"/>
                  <a:pt x="386" y="134"/>
                  <a:pt x="386" y="133"/>
                </a:cubicBezTo>
                <a:cubicBezTo>
                  <a:pt x="386" y="133"/>
                  <a:pt x="387" y="133"/>
                  <a:pt x="387" y="133"/>
                </a:cubicBezTo>
                <a:cubicBezTo>
                  <a:pt x="387" y="132"/>
                  <a:pt x="387" y="132"/>
                  <a:pt x="387" y="132"/>
                </a:cubicBezTo>
                <a:cubicBezTo>
                  <a:pt x="387" y="132"/>
                  <a:pt x="387" y="132"/>
                  <a:pt x="387" y="131"/>
                </a:cubicBezTo>
                <a:cubicBezTo>
                  <a:pt x="387" y="131"/>
                  <a:pt x="387" y="131"/>
                  <a:pt x="387" y="131"/>
                </a:cubicBezTo>
                <a:cubicBezTo>
                  <a:pt x="387" y="131"/>
                  <a:pt x="387" y="131"/>
                  <a:pt x="387" y="131"/>
                </a:cubicBezTo>
                <a:cubicBezTo>
                  <a:pt x="390" y="81"/>
                  <a:pt x="390" y="81"/>
                  <a:pt x="390" y="81"/>
                </a:cubicBezTo>
                <a:cubicBezTo>
                  <a:pt x="390" y="73"/>
                  <a:pt x="385" y="67"/>
                  <a:pt x="377" y="66"/>
                </a:cubicBezTo>
                <a:cubicBezTo>
                  <a:pt x="370" y="66"/>
                  <a:pt x="364" y="72"/>
                  <a:pt x="363" y="79"/>
                </a:cubicBezTo>
                <a:cubicBezTo>
                  <a:pt x="363" y="90"/>
                  <a:pt x="363" y="90"/>
                  <a:pt x="363" y="90"/>
                </a:cubicBezTo>
                <a:cubicBezTo>
                  <a:pt x="347" y="66"/>
                  <a:pt x="327" y="46"/>
                  <a:pt x="303" y="30"/>
                </a:cubicBezTo>
                <a:cubicBezTo>
                  <a:pt x="271" y="10"/>
                  <a:pt x="234" y="0"/>
                  <a:pt x="197" y="0"/>
                </a:cubicBezTo>
                <a:cubicBezTo>
                  <a:pt x="88" y="0"/>
                  <a:pt x="0" y="88"/>
                  <a:pt x="0" y="197"/>
                </a:cubicBezTo>
                <a:cubicBezTo>
                  <a:pt x="0" y="204"/>
                  <a:pt x="6" y="210"/>
                  <a:pt x="13" y="210"/>
                </a:cubicBezTo>
                <a:cubicBezTo>
                  <a:pt x="86" y="210"/>
                  <a:pt x="86" y="210"/>
                  <a:pt x="86" y="210"/>
                </a:cubicBezTo>
                <a:cubicBezTo>
                  <a:pt x="92" y="210"/>
                  <a:pt x="97" y="206"/>
                  <a:pt x="99" y="199"/>
                </a:cubicBezTo>
                <a:cubicBezTo>
                  <a:pt x="99" y="199"/>
                  <a:pt x="103" y="175"/>
                  <a:pt x="112" y="152"/>
                </a:cubicBezTo>
                <a:cubicBezTo>
                  <a:pt x="124" y="122"/>
                  <a:pt x="135" y="111"/>
                  <a:pt x="141" y="111"/>
                </a:cubicBezTo>
                <a:cubicBezTo>
                  <a:pt x="141" y="111"/>
                  <a:pt x="141" y="111"/>
                  <a:pt x="141" y="111"/>
                </a:cubicBezTo>
                <a:cubicBezTo>
                  <a:pt x="162" y="111"/>
                  <a:pt x="175" y="161"/>
                  <a:pt x="182" y="187"/>
                </a:cubicBezTo>
                <a:cubicBezTo>
                  <a:pt x="183" y="192"/>
                  <a:pt x="184" y="196"/>
                  <a:pt x="185" y="200"/>
                </a:cubicBezTo>
                <a:cubicBezTo>
                  <a:pt x="186" y="205"/>
                  <a:pt x="186" y="205"/>
                  <a:pt x="186" y="205"/>
                </a:cubicBezTo>
                <a:cubicBezTo>
                  <a:pt x="196" y="239"/>
                  <a:pt x="212" y="295"/>
                  <a:pt x="256" y="295"/>
                </a:cubicBezTo>
                <a:cubicBezTo>
                  <a:pt x="277" y="295"/>
                  <a:pt x="294" y="278"/>
                  <a:pt x="307" y="244"/>
                </a:cubicBezTo>
                <a:cubicBezTo>
                  <a:pt x="312" y="231"/>
                  <a:pt x="316" y="219"/>
                  <a:pt x="318" y="210"/>
                </a:cubicBezTo>
                <a:cubicBezTo>
                  <a:pt x="367" y="210"/>
                  <a:pt x="367" y="210"/>
                  <a:pt x="367" y="210"/>
                </a:cubicBezTo>
                <a:cubicBezTo>
                  <a:pt x="360" y="298"/>
                  <a:pt x="286" y="367"/>
                  <a:pt x="197" y="367"/>
                </a:cubicBezTo>
                <a:cubicBezTo>
                  <a:pt x="140" y="367"/>
                  <a:pt x="87" y="338"/>
                  <a:pt x="55" y="292"/>
                </a:cubicBezTo>
                <a:cubicBezTo>
                  <a:pt x="63" y="295"/>
                  <a:pt x="63" y="295"/>
                  <a:pt x="63" y="295"/>
                </a:cubicBezTo>
                <a:cubicBezTo>
                  <a:pt x="65" y="296"/>
                  <a:pt x="67" y="297"/>
                  <a:pt x="69" y="297"/>
                </a:cubicBezTo>
                <a:cubicBezTo>
                  <a:pt x="74" y="297"/>
                  <a:pt x="78" y="294"/>
                  <a:pt x="81" y="289"/>
                </a:cubicBezTo>
                <a:cubicBezTo>
                  <a:pt x="84" y="282"/>
                  <a:pt x="81" y="274"/>
                  <a:pt x="74" y="271"/>
                </a:cubicBezTo>
                <a:cubicBezTo>
                  <a:pt x="29" y="251"/>
                  <a:pt x="29" y="251"/>
                  <a:pt x="29" y="251"/>
                </a:cubicBezTo>
                <a:cubicBezTo>
                  <a:pt x="29" y="250"/>
                  <a:pt x="28" y="250"/>
                  <a:pt x="28" y="250"/>
                </a:cubicBezTo>
                <a:cubicBezTo>
                  <a:pt x="28" y="250"/>
                  <a:pt x="28" y="250"/>
                  <a:pt x="27" y="250"/>
                </a:cubicBezTo>
                <a:cubicBezTo>
                  <a:pt x="27" y="250"/>
                  <a:pt x="27" y="250"/>
                  <a:pt x="27" y="250"/>
                </a:cubicBezTo>
                <a:cubicBezTo>
                  <a:pt x="25" y="249"/>
                  <a:pt x="24" y="249"/>
                  <a:pt x="23" y="249"/>
                </a:cubicBezTo>
                <a:cubicBezTo>
                  <a:pt x="22" y="249"/>
                  <a:pt x="22" y="250"/>
                  <a:pt x="22" y="250"/>
                </a:cubicBezTo>
                <a:cubicBezTo>
                  <a:pt x="22" y="250"/>
                  <a:pt x="21" y="250"/>
                  <a:pt x="21" y="250"/>
                </a:cubicBezTo>
                <a:cubicBezTo>
                  <a:pt x="21" y="250"/>
                  <a:pt x="21" y="250"/>
                  <a:pt x="20" y="250"/>
                </a:cubicBezTo>
                <a:cubicBezTo>
                  <a:pt x="20" y="250"/>
                  <a:pt x="20" y="250"/>
                  <a:pt x="20" y="250"/>
                </a:cubicBezTo>
                <a:cubicBezTo>
                  <a:pt x="20" y="250"/>
                  <a:pt x="19" y="250"/>
                  <a:pt x="19" y="250"/>
                </a:cubicBezTo>
                <a:cubicBezTo>
                  <a:pt x="19" y="250"/>
                  <a:pt x="19" y="250"/>
                  <a:pt x="19" y="250"/>
                </a:cubicBezTo>
                <a:cubicBezTo>
                  <a:pt x="19" y="250"/>
                  <a:pt x="18" y="250"/>
                  <a:pt x="18" y="251"/>
                </a:cubicBezTo>
                <a:cubicBezTo>
                  <a:pt x="18" y="251"/>
                  <a:pt x="18" y="251"/>
                  <a:pt x="18" y="251"/>
                </a:cubicBezTo>
                <a:cubicBezTo>
                  <a:pt x="18" y="251"/>
                  <a:pt x="17" y="251"/>
                  <a:pt x="17" y="251"/>
                </a:cubicBezTo>
                <a:cubicBezTo>
                  <a:pt x="17" y="251"/>
                  <a:pt x="17" y="251"/>
                  <a:pt x="17" y="251"/>
                </a:cubicBezTo>
                <a:cubicBezTo>
                  <a:pt x="16" y="252"/>
                  <a:pt x="16" y="252"/>
                  <a:pt x="16" y="252"/>
                </a:cubicBezTo>
                <a:cubicBezTo>
                  <a:pt x="16" y="252"/>
                  <a:pt x="16" y="252"/>
                  <a:pt x="15" y="252"/>
                </a:cubicBezTo>
                <a:cubicBezTo>
                  <a:pt x="15" y="252"/>
                  <a:pt x="15" y="252"/>
                  <a:pt x="15" y="252"/>
                </a:cubicBezTo>
                <a:cubicBezTo>
                  <a:pt x="15" y="253"/>
                  <a:pt x="15" y="253"/>
                  <a:pt x="15" y="253"/>
                </a:cubicBezTo>
                <a:cubicBezTo>
                  <a:pt x="14" y="253"/>
                  <a:pt x="14" y="253"/>
                  <a:pt x="14" y="253"/>
                </a:cubicBezTo>
                <a:cubicBezTo>
                  <a:pt x="14" y="253"/>
                  <a:pt x="14" y="254"/>
                  <a:pt x="14" y="254"/>
                </a:cubicBezTo>
                <a:cubicBezTo>
                  <a:pt x="14" y="254"/>
                  <a:pt x="14" y="254"/>
                  <a:pt x="13" y="254"/>
                </a:cubicBezTo>
                <a:cubicBezTo>
                  <a:pt x="13" y="254"/>
                  <a:pt x="13" y="255"/>
                  <a:pt x="13" y="255"/>
                </a:cubicBezTo>
                <a:cubicBezTo>
                  <a:pt x="12" y="256"/>
                  <a:pt x="11" y="257"/>
                  <a:pt x="11" y="258"/>
                </a:cubicBezTo>
                <a:cubicBezTo>
                  <a:pt x="11" y="259"/>
                  <a:pt x="11" y="259"/>
                  <a:pt x="11" y="259"/>
                </a:cubicBezTo>
                <a:cubicBezTo>
                  <a:pt x="11" y="259"/>
                  <a:pt x="11" y="260"/>
                  <a:pt x="11" y="260"/>
                </a:cubicBezTo>
                <a:cubicBezTo>
                  <a:pt x="11" y="260"/>
                  <a:pt x="10" y="261"/>
                  <a:pt x="10" y="261"/>
                </a:cubicBezTo>
                <a:cubicBezTo>
                  <a:pt x="4" y="312"/>
                  <a:pt x="4" y="312"/>
                  <a:pt x="4" y="312"/>
                </a:cubicBezTo>
                <a:cubicBezTo>
                  <a:pt x="3" y="319"/>
                  <a:pt x="8" y="326"/>
                  <a:pt x="15" y="327"/>
                </a:cubicBezTo>
                <a:cubicBezTo>
                  <a:pt x="16" y="327"/>
                  <a:pt x="16" y="327"/>
                  <a:pt x="17" y="327"/>
                </a:cubicBezTo>
                <a:cubicBezTo>
                  <a:pt x="24" y="327"/>
                  <a:pt x="29" y="322"/>
                  <a:pt x="30" y="315"/>
                </a:cubicBezTo>
                <a:cubicBezTo>
                  <a:pt x="32" y="304"/>
                  <a:pt x="32" y="304"/>
                  <a:pt x="32" y="304"/>
                </a:cubicBezTo>
                <a:cubicBezTo>
                  <a:pt x="47" y="328"/>
                  <a:pt x="67" y="347"/>
                  <a:pt x="90" y="363"/>
                </a:cubicBezTo>
                <a:cubicBezTo>
                  <a:pt x="122" y="383"/>
                  <a:pt x="159" y="394"/>
                  <a:pt x="197" y="394"/>
                </a:cubicBezTo>
                <a:cubicBezTo>
                  <a:pt x="305" y="394"/>
                  <a:pt x="394" y="305"/>
                  <a:pt x="394" y="197"/>
                </a:cubicBezTo>
                <a:cubicBezTo>
                  <a:pt x="394" y="189"/>
                  <a:pt x="388" y="183"/>
                  <a:pt x="380" y="18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9" name="TextBox 338"/>
          <p:cNvSpPr txBox="1"/>
          <p:nvPr userDrawn="1"/>
        </p:nvSpPr>
        <p:spPr>
          <a:xfrm>
            <a:off x="9132750" y="4284666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 err="1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rosumer</a:t>
            </a: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en-US" sz="800" b="1" dirty="0" err="1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icrogrid</a:t>
            </a:r>
            <a:endParaRPr lang="en-US" sz="800" b="1" dirty="0">
              <a:solidFill>
                <a:srgbClr val="626469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40" name="TextBox 339"/>
          <p:cNvSpPr txBox="1"/>
          <p:nvPr userDrawn="1"/>
        </p:nvSpPr>
        <p:spPr>
          <a:xfrm>
            <a:off x="7204193" y="4284666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ackaging control</a:t>
            </a:r>
          </a:p>
        </p:txBody>
      </p:sp>
      <p:sp>
        <p:nvSpPr>
          <p:cNvPr id="341" name="TextBox 340"/>
          <p:cNvSpPr txBox="1"/>
          <p:nvPr userDrawn="1"/>
        </p:nvSpPr>
        <p:spPr>
          <a:xfrm>
            <a:off x="11024264" y="3463575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terial</a:t>
            </a:r>
            <a:b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working</a:t>
            </a:r>
          </a:p>
        </p:txBody>
      </p:sp>
      <p:sp>
        <p:nvSpPr>
          <p:cNvPr id="342" name="Freeform 673"/>
          <p:cNvSpPr>
            <a:spLocks noEditPoints="1"/>
          </p:cNvSpPr>
          <p:nvPr userDrawn="1"/>
        </p:nvSpPr>
        <p:spPr bwMode="auto">
          <a:xfrm>
            <a:off x="7572046" y="5579234"/>
            <a:ext cx="386320" cy="504066"/>
          </a:xfrm>
          <a:custGeom>
            <a:avLst/>
            <a:gdLst/>
            <a:ahLst/>
            <a:cxnLst>
              <a:cxn ang="0">
                <a:pos x="313" y="120"/>
              </a:cxn>
              <a:cxn ang="0">
                <a:pos x="299" y="120"/>
              </a:cxn>
              <a:cxn ang="0">
                <a:pos x="196" y="181"/>
              </a:cxn>
              <a:cxn ang="0">
                <a:pos x="191" y="199"/>
              </a:cxn>
              <a:cxn ang="0">
                <a:pos x="210" y="204"/>
              </a:cxn>
              <a:cxn ang="0">
                <a:pos x="291" y="156"/>
              </a:cxn>
              <a:cxn ang="0">
                <a:pos x="279" y="343"/>
              </a:cxn>
              <a:cxn ang="0">
                <a:pos x="179" y="421"/>
              </a:cxn>
              <a:cxn ang="0">
                <a:pos x="179" y="172"/>
              </a:cxn>
              <a:cxn ang="0">
                <a:pos x="313" y="94"/>
              </a:cxn>
              <a:cxn ang="0">
                <a:pos x="320" y="82"/>
              </a:cxn>
              <a:cxn ang="0">
                <a:pos x="320" y="82"/>
              </a:cxn>
              <a:cxn ang="0">
                <a:pos x="312" y="70"/>
              </a:cxn>
              <a:cxn ang="0">
                <a:pos x="157" y="2"/>
              </a:cxn>
              <a:cxn ang="0">
                <a:pos x="145" y="2"/>
              </a:cxn>
              <a:cxn ang="0">
                <a:pos x="8" y="69"/>
              </a:cxn>
              <a:cxn ang="0">
                <a:pos x="1" y="82"/>
              </a:cxn>
              <a:cxn ang="0">
                <a:pos x="18" y="362"/>
              </a:cxn>
              <a:cxn ang="0">
                <a:pos x="24" y="373"/>
              </a:cxn>
              <a:cxn ang="0">
                <a:pos x="115" y="437"/>
              </a:cxn>
              <a:cxn ang="0">
                <a:pos x="129" y="438"/>
              </a:cxn>
              <a:cxn ang="0">
                <a:pos x="136" y="426"/>
              </a:cxn>
              <a:cxn ang="0">
                <a:pos x="136" y="177"/>
              </a:cxn>
              <a:cxn ang="0">
                <a:pos x="123" y="163"/>
              </a:cxn>
              <a:cxn ang="0">
                <a:pos x="110" y="177"/>
              </a:cxn>
              <a:cxn ang="0">
                <a:pos x="110" y="400"/>
              </a:cxn>
              <a:cxn ang="0">
                <a:pos x="44" y="354"/>
              </a:cxn>
              <a:cxn ang="0">
                <a:pos x="28" y="89"/>
              </a:cxn>
              <a:cxn ang="0">
                <a:pos x="151" y="29"/>
              </a:cxn>
              <a:cxn ang="0">
                <a:pos x="277" y="84"/>
              </a:cxn>
              <a:cxn ang="0">
                <a:pos x="159" y="152"/>
              </a:cxn>
              <a:cxn ang="0">
                <a:pos x="153" y="164"/>
              </a:cxn>
              <a:cxn ang="0">
                <a:pos x="152" y="449"/>
              </a:cxn>
              <a:cxn ang="0">
                <a:pos x="160" y="461"/>
              </a:cxn>
              <a:cxn ang="0">
                <a:pos x="174" y="459"/>
              </a:cxn>
              <a:cxn ang="0">
                <a:pos x="300" y="360"/>
              </a:cxn>
              <a:cxn ang="0">
                <a:pos x="305" y="350"/>
              </a:cxn>
              <a:cxn ang="0">
                <a:pos x="319" y="132"/>
              </a:cxn>
              <a:cxn ang="0">
                <a:pos x="313" y="120"/>
              </a:cxn>
              <a:cxn ang="0">
                <a:pos x="274" y="279"/>
              </a:cxn>
              <a:cxn ang="0">
                <a:pos x="275" y="256"/>
              </a:cxn>
              <a:cxn ang="0">
                <a:pos x="262" y="242"/>
              </a:cxn>
              <a:cxn ang="0">
                <a:pos x="248" y="255"/>
              </a:cxn>
              <a:cxn ang="0">
                <a:pos x="247" y="278"/>
              </a:cxn>
              <a:cxn ang="0">
                <a:pos x="260" y="292"/>
              </a:cxn>
              <a:cxn ang="0">
                <a:pos x="274" y="279"/>
              </a:cxn>
            </a:cxnLst>
            <a:rect l="0" t="0" r="r" b="b"/>
            <a:pathLst>
              <a:path w="320" h="463">
                <a:moveTo>
                  <a:pt x="313" y="120"/>
                </a:moveTo>
                <a:cubicBezTo>
                  <a:pt x="309" y="117"/>
                  <a:pt x="303" y="117"/>
                  <a:pt x="299" y="120"/>
                </a:cubicBezTo>
                <a:cubicBezTo>
                  <a:pt x="196" y="181"/>
                  <a:pt x="196" y="181"/>
                  <a:pt x="196" y="181"/>
                </a:cubicBezTo>
                <a:cubicBezTo>
                  <a:pt x="190" y="185"/>
                  <a:pt x="188" y="193"/>
                  <a:pt x="191" y="199"/>
                </a:cubicBezTo>
                <a:cubicBezTo>
                  <a:pt x="195" y="206"/>
                  <a:pt x="203" y="208"/>
                  <a:pt x="210" y="204"/>
                </a:cubicBezTo>
                <a:cubicBezTo>
                  <a:pt x="210" y="204"/>
                  <a:pt x="264" y="172"/>
                  <a:pt x="291" y="156"/>
                </a:cubicBezTo>
                <a:cubicBezTo>
                  <a:pt x="288" y="194"/>
                  <a:pt x="279" y="333"/>
                  <a:pt x="279" y="343"/>
                </a:cubicBezTo>
                <a:cubicBezTo>
                  <a:pt x="271" y="348"/>
                  <a:pt x="207" y="399"/>
                  <a:pt x="179" y="421"/>
                </a:cubicBezTo>
                <a:cubicBezTo>
                  <a:pt x="179" y="378"/>
                  <a:pt x="179" y="185"/>
                  <a:pt x="179" y="172"/>
                </a:cubicBezTo>
                <a:cubicBezTo>
                  <a:pt x="191" y="165"/>
                  <a:pt x="313" y="94"/>
                  <a:pt x="313" y="94"/>
                </a:cubicBezTo>
                <a:cubicBezTo>
                  <a:pt x="317" y="91"/>
                  <a:pt x="320" y="87"/>
                  <a:pt x="320" y="82"/>
                </a:cubicBezTo>
                <a:cubicBezTo>
                  <a:pt x="320" y="82"/>
                  <a:pt x="320" y="82"/>
                  <a:pt x="320" y="82"/>
                </a:cubicBezTo>
                <a:cubicBezTo>
                  <a:pt x="320" y="77"/>
                  <a:pt x="317" y="72"/>
                  <a:pt x="312" y="70"/>
                </a:cubicBezTo>
                <a:cubicBezTo>
                  <a:pt x="157" y="2"/>
                  <a:pt x="157" y="2"/>
                  <a:pt x="157" y="2"/>
                </a:cubicBezTo>
                <a:cubicBezTo>
                  <a:pt x="153" y="0"/>
                  <a:pt x="149" y="0"/>
                  <a:pt x="145" y="2"/>
                </a:cubicBezTo>
                <a:cubicBezTo>
                  <a:pt x="8" y="69"/>
                  <a:pt x="8" y="69"/>
                  <a:pt x="8" y="69"/>
                </a:cubicBezTo>
                <a:cubicBezTo>
                  <a:pt x="3" y="71"/>
                  <a:pt x="0" y="77"/>
                  <a:pt x="1" y="82"/>
                </a:cubicBezTo>
                <a:cubicBezTo>
                  <a:pt x="18" y="362"/>
                  <a:pt x="18" y="362"/>
                  <a:pt x="18" y="362"/>
                </a:cubicBezTo>
                <a:cubicBezTo>
                  <a:pt x="19" y="367"/>
                  <a:pt x="21" y="370"/>
                  <a:pt x="24" y="373"/>
                </a:cubicBezTo>
                <a:cubicBezTo>
                  <a:pt x="115" y="437"/>
                  <a:pt x="115" y="437"/>
                  <a:pt x="115" y="437"/>
                </a:cubicBezTo>
                <a:cubicBezTo>
                  <a:pt x="119" y="439"/>
                  <a:pt x="125" y="440"/>
                  <a:pt x="129" y="438"/>
                </a:cubicBezTo>
                <a:cubicBezTo>
                  <a:pt x="134" y="435"/>
                  <a:pt x="136" y="431"/>
                  <a:pt x="136" y="426"/>
                </a:cubicBezTo>
                <a:cubicBezTo>
                  <a:pt x="136" y="177"/>
                  <a:pt x="136" y="177"/>
                  <a:pt x="136" y="177"/>
                </a:cubicBezTo>
                <a:cubicBezTo>
                  <a:pt x="136" y="169"/>
                  <a:pt x="130" y="163"/>
                  <a:pt x="123" y="163"/>
                </a:cubicBezTo>
                <a:cubicBezTo>
                  <a:pt x="116" y="163"/>
                  <a:pt x="110" y="169"/>
                  <a:pt x="110" y="177"/>
                </a:cubicBezTo>
                <a:cubicBezTo>
                  <a:pt x="110" y="177"/>
                  <a:pt x="110" y="359"/>
                  <a:pt x="110" y="400"/>
                </a:cubicBezTo>
                <a:cubicBezTo>
                  <a:pt x="87" y="384"/>
                  <a:pt x="52" y="359"/>
                  <a:pt x="44" y="354"/>
                </a:cubicBezTo>
                <a:cubicBezTo>
                  <a:pt x="44" y="343"/>
                  <a:pt x="29" y="105"/>
                  <a:pt x="28" y="89"/>
                </a:cubicBezTo>
                <a:cubicBezTo>
                  <a:pt x="41" y="83"/>
                  <a:pt x="142" y="33"/>
                  <a:pt x="151" y="29"/>
                </a:cubicBezTo>
                <a:cubicBezTo>
                  <a:pt x="160" y="32"/>
                  <a:pt x="244" y="69"/>
                  <a:pt x="277" y="84"/>
                </a:cubicBezTo>
                <a:cubicBezTo>
                  <a:pt x="245" y="102"/>
                  <a:pt x="159" y="152"/>
                  <a:pt x="159" y="152"/>
                </a:cubicBezTo>
                <a:cubicBezTo>
                  <a:pt x="155" y="155"/>
                  <a:pt x="153" y="159"/>
                  <a:pt x="153" y="164"/>
                </a:cubicBezTo>
                <a:cubicBezTo>
                  <a:pt x="153" y="164"/>
                  <a:pt x="152" y="449"/>
                  <a:pt x="152" y="449"/>
                </a:cubicBezTo>
                <a:cubicBezTo>
                  <a:pt x="152" y="454"/>
                  <a:pt x="155" y="459"/>
                  <a:pt x="160" y="461"/>
                </a:cubicBezTo>
                <a:cubicBezTo>
                  <a:pt x="164" y="463"/>
                  <a:pt x="170" y="462"/>
                  <a:pt x="174" y="459"/>
                </a:cubicBezTo>
                <a:cubicBezTo>
                  <a:pt x="300" y="360"/>
                  <a:pt x="300" y="360"/>
                  <a:pt x="300" y="360"/>
                </a:cubicBezTo>
                <a:cubicBezTo>
                  <a:pt x="303" y="358"/>
                  <a:pt x="304" y="354"/>
                  <a:pt x="305" y="350"/>
                </a:cubicBezTo>
                <a:cubicBezTo>
                  <a:pt x="319" y="132"/>
                  <a:pt x="319" y="132"/>
                  <a:pt x="319" y="132"/>
                </a:cubicBezTo>
                <a:cubicBezTo>
                  <a:pt x="320" y="127"/>
                  <a:pt x="317" y="122"/>
                  <a:pt x="313" y="120"/>
                </a:cubicBezTo>
                <a:close/>
                <a:moveTo>
                  <a:pt x="274" y="279"/>
                </a:moveTo>
                <a:cubicBezTo>
                  <a:pt x="275" y="256"/>
                  <a:pt x="275" y="256"/>
                  <a:pt x="275" y="256"/>
                </a:cubicBezTo>
                <a:cubicBezTo>
                  <a:pt x="275" y="249"/>
                  <a:pt x="270" y="242"/>
                  <a:pt x="262" y="242"/>
                </a:cubicBezTo>
                <a:cubicBezTo>
                  <a:pt x="255" y="242"/>
                  <a:pt x="249" y="247"/>
                  <a:pt x="248" y="255"/>
                </a:cubicBezTo>
                <a:cubicBezTo>
                  <a:pt x="247" y="278"/>
                  <a:pt x="247" y="278"/>
                  <a:pt x="247" y="278"/>
                </a:cubicBezTo>
                <a:cubicBezTo>
                  <a:pt x="247" y="285"/>
                  <a:pt x="253" y="291"/>
                  <a:pt x="260" y="292"/>
                </a:cubicBezTo>
                <a:cubicBezTo>
                  <a:pt x="267" y="292"/>
                  <a:pt x="273" y="286"/>
                  <a:pt x="274" y="27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43" name="TextBox 342"/>
          <p:cNvSpPr txBox="1"/>
          <p:nvPr userDrawn="1"/>
        </p:nvSpPr>
        <p:spPr>
          <a:xfrm>
            <a:off x="7310737" y="6054246"/>
            <a:ext cx="908938" cy="215444"/>
          </a:xfrm>
          <a:prstGeom prst="rect">
            <a:avLst/>
          </a:prstGeom>
          <a:noFill/>
        </p:spPr>
        <p:txBody>
          <a:bodyPr wrap="square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Panel builders</a:t>
            </a:r>
          </a:p>
        </p:txBody>
      </p:sp>
      <p:sp>
        <p:nvSpPr>
          <p:cNvPr id="344" name="Rounded Rectangle 343"/>
          <p:cNvSpPr/>
          <p:nvPr userDrawn="1"/>
        </p:nvSpPr>
        <p:spPr>
          <a:xfrm>
            <a:off x="609441" y="4684275"/>
            <a:ext cx="5291299" cy="1611134"/>
          </a:xfrm>
          <a:prstGeom prst="roundRect">
            <a:avLst>
              <a:gd name="adj" fmla="val 9427"/>
            </a:avLst>
          </a:prstGeom>
          <a:solidFill>
            <a:srgbClr val="00953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rIns="0" rtlCol="0" anchor="ctr"/>
          <a:lstStyle/>
          <a:p>
            <a:pPr marL="520700" indent="-292100" algn="l">
              <a:spcAft>
                <a:spcPts val="200"/>
              </a:spcAft>
              <a:tabLst>
                <a:tab pos="173038" algn="l"/>
                <a:tab pos="457200" algn="l"/>
              </a:tabLst>
            </a:pPr>
            <a:r>
              <a:rPr lang="en-US" sz="1600" b="1" dirty="0"/>
              <a:t>To</a:t>
            </a:r>
            <a:r>
              <a:rPr lang="en-US" sz="1600" b="1" baseline="0" dirty="0"/>
              <a:t> add a </a:t>
            </a:r>
            <a:r>
              <a:rPr lang="en-US" sz="1600" b="1" baseline="0" dirty="0" err="1"/>
              <a:t>picto</a:t>
            </a:r>
            <a:r>
              <a:rPr lang="en-US" sz="1600" b="1" baseline="0" dirty="0"/>
              <a:t> to your presentation: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/>
              <a:t>Select view/slide master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/>
              <a:t>Go to slide with </a:t>
            </a:r>
            <a:r>
              <a:rPr lang="en-US" sz="1400" baseline="0" dirty="0" err="1"/>
              <a:t>pictos</a:t>
            </a:r>
            <a:endParaRPr lang="en-US" sz="1400" baseline="0" dirty="0"/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/>
              <a:t>Select and copy the </a:t>
            </a:r>
            <a:r>
              <a:rPr lang="en-US" sz="1400" baseline="0" dirty="0" err="1"/>
              <a:t>picto</a:t>
            </a:r>
            <a:r>
              <a:rPr lang="en-US" sz="1400" baseline="0" dirty="0"/>
              <a:t> that you would like to add (ctrl-c)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/>
              <a:t>Close master view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/>
              <a:t>Paste </a:t>
            </a:r>
            <a:r>
              <a:rPr lang="en-US" sz="1400" baseline="0" dirty="0" err="1"/>
              <a:t>picto</a:t>
            </a:r>
            <a:r>
              <a:rPr lang="en-US" sz="1400" baseline="0" dirty="0"/>
              <a:t> onto your slide (ctrl-p)</a:t>
            </a:r>
            <a:endParaRPr lang="en-US" sz="1400" dirty="0"/>
          </a:p>
        </p:txBody>
      </p:sp>
      <p:sp>
        <p:nvSpPr>
          <p:cNvPr id="345" name="TextBox 344"/>
          <p:cNvSpPr txBox="1"/>
          <p:nvPr userDrawn="1"/>
        </p:nvSpPr>
        <p:spPr>
          <a:xfrm>
            <a:off x="523421" y="1235445"/>
            <a:ext cx="82312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rkets</a:t>
            </a:r>
          </a:p>
        </p:txBody>
      </p:sp>
      <p:sp>
        <p:nvSpPr>
          <p:cNvPr id="346" name="TextBox 345"/>
          <p:cNvSpPr txBox="1"/>
          <p:nvPr userDrawn="1"/>
        </p:nvSpPr>
        <p:spPr>
          <a:xfrm>
            <a:off x="366227" y="2195140"/>
            <a:ext cx="9930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Market </a:t>
            </a:r>
          </a:p>
          <a:p>
            <a:pPr algn="r"/>
            <a:r>
              <a:rPr lang="en-US" sz="14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Segments</a:t>
            </a:r>
          </a:p>
        </p:txBody>
      </p:sp>
      <p:sp>
        <p:nvSpPr>
          <p:cNvPr id="347" name="TextBox 346"/>
          <p:cNvSpPr txBox="1"/>
          <p:nvPr userDrawn="1"/>
        </p:nvSpPr>
        <p:spPr>
          <a:xfrm>
            <a:off x="6476196" y="1231262"/>
            <a:ext cx="89308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Domains</a:t>
            </a:r>
          </a:p>
        </p:txBody>
      </p:sp>
      <p:sp>
        <p:nvSpPr>
          <p:cNvPr id="348" name="TextBox 347"/>
          <p:cNvSpPr txBox="1"/>
          <p:nvPr userDrawn="1"/>
        </p:nvSpPr>
        <p:spPr>
          <a:xfrm>
            <a:off x="6216535" y="2187133"/>
            <a:ext cx="115274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Applications</a:t>
            </a:r>
          </a:p>
        </p:txBody>
      </p:sp>
      <p:sp>
        <p:nvSpPr>
          <p:cNvPr id="349" name="TextBox 348"/>
          <p:cNvSpPr txBox="1"/>
          <p:nvPr userDrawn="1"/>
        </p:nvSpPr>
        <p:spPr>
          <a:xfrm>
            <a:off x="6047080" y="5723014"/>
            <a:ext cx="132219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Intermediaries</a:t>
            </a:r>
          </a:p>
        </p:txBody>
      </p:sp>
      <p:sp>
        <p:nvSpPr>
          <p:cNvPr id="92" name="TextBox 91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arket Pictos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1" name="Title 1"/>
          <p:cNvSpPr>
            <a:spLocks noGrp="1"/>
          </p:cNvSpPr>
          <p:nvPr>
            <p:ph type="title" hasCustomPrompt="1"/>
          </p:nvPr>
        </p:nvSpPr>
        <p:spPr>
          <a:xfrm>
            <a:off x="609441" y="271463"/>
            <a:ext cx="10969943" cy="1095375"/>
          </a:xfrm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Market </a:t>
            </a:r>
            <a:r>
              <a:rPr lang="en-US" dirty="0" err="1"/>
              <a:t>Pictos</a:t>
            </a:r>
            <a:endParaRPr lang="en-US" noProof="0" dirty="0"/>
          </a:p>
        </p:txBody>
      </p:sp>
      <p:sp>
        <p:nvSpPr>
          <p:cNvPr id="264" name="Freeform 156"/>
          <p:cNvSpPr>
            <a:spLocks noChangeAspect="1"/>
          </p:cNvSpPr>
          <p:nvPr userDrawn="1"/>
        </p:nvSpPr>
        <p:spPr bwMode="auto">
          <a:xfrm>
            <a:off x="10351080" y="2195360"/>
            <a:ext cx="391833" cy="393192"/>
          </a:xfrm>
          <a:custGeom>
            <a:avLst/>
            <a:gdLst/>
            <a:ahLst/>
            <a:cxnLst>
              <a:cxn ang="0">
                <a:pos x="319" y="205"/>
              </a:cxn>
              <a:cxn ang="0">
                <a:pos x="264" y="194"/>
              </a:cxn>
              <a:cxn ang="0">
                <a:pos x="255" y="169"/>
              </a:cxn>
              <a:cxn ang="0">
                <a:pos x="369" y="136"/>
              </a:cxn>
              <a:cxn ang="0">
                <a:pos x="379" y="121"/>
              </a:cxn>
              <a:cxn ang="0">
                <a:pos x="362" y="62"/>
              </a:cxn>
              <a:cxn ang="0">
                <a:pos x="277" y="0"/>
              </a:cxn>
              <a:cxn ang="0">
                <a:pos x="184" y="135"/>
              </a:cxn>
              <a:cxn ang="0">
                <a:pos x="174" y="138"/>
              </a:cxn>
              <a:cxn ang="0">
                <a:pos x="136" y="16"/>
              </a:cxn>
              <a:cxn ang="0">
                <a:pos x="121" y="7"/>
              </a:cxn>
              <a:cxn ang="0">
                <a:pos x="62" y="24"/>
              </a:cxn>
              <a:cxn ang="0">
                <a:pos x="0" y="108"/>
              </a:cxn>
              <a:cxn ang="0">
                <a:pos x="75" y="190"/>
              </a:cxn>
              <a:cxn ang="0">
                <a:pos x="129" y="201"/>
              </a:cxn>
              <a:cxn ang="0">
                <a:pos x="135" y="228"/>
              </a:cxn>
              <a:cxn ang="0">
                <a:pos x="24" y="257"/>
              </a:cxn>
              <a:cxn ang="0">
                <a:pos x="14" y="271"/>
              </a:cxn>
              <a:cxn ang="0">
                <a:pos x="31" y="330"/>
              </a:cxn>
              <a:cxn ang="0">
                <a:pos x="115" y="393"/>
              </a:cxn>
              <a:cxn ang="0">
                <a:pos x="197" y="322"/>
              </a:cxn>
              <a:cxn ang="0">
                <a:pos x="210" y="257"/>
              </a:cxn>
              <a:cxn ang="0">
                <a:pos x="198" y="243"/>
              </a:cxn>
              <a:cxn ang="0">
                <a:pos x="184" y="256"/>
              </a:cxn>
              <a:cxn ang="0">
                <a:pos x="184" y="256"/>
              </a:cxn>
              <a:cxn ang="0">
                <a:pos x="115" y="366"/>
              </a:cxn>
              <a:cxn ang="0">
                <a:pos x="42" y="280"/>
              </a:cxn>
              <a:cxn ang="0">
                <a:pos x="158" y="250"/>
              </a:cxn>
              <a:cxn ang="0">
                <a:pos x="168" y="241"/>
              </a:cxn>
              <a:cxn ang="0">
                <a:pos x="165" y="228"/>
              </a:cxn>
              <a:cxn ang="0">
                <a:pos x="157" y="193"/>
              </a:cxn>
              <a:cxn ang="0">
                <a:pos x="155" y="181"/>
              </a:cxn>
              <a:cxn ang="0">
                <a:pos x="145" y="176"/>
              </a:cxn>
              <a:cxn ang="0">
                <a:pos x="26" y="108"/>
              </a:cxn>
              <a:cxn ang="0">
                <a:pos x="114" y="35"/>
              </a:cxn>
              <a:cxn ang="0">
                <a:pos x="153" y="162"/>
              </a:cxn>
              <a:cxn ang="0">
                <a:pos x="162" y="170"/>
              </a:cxn>
              <a:cxn ang="0">
                <a:pos x="174" y="168"/>
              </a:cxn>
              <a:cxn ang="0">
                <a:pos x="195" y="161"/>
              </a:cxn>
              <a:cxn ang="0">
                <a:pos x="205" y="158"/>
              </a:cxn>
              <a:cxn ang="0">
                <a:pos x="210" y="148"/>
              </a:cxn>
              <a:cxn ang="0">
                <a:pos x="277" y="26"/>
              </a:cxn>
              <a:cxn ang="0">
                <a:pos x="350" y="113"/>
              </a:cxn>
              <a:cxn ang="0">
                <a:pos x="229" y="148"/>
              </a:cxn>
              <a:cxn ang="0">
                <a:pos x="220" y="158"/>
              </a:cxn>
              <a:cxn ang="0">
                <a:pos x="224" y="171"/>
              </a:cxn>
              <a:cxn ang="0">
                <a:pos x="238" y="206"/>
              </a:cxn>
              <a:cxn ang="0">
                <a:pos x="241" y="216"/>
              </a:cxn>
              <a:cxn ang="0">
                <a:pos x="251" y="220"/>
              </a:cxn>
              <a:cxn ang="0">
                <a:pos x="366" y="284"/>
              </a:cxn>
              <a:cxn ang="0">
                <a:pos x="279" y="357"/>
              </a:cxn>
              <a:cxn ang="0">
                <a:pos x="247" y="238"/>
              </a:cxn>
              <a:cxn ang="0">
                <a:pos x="230" y="229"/>
              </a:cxn>
              <a:cxn ang="0">
                <a:pos x="221" y="245"/>
              </a:cxn>
              <a:cxn ang="0">
                <a:pos x="257" y="376"/>
              </a:cxn>
              <a:cxn ang="0">
                <a:pos x="271" y="386"/>
              </a:cxn>
              <a:cxn ang="0">
                <a:pos x="330" y="369"/>
              </a:cxn>
              <a:cxn ang="0">
                <a:pos x="393" y="284"/>
              </a:cxn>
              <a:cxn ang="0">
                <a:pos x="319" y="205"/>
              </a:cxn>
            </a:cxnLst>
            <a:rect l="0" t="0" r="r" b="b"/>
            <a:pathLst>
              <a:path w="393" h="393">
                <a:moveTo>
                  <a:pt x="319" y="205"/>
                </a:moveTo>
                <a:cubicBezTo>
                  <a:pt x="298" y="198"/>
                  <a:pt x="277" y="195"/>
                  <a:pt x="264" y="194"/>
                </a:cubicBezTo>
                <a:cubicBezTo>
                  <a:pt x="263" y="184"/>
                  <a:pt x="259" y="175"/>
                  <a:pt x="255" y="169"/>
                </a:cubicBezTo>
                <a:cubicBezTo>
                  <a:pt x="369" y="136"/>
                  <a:pt x="369" y="136"/>
                  <a:pt x="369" y="136"/>
                </a:cubicBezTo>
                <a:cubicBezTo>
                  <a:pt x="375" y="134"/>
                  <a:pt x="379" y="128"/>
                  <a:pt x="379" y="121"/>
                </a:cubicBezTo>
                <a:cubicBezTo>
                  <a:pt x="379" y="120"/>
                  <a:pt x="375" y="91"/>
                  <a:pt x="362" y="62"/>
                </a:cubicBezTo>
                <a:cubicBezTo>
                  <a:pt x="343" y="21"/>
                  <a:pt x="314" y="0"/>
                  <a:pt x="277" y="0"/>
                </a:cubicBezTo>
                <a:cubicBezTo>
                  <a:pt x="204" y="0"/>
                  <a:pt x="188" y="100"/>
                  <a:pt x="184" y="135"/>
                </a:cubicBezTo>
                <a:cubicBezTo>
                  <a:pt x="181" y="136"/>
                  <a:pt x="177" y="137"/>
                  <a:pt x="174" y="138"/>
                </a:cubicBezTo>
                <a:cubicBezTo>
                  <a:pt x="136" y="16"/>
                  <a:pt x="136" y="16"/>
                  <a:pt x="136" y="16"/>
                </a:cubicBezTo>
                <a:cubicBezTo>
                  <a:pt x="134" y="10"/>
                  <a:pt x="128" y="6"/>
                  <a:pt x="121" y="7"/>
                </a:cubicBezTo>
                <a:cubicBezTo>
                  <a:pt x="120" y="7"/>
                  <a:pt x="91" y="11"/>
                  <a:pt x="62" y="24"/>
                </a:cubicBezTo>
                <a:cubicBezTo>
                  <a:pt x="21" y="43"/>
                  <a:pt x="0" y="72"/>
                  <a:pt x="0" y="108"/>
                </a:cubicBezTo>
                <a:cubicBezTo>
                  <a:pt x="0" y="134"/>
                  <a:pt x="13" y="169"/>
                  <a:pt x="75" y="190"/>
                </a:cubicBezTo>
                <a:cubicBezTo>
                  <a:pt x="95" y="196"/>
                  <a:pt x="116" y="200"/>
                  <a:pt x="129" y="201"/>
                </a:cubicBezTo>
                <a:cubicBezTo>
                  <a:pt x="129" y="211"/>
                  <a:pt x="132" y="221"/>
                  <a:pt x="135" y="228"/>
                </a:cubicBezTo>
                <a:cubicBezTo>
                  <a:pt x="24" y="257"/>
                  <a:pt x="24" y="257"/>
                  <a:pt x="24" y="257"/>
                </a:cubicBezTo>
                <a:cubicBezTo>
                  <a:pt x="17" y="259"/>
                  <a:pt x="13" y="265"/>
                  <a:pt x="14" y="271"/>
                </a:cubicBezTo>
                <a:cubicBezTo>
                  <a:pt x="14" y="273"/>
                  <a:pt x="18" y="301"/>
                  <a:pt x="31" y="330"/>
                </a:cubicBezTo>
                <a:cubicBezTo>
                  <a:pt x="50" y="371"/>
                  <a:pt x="79" y="393"/>
                  <a:pt x="115" y="393"/>
                </a:cubicBezTo>
                <a:cubicBezTo>
                  <a:pt x="141" y="393"/>
                  <a:pt x="176" y="381"/>
                  <a:pt x="197" y="322"/>
                </a:cubicBezTo>
                <a:cubicBezTo>
                  <a:pt x="208" y="290"/>
                  <a:pt x="210" y="258"/>
                  <a:pt x="210" y="257"/>
                </a:cubicBezTo>
                <a:cubicBezTo>
                  <a:pt x="211" y="250"/>
                  <a:pt x="205" y="243"/>
                  <a:pt x="198" y="243"/>
                </a:cubicBezTo>
                <a:cubicBezTo>
                  <a:pt x="190" y="243"/>
                  <a:pt x="184" y="248"/>
                  <a:pt x="184" y="256"/>
                </a:cubicBezTo>
                <a:cubicBezTo>
                  <a:pt x="184" y="256"/>
                  <a:pt x="184" y="256"/>
                  <a:pt x="184" y="256"/>
                </a:cubicBezTo>
                <a:cubicBezTo>
                  <a:pt x="184" y="257"/>
                  <a:pt x="177" y="366"/>
                  <a:pt x="115" y="366"/>
                </a:cubicBezTo>
                <a:cubicBezTo>
                  <a:pt x="66" y="366"/>
                  <a:pt x="48" y="305"/>
                  <a:pt x="42" y="280"/>
                </a:cubicBezTo>
                <a:cubicBezTo>
                  <a:pt x="158" y="250"/>
                  <a:pt x="158" y="250"/>
                  <a:pt x="158" y="250"/>
                </a:cubicBezTo>
                <a:cubicBezTo>
                  <a:pt x="163" y="248"/>
                  <a:pt x="166" y="245"/>
                  <a:pt x="168" y="241"/>
                </a:cubicBezTo>
                <a:cubicBezTo>
                  <a:pt x="169" y="236"/>
                  <a:pt x="168" y="232"/>
                  <a:pt x="165" y="228"/>
                </a:cubicBezTo>
                <a:cubicBezTo>
                  <a:pt x="165" y="228"/>
                  <a:pt x="152" y="211"/>
                  <a:pt x="157" y="193"/>
                </a:cubicBezTo>
                <a:cubicBezTo>
                  <a:pt x="158" y="189"/>
                  <a:pt x="158" y="184"/>
                  <a:pt x="155" y="181"/>
                </a:cubicBezTo>
                <a:cubicBezTo>
                  <a:pt x="153" y="178"/>
                  <a:pt x="149" y="176"/>
                  <a:pt x="145" y="176"/>
                </a:cubicBezTo>
                <a:cubicBezTo>
                  <a:pt x="144" y="175"/>
                  <a:pt x="26" y="170"/>
                  <a:pt x="26" y="108"/>
                </a:cubicBezTo>
                <a:cubicBezTo>
                  <a:pt x="26" y="58"/>
                  <a:pt x="88" y="41"/>
                  <a:pt x="114" y="35"/>
                </a:cubicBezTo>
                <a:cubicBezTo>
                  <a:pt x="153" y="162"/>
                  <a:pt x="153" y="162"/>
                  <a:pt x="153" y="162"/>
                </a:cubicBezTo>
                <a:cubicBezTo>
                  <a:pt x="154" y="166"/>
                  <a:pt x="157" y="169"/>
                  <a:pt x="162" y="170"/>
                </a:cubicBezTo>
                <a:cubicBezTo>
                  <a:pt x="166" y="172"/>
                  <a:pt x="170" y="171"/>
                  <a:pt x="174" y="168"/>
                </a:cubicBezTo>
                <a:cubicBezTo>
                  <a:pt x="177" y="166"/>
                  <a:pt x="187" y="160"/>
                  <a:pt x="195" y="161"/>
                </a:cubicBezTo>
                <a:cubicBezTo>
                  <a:pt x="199" y="161"/>
                  <a:pt x="203" y="160"/>
                  <a:pt x="205" y="158"/>
                </a:cubicBezTo>
                <a:cubicBezTo>
                  <a:pt x="208" y="156"/>
                  <a:pt x="210" y="152"/>
                  <a:pt x="210" y="148"/>
                </a:cubicBezTo>
                <a:cubicBezTo>
                  <a:pt x="210" y="147"/>
                  <a:pt x="217" y="26"/>
                  <a:pt x="277" y="26"/>
                </a:cubicBezTo>
                <a:cubicBezTo>
                  <a:pt x="327" y="26"/>
                  <a:pt x="345" y="88"/>
                  <a:pt x="350" y="113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224" y="150"/>
                  <a:pt x="221" y="154"/>
                  <a:pt x="220" y="158"/>
                </a:cubicBezTo>
                <a:cubicBezTo>
                  <a:pt x="219" y="163"/>
                  <a:pt x="220" y="168"/>
                  <a:pt x="224" y="171"/>
                </a:cubicBezTo>
                <a:cubicBezTo>
                  <a:pt x="225" y="172"/>
                  <a:pt x="239" y="185"/>
                  <a:pt x="238" y="206"/>
                </a:cubicBezTo>
                <a:cubicBezTo>
                  <a:pt x="237" y="210"/>
                  <a:pt x="239" y="213"/>
                  <a:pt x="241" y="216"/>
                </a:cubicBezTo>
                <a:cubicBezTo>
                  <a:pt x="244" y="219"/>
                  <a:pt x="247" y="220"/>
                  <a:pt x="251" y="220"/>
                </a:cubicBezTo>
                <a:cubicBezTo>
                  <a:pt x="252" y="220"/>
                  <a:pt x="366" y="223"/>
                  <a:pt x="366" y="284"/>
                </a:cubicBezTo>
                <a:cubicBezTo>
                  <a:pt x="366" y="334"/>
                  <a:pt x="305" y="352"/>
                  <a:pt x="279" y="357"/>
                </a:cubicBezTo>
                <a:cubicBezTo>
                  <a:pt x="247" y="238"/>
                  <a:pt x="247" y="238"/>
                  <a:pt x="247" y="238"/>
                </a:cubicBezTo>
                <a:cubicBezTo>
                  <a:pt x="245" y="231"/>
                  <a:pt x="237" y="227"/>
                  <a:pt x="230" y="229"/>
                </a:cubicBezTo>
                <a:cubicBezTo>
                  <a:pt x="223" y="231"/>
                  <a:pt x="219" y="238"/>
                  <a:pt x="221" y="245"/>
                </a:cubicBezTo>
                <a:cubicBezTo>
                  <a:pt x="257" y="376"/>
                  <a:pt x="257" y="376"/>
                  <a:pt x="257" y="376"/>
                </a:cubicBezTo>
                <a:cubicBezTo>
                  <a:pt x="259" y="382"/>
                  <a:pt x="265" y="386"/>
                  <a:pt x="271" y="386"/>
                </a:cubicBezTo>
                <a:cubicBezTo>
                  <a:pt x="273" y="385"/>
                  <a:pt x="301" y="382"/>
                  <a:pt x="330" y="369"/>
                </a:cubicBezTo>
                <a:cubicBezTo>
                  <a:pt x="371" y="350"/>
                  <a:pt x="393" y="321"/>
                  <a:pt x="393" y="284"/>
                </a:cubicBezTo>
                <a:cubicBezTo>
                  <a:pt x="393" y="258"/>
                  <a:pt x="380" y="223"/>
                  <a:pt x="319" y="205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5" name="Freeform 188"/>
          <p:cNvSpPr>
            <a:spLocks noChangeAspect="1" noEditPoints="1"/>
          </p:cNvSpPr>
          <p:nvPr userDrawn="1"/>
        </p:nvSpPr>
        <p:spPr bwMode="auto">
          <a:xfrm>
            <a:off x="10335260" y="3000094"/>
            <a:ext cx="422086" cy="393192"/>
          </a:xfrm>
          <a:custGeom>
            <a:avLst/>
            <a:gdLst/>
            <a:ahLst/>
            <a:cxnLst>
              <a:cxn ang="0">
                <a:pos x="395" y="249"/>
              </a:cxn>
              <a:cxn ang="0">
                <a:pos x="228" y="249"/>
              </a:cxn>
              <a:cxn ang="0">
                <a:pos x="203" y="78"/>
              </a:cxn>
              <a:cxn ang="0">
                <a:pos x="188" y="4"/>
              </a:cxn>
              <a:cxn ang="0">
                <a:pos x="164" y="0"/>
              </a:cxn>
              <a:cxn ang="0">
                <a:pos x="126" y="29"/>
              </a:cxn>
              <a:cxn ang="0">
                <a:pos x="100" y="145"/>
              </a:cxn>
              <a:cxn ang="0">
                <a:pos x="62" y="249"/>
              </a:cxn>
              <a:cxn ang="0">
                <a:pos x="0" y="310"/>
              </a:cxn>
              <a:cxn ang="0">
                <a:pos x="151" y="372"/>
              </a:cxn>
              <a:cxn ang="0">
                <a:pos x="158" y="423"/>
              </a:cxn>
              <a:cxn ang="0">
                <a:pos x="238" y="369"/>
              </a:cxn>
              <a:cxn ang="0">
                <a:pos x="238" y="348"/>
              </a:cxn>
              <a:cxn ang="0">
                <a:pos x="154" y="298"/>
              </a:cxn>
              <a:cxn ang="0">
                <a:pos x="209" y="359"/>
              </a:cxn>
              <a:cxn ang="0">
                <a:pos x="177" y="359"/>
              </a:cxn>
              <a:cxn ang="0">
                <a:pos x="62" y="346"/>
              </a:cxn>
              <a:cxn ang="0">
                <a:pos x="37" y="286"/>
              </a:cxn>
              <a:cxn ang="0">
                <a:pos x="114" y="275"/>
              </a:cxn>
              <a:cxn ang="0">
                <a:pos x="127" y="145"/>
              </a:cxn>
              <a:cxn ang="0">
                <a:pos x="152" y="81"/>
              </a:cxn>
              <a:cxn ang="0">
                <a:pos x="152" y="28"/>
              </a:cxn>
              <a:cxn ang="0">
                <a:pos x="165" y="27"/>
              </a:cxn>
              <a:cxn ang="0">
                <a:pos x="176" y="29"/>
              </a:cxn>
              <a:cxn ang="0">
                <a:pos x="177" y="87"/>
              </a:cxn>
              <a:cxn ang="0">
                <a:pos x="201" y="262"/>
              </a:cxn>
              <a:cxn ang="0">
                <a:pos x="344" y="275"/>
              </a:cxn>
              <a:cxn ang="0">
                <a:pos x="351" y="354"/>
              </a:cxn>
              <a:cxn ang="0">
                <a:pos x="456" y="310"/>
              </a:cxn>
              <a:cxn ang="0">
                <a:pos x="395" y="346"/>
              </a:cxn>
              <a:cxn ang="0">
                <a:pos x="360" y="310"/>
              </a:cxn>
              <a:cxn ang="0">
                <a:pos x="395" y="275"/>
              </a:cxn>
              <a:cxn ang="0">
                <a:pos x="395" y="346"/>
              </a:cxn>
            </a:cxnLst>
            <a:rect l="0" t="0" r="r" b="b"/>
            <a:pathLst>
              <a:path w="456" h="426">
                <a:moveTo>
                  <a:pt x="395" y="249"/>
                </a:moveTo>
                <a:cubicBezTo>
                  <a:pt x="395" y="249"/>
                  <a:pt x="395" y="249"/>
                  <a:pt x="395" y="249"/>
                </a:cubicBezTo>
                <a:cubicBezTo>
                  <a:pt x="395" y="249"/>
                  <a:pt x="395" y="249"/>
                  <a:pt x="395" y="249"/>
                </a:cubicBezTo>
                <a:cubicBezTo>
                  <a:pt x="228" y="249"/>
                  <a:pt x="228" y="249"/>
                  <a:pt x="228" y="249"/>
                </a:cubicBezTo>
                <a:cubicBezTo>
                  <a:pt x="228" y="145"/>
                  <a:pt x="228" y="145"/>
                  <a:pt x="228" y="145"/>
                </a:cubicBezTo>
                <a:cubicBezTo>
                  <a:pt x="228" y="130"/>
                  <a:pt x="211" y="95"/>
                  <a:pt x="203" y="78"/>
                </a:cubicBezTo>
                <a:cubicBezTo>
                  <a:pt x="203" y="29"/>
                  <a:pt x="203" y="29"/>
                  <a:pt x="203" y="29"/>
                </a:cubicBezTo>
                <a:cubicBezTo>
                  <a:pt x="203" y="18"/>
                  <a:pt x="197" y="9"/>
                  <a:pt x="188" y="4"/>
                </a:cubicBezTo>
                <a:cubicBezTo>
                  <a:pt x="181" y="0"/>
                  <a:pt x="172" y="0"/>
                  <a:pt x="165" y="0"/>
                </a:cubicBezTo>
                <a:cubicBezTo>
                  <a:pt x="164" y="0"/>
                  <a:pt x="164" y="0"/>
                  <a:pt x="164" y="0"/>
                </a:cubicBezTo>
                <a:cubicBezTo>
                  <a:pt x="157" y="0"/>
                  <a:pt x="148" y="0"/>
                  <a:pt x="140" y="4"/>
                </a:cubicBezTo>
                <a:cubicBezTo>
                  <a:pt x="131" y="9"/>
                  <a:pt x="126" y="18"/>
                  <a:pt x="126" y="29"/>
                </a:cubicBezTo>
                <a:cubicBezTo>
                  <a:pt x="126" y="78"/>
                  <a:pt x="126" y="78"/>
                  <a:pt x="126" y="78"/>
                </a:cubicBezTo>
                <a:cubicBezTo>
                  <a:pt x="117" y="95"/>
                  <a:pt x="100" y="130"/>
                  <a:pt x="100" y="145"/>
                </a:cubicBezTo>
                <a:cubicBezTo>
                  <a:pt x="100" y="249"/>
                  <a:pt x="100" y="249"/>
                  <a:pt x="100" y="249"/>
                </a:cubicBezTo>
                <a:cubicBezTo>
                  <a:pt x="62" y="249"/>
                  <a:pt x="62" y="249"/>
                  <a:pt x="62" y="249"/>
                </a:cubicBezTo>
                <a:cubicBezTo>
                  <a:pt x="46" y="249"/>
                  <a:pt x="30" y="255"/>
                  <a:pt x="18" y="267"/>
                </a:cubicBezTo>
                <a:cubicBezTo>
                  <a:pt x="7" y="278"/>
                  <a:pt x="0" y="294"/>
                  <a:pt x="0" y="310"/>
                </a:cubicBezTo>
                <a:cubicBezTo>
                  <a:pt x="0" y="344"/>
                  <a:pt x="28" y="372"/>
                  <a:pt x="62" y="372"/>
                </a:cubicBezTo>
                <a:cubicBezTo>
                  <a:pt x="151" y="372"/>
                  <a:pt x="151" y="372"/>
                  <a:pt x="151" y="372"/>
                </a:cubicBezTo>
                <a:cubicBezTo>
                  <a:pt x="151" y="411"/>
                  <a:pt x="151" y="411"/>
                  <a:pt x="151" y="411"/>
                </a:cubicBezTo>
                <a:cubicBezTo>
                  <a:pt x="151" y="417"/>
                  <a:pt x="154" y="421"/>
                  <a:pt x="158" y="423"/>
                </a:cubicBezTo>
                <a:cubicBezTo>
                  <a:pt x="163" y="426"/>
                  <a:pt x="168" y="425"/>
                  <a:pt x="172" y="422"/>
                </a:cubicBezTo>
                <a:cubicBezTo>
                  <a:pt x="238" y="369"/>
                  <a:pt x="238" y="369"/>
                  <a:pt x="238" y="369"/>
                </a:cubicBezTo>
                <a:cubicBezTo>
                  <a:pt x="242" y="367"/>
                  <a:pt x="243" y="363"/>
                  <a:pt x="243" y="359"/>
                </a:cubicBezTo>
                <a:cubicBezTo>
                  <a:pt x="243" y="355"/>
                  <a:pt x="242" y="351"/>
                  <a:pt x="238" y="348"/>
                </a:cubicBezTo>
                <a:cubicBezTo>
                  <a:pt x="172" y="296"/>
                  <a:pt x="172" y="296"/>
                  <a:pt x="172" y="296"/>
                </a:cubicBezTo>
                <a:cubicBezTo>
                  <a:pt x="167" y="291"/>
                  <a:pt x="158" y="292"/>
                  <a:pt x="154" y="298"/>
                </a:cubicBezTo>
                <a:cubicBezTo>
                  <a:pt x="149" y="303"/>
                  <a:pt x="150" y="312"/>
                  <a:pt x="156" y="316"/>
                </a:cubicBezTo>
                <a:cubicBezTo>
                  <a:pt x="209" y="359"/>
                  <a:pt x="209" y="359"/>
                  <a:pt x="209" y="359"/>
                </a:cubicBezTo>
                <a:cubicBezTo>
                  <a:pt x="177" y="384"/>
                  <a:pt x="177" y="384"/>
                  <a:pt x="177" y="384"/>
                </a:cubicBezTo>
                <a:cubicBezTo>
                  <a:pt x="177" y="359"/>
                  <a:pt x="177" y="359"/>
                  <a:pt x="177" y="359"/>
                </a:cubicBezTo>
                <a:cubicBezTo>
                  <a:pt x="177" y="351"/>
                  <a:pt x="172" y="346"/>
                  <a:pt x="164" y="346"/>
                </a:cubicBezTo>
                <a:cubicBezTo>
                  <a:pt x="62" y="346"/>
                  <a:pt x="62" y="346"/>
                  <a:pt x="62" y="346"/>
                </a:cubicBezTo>
                <a:cubicBezTo>
                  <a:pt x="43" y="346"/>
                  <a:pt x="27" y="330"/>
                  <a:pt x="27" y="310"/>
                </a:cubicBezTo>
                <a:cubicBezTo>
                  <a:pt x="27" y="301"/>
                  <a:pt x="31" y="292"/>
                  <a:pt x="37" y="286"/>
                </a:cubicBezTo>
                <a:cubicBezTo>
                  <a:pt x="44" y="279"/>
                  <a:pt x="53" y="275"/>
                  <a:pt x="62" y="275"/>
                </a:cubicBezTo>
                <a:cubicBezTo>
                  <a:pt x="62" y="275"/>
                  <a:pt x="114" y="275"/>
                  <a:pt x="114" y="275"/>
                </a:cubicBezTo>
                <a:cubicBezTo>
                  <a:pt x="121" y="275"/>
                  <a:pt x="127" y="269"/>
                  <a:pt x="127" y="262"/>
                </a:cubicBezTo>
                <a:cubicBezTo>
                  <a:pt x="127" y="145"/>
                  <a:pt x="127" y="145"/>
                  <a:pt x="127" y="145"/>
                </a:cubicBezTo>
                <a:cubicBezTo>
                  <a:pt x="127" y="138"/>
                  <a:pt x="140" y="109"/>
                  <a:pt x="151" y="87"/>
                </a:cubicBezTo>
                <a:cubicBezTo>
                  <a:pt x="152" y="85"/>
                  <a:pt x="152" y="83"/>
                  <a:pt x="152" y="81"/>
                </a:cubicBezTo>
                <a:cubicBezTo>
                  <a:pt x="152" y="29"/>
                  <a:pt x="152" y="29"/>
                  <a:pt x="152" y="29"/>
                </a:cubicBezTo>
                <a:cubicBezTo>
                  <a:pt x="152" y="29"/>
                  <a:pt x="152" y="28"/>
                  <a:pt x="152" y="28"/>
                </a:cubicBezTo>
                <a:cubicBezTo>
                  <a:pt x="153" y="28"/>
                  <a:pt x="156" y="27"/>
                  <a:pt x="164" y="27"/>
                </a:cubicBezTo>
                <a:cubicBezTo>
                  <a:pt x="165" y="27"/>
                  <a:pt x="165" y="27"/>
                  <a:pt x="165" y="27"/>
                </a:cubicBezTo>
                <a:cubicBezTo>
                  <a:pt x="172" y="27"/>
                  <a:pt x="175" y="28"/>
                  <a:pt x="176" y="28"/>
                </a:cubicBezTo>
                <a:cubicBezTo>
                  <a:pt x="176" y="28"/>
                  <a:pt x="176" y="29"/>
                  <a:pt x="176" y="29"/>
                </a:cubicBezTo>
                <a:cubicBezTo>
                  <a:pt x="176" y="81"/>
                  <a:pt x="176" y="81"/>
                  <a:pt x="176" y="81"/>
                </a:cubicBezTo>
                <a:cubicBezTo>
                  <a:pt x="176" y="83"/>
                  <a:pt x="176" y="85"/>
                  <a:pt x="177" y="87"/>
                </a:cubicBezTo>
                <a:cubicBezTo>
                  <a:pt x="189" y="109"/>
                  <a:pt x="201" y="138"/>
                  <a:pt x="201" y="145"/>
                </a:cubicBezTo>
                <a:cubicBezTo>
                  <a:pt x="201" y="262"/>
                  <a:pt x="201" y="262"/>
                  <a:pt x="201" y="262"/>
                </a:cubicBezTo>
                <a:cubicBezTo>
                  <a:pt x="201" y="269"/>
                  <a:pt x="207" y="275"/>
                  <a:pt x="214" y="275"/>
                </a:cubicBezTo>
                <a:cubicBezTo>
                  <a:pt x="344" y="275"/>
                  <a:pt x="344" y="275"/>
                  <a:pt x="344" y="275"/>
                </a:cubicBezTo>
                <a:cubicBezTo>
                  <a:pt x="337" y="286"/>
                  <a:pt x="333" y="298"/>
                  <a:pt x="333" y="310"/>
                </a:cubicBezTo>
                <a:cubicBezTo>
                  <a:pt x="333" y="327"/>
                  <a:pt x="339" y="342"/>
                  <a:pt x="351" y="354"/>
                </a:cubicBezTo>
                <a:cubicBezTo>
                  <a:pt x="363" y="366"/>
                  <a:pt x="378" y="372"/>
                  <a:pt x="395" y="372"/>
                </a:cubicBezTo>
                <a:cubicBezTo>
                  <a:pt x="429" y="372"/>
                  <a:pt x="456" y="344"/>
                  <a:pt x="456" y="310"/>
                </a:cubicBezTo>
                <a:cubicBezTo>
                  <a:pt x="456" y="276"/>
                  <a:pt x="429" y="249"/>
                  <a:pt x="395" y="249"/>
                </a:cubicBezTo>
                <a:close/>
                <a:moveTo>
                  <a:pt x="395" y="346"/>
                </a:moveTo>
                <a:cubicBezTo>
                  <a:pt x="385" y="346"/>
                  <a:pt x="376" y="342"/>
                  <a:pt x="370" y="335"/>
                </a:cubicBezTo>
                <a:cubicBezTo>
                  <a:pt x="363" y="329"/>
                  <a:pt x="360" y="320"/>
                  <a:pt x="360" y="310"/>
                </a:cubicBezTo>
                <a:cubicBezTo>
                  <a:pt x="360" y="301"/>
                  <a:pt x="363" y="292"/>
                  <a:pt x="370" y="286"/>
                </a:cubicBezTo>
                <a:cubicBezTo>
                  <a:pt x="376" y="279"/>
                  <a:pt x="385" y="275"/>
                  <a:pt x="395" y="275"/>
                </a:cubicBezTo>
                <a:cubicBezTo>
                  <a:pt x="414" y="275"/>
                  <a:pt x="430" y="291"/>
                  <a:pt x="430" y="310"/>
                </a:cubicBezTo>
                <a:cubicBezTo>
                  <a:pt x="430" y="330"/>
                  <a:pt x="414" y="346"/>
                  <a:pt x="395" y="346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6" name="Freeform 192"/>
          <p:cNvSpPr>
            <a:spLocks noChangeAspect="1" noEditPoints="1"/>
          </p:cNvSpPr>
          <p:nvPr userDrawn="1"/>
        </p:nvSpPr>
        <p:spPr bwMode="auto">
          <a:xfrm>
            <a:off x="8472423" y="2195360"/>
            <a:ext cx="394362" cy="393192"/>
          </a:xfrm>
          <a:custGeom>
            <a:avLst/>
            <a:gdLst/>
            <a:ahLst/>
            <a:cxnLst>
              <a:cxn ang="0">
                <a:pos x="113" y="371"/>
              </a:cxn>
              <a:cxn ang="0">
                <a:pos x="33" y="399"/>
              </a:cxn>
              <a:cxn ang="0">
                <a:pos x="0" y="326"/>
              </a:cxn>
              <a:cxn ang="0">
                <a:pos x="54" y="183"/>
              </a:cxn>
              <a:cxn ang="0">
                <a:pos x="120" y="174"/>
              </a:cxn>
              <a:cxn ang="0">
                <a:pos x="128" y="247"/>
              </a:cxn>
              <a:cxn ang="0">
                <a:pos x="158" y="223"/>
              </a:cxn>
              <a:cxn ang="0">
                <a:pos x="129" y="210"/>
              </a:cxn>
              <a:cxn ang="0">
                <a:pos x="153" y="155"/>
              </a:cxn>
              <a:cxn ang="0">
                <a:pos x="316" y="221"/>
              </a:cxn>
              <a:cxn ang="0">
                <a:pos x="340" y="242"/>
              </a:cxn>
              <a:cxn ang="0">
                <a:pos x="398" y="288"/>
              </a:cxn>
              <a:cxn ang="0">
                <a:pos x="402" y="371"/>
              </a:cxn>
              <a:cxn ang="0">
                <a:pos x="308" y="406"/>
              </a:cxn>
              <a:cxn ang="0">
                <a:pos x="262" y="332"/>
              </a:cxn>
              <a:cxn ang="0">
                <a:pos x="324" y="376"/>
              </a:cxn>
              <a:cxn ang="0">
                <a:pos x="376" y="356"/>
              </a:cxn>
              <a:cxn ang="0">
                <a:pos x="373" y="296"/>
              </a:cxn>
              <a:cxn ang="0">
                <a:pos x="330" y="267"/>
              </a:cxn>
              <a:cxn ang="0">
                <a:pos x="279" y="224"/>
              </a:cxn>
              <a:cxn ang="0">
                <a:pos x="158" y="196"/>
              </a:cxn>
              <a:cxn ang="0">
                <a:pos x="290" y="266"/>
              </a:cxn>
              <a:cxn ang="0">
                <a:pos x="128" y="274"/>
              </a:cxn>
              <a:cxn ang="0">
                <a:pos x="93" y="191"/>
              </a:cxn>
              <a:cxn ang="0">
                <a:pos x="28" y="317"/>
              </a:cxn>
              <a:cxn ang="0">
                <a:pos x="27" y="318"/>
              </a:cxn>
              <a:cxn ang="0">
                <a:pos x="29" y="347"/>
              </a:cxn>
              <a:cxn ang="0">
                <a:pos x="62" y="379"/>
              </a:cxn>
              <a:cxn ang="0">
                <a:pos x="103" y="345"/>
              </a:cxn>
              <a:cxn ang="0">
                <a:pos x="230" y="354"/>
              </a:cxn>
              <a:cxn ang="0">
                <a:pos x="242" y="379"/>
              </a:cxn>
              <a:cxn ang="0">
                <a:pos x="379" y="423"/>
              </a:cxn>
              <a:cxn ang="0">
                <a:pos x="410" y="259"/>
              </a:cxn>
              <a:cxn ang="0">
                <a:pos x="355" y="168"/>
              </a:cxn>
              <a:cxn ang="0">
                <a:pos x="358" y="167"/>
              </a:cxn>
              <a:cxn ang="0">
                <a:pos x="391" y="148"/>
              </a:cxn>
              <a:cxn ang="0">
                <a:pos x="396" y="95"/>
              </a:cxn>
              <a:cxn ang="0">
                <a:pos x="391" y="95"/>
              </a:cxn>
              <a:cxn ang="0">
                <a:pos x="377" y="32"/>
              </a:cxn>
              <a:cxn ang="0">
                <a:pos x="369" y="28"/>
              </a:cxn>
              <a:cxn ang="0">
                <a:pos x="364" y="90"/>
              </a:cxn>
              <a:cxn ang="0">
                <a:pos x="312" y="90"/>
              </a:cxn>
              <a:cxn ang="0">
                <a:pos x="306" y="28"/>
              </a:cxn>
              <a:cxn ang="0">
                <a:pos x="299" y="32"/>
              </a:cxn>
              <a:cxn ang="0">
                <a:pos x="284" y="95"/>
              </a:cxn>
              <a:cxn ang="0">
                <a:pos x="280" y="106"/>
              </a:cxn>
              <a:cxn ang="0">
                <a:pos x="282" y="145"/>
              </a:cxn>
              <a:cxn ang="0">
                <a:pos x="318" y="167"/>
              </a:cxn>
              <a:cxn ang="0">
                <a:pos x="269" y="172"/>
              </a:cxn>
              <a:cxn ang="0">
                <a:pos x="255" y="145"/>
              </a:cxn>
              <a:cxn ang="0">
                <a:pos x="253" y="94"/>
              </a:cxn>
              <a:cxn ang="0">
                <a:pos x="272" y="70"/>
              </a:cxn>
              <a:cxn ang="0">
                <a:pos x="304" y="0"/>
              </a:cxn>
              <a:cxn ang="0">
                <a:pos x="334" y="68"/>
              </a:cxn>
              <a:cxn ang="0">
                <a:pos x="351" y="9"/>
              </a:cxn>
              <a:cxn ang="0">
                <a:pos x="403" y="32"/>
              </a:cxn>
              <a:cxn ang="0">
                <a:pos x="422" y="95"/>
              </a:cxn>
              <a:cxn ang="0">
                <a:pos x="415" y="160"/>
              </a:cxn>
              <a:cxn ang="0">
                <a:pos x="384" y="185"/>
              </a:cxn>
              <a:cxn ang="0">
                <a:pos x="444" y="395"/>
              </a:cxn>
              <a:cxn ang="0">
                <a:pos x="331" y="459"/>
              </a:cxn>
              <a:cxn ang="0">
                <a:pos x="294" y="122"/>
              </a:cxn>
            </a:cxnLst>
            <a:rect l="0" t="0" r="r" b="b"/>
            <a:pathLst>
              <a:path w="460" h="459">
                <a:moveTo>
                  <a:pt x="271" y="444"/>
                </a:moveTo>
                <a:cubicBezTo>
                  <a:pt x="254" y="434"/>
                  <a:pt x="242" y="422"/>
                  <a:pt x="232" y="410"/>
                </a:cubicBezTo>
                <a:cubicBezTo>
                  <a:pt x="232" y="410"/>
                  <a:pt x="232" y="410"/>
                  <a:pt x="232" y="410"/>
                </a:cubicBezTo>
                <a:cubicBezTo>
                  <a:pt x="220" y="395"/>
                  <a:pt x="212" y="380"/>
                  <a:pt x="208" y="371"/>
                </a:cubicBezTo>
                <a:cubicBezTo>
                  <a:pt x="208" y="371"/>
                  <a:pt x="208" y="371"/>
                  <a:pt x="208" y="371"/>
                </a:cubicBezTo>
                <a:cubicBezTo>
                  <a:pt x="113" y="371"/>
                  <a:pt x="113" y="371"/>
                  <a:pt x="113" y="371"/>
                </a:cubicBezTo>
                <a:cubicBezTo>
                  <a:pt x="109" y="381"/>
                  <a:pt x="103" y="389"/>
                  <a:pt x="95" y="395"/>
                </a:cubicBezTo>
                <a:cubicBezTo>
                  <a:pt x="95" y="395"/>
                  <a:pt x="95" y="395"/>
                  <a:pt x="95" y="395"/>
                </a:cubicBezTo>
                <a:cubicBezTo>
                  <a:pt x="85" y="403"/>
                  <a:pt x="73" y="406"/>
                  <a:pt x="62" y="406"/>
                </a:cubicBezTo>
                <a:cubicBezTo>
                  <a:pt x="62" y="406"/>
                  <a:pt x="62" y="406"/>
                  <a:pt x="62" y="406"/>
                </a:cubicBezTo>
                <a:cubicBezTo>
                  <a:pt x="52" y="406"/>
                  <a:pt x="42" y="404"/>
                  <a:pt x="33" y="399"/>
                </a:cubicBezTo>
                <a:cubicBezTo>
                  <a:pt x="33" y="399"/>
                  <a:pt x="33" y="399"/>
                  <a:pt x="33" y="399"/>
                </a:cubicBezTo>
                <a:cubicBezTo>
                  <a:pt x="25" y="395"/>
                  <a:pt x="19" y="389"/>
                  <a:pt x="15" y="382"/>
                </a:cubicBezTo>
                <a:cubicBezTo>
                  <a:pt x="15" y="382"/>
                  <a:pt x="15" y="382"/>
                  <a:pt x="15" y="382"/>
                </a:cubicBezTo>
                <a:cubicBezTo>
                  <a:pt x="11" y="376"/>
                  <a:pt x="8" y="369"/>
                  <a:pt x="5" y="362"/>
                </a:cubicBezTo>
                <a:cubicBezTo>
                  <a:pt x="5" y="362"/>
                  <a:pt x="5" y="362"/>
                  <a:pt x="5" y="362"/>
                </a:cubicBezTo>
                <a:cubicBezTo>
                  <a:pt x="1" y="349"/>
                  <a:pt x="1" y="335"/>
                  <a:pt x="0" y="326"/>
                </a:cubicBezTo>
                <a:cubicBezTo>
                  <a:pt x="0" y="326"/>
                  <a:pt x="0" y="326"/>
                  <a:pt x="0" y="326"/>
                </a:cubicBezTo>
                <a:cubicBezTo>
                  <a:pt x="0" y="321"/>
                  <a:pt x="1" y="317"/>
                  <a:pt x="1" y="315"/>
                </a:cubicBezTo>
                <a:cubicBezTo>
                  <a:pt x="1" y="315"/>
                  <a:pt x="1" y="315"/>
                  <a:pt x="1" y="315"/>
                </a:cubicBezTo>
                <a:cubicBezTo>
                  <a:pt x="3" y="280"/>
                  <a:pt x="9" y="252"/>
                  <a:pt x="19" y="230"/>
                </a:cubicBezTo>
                <a:cubicBezTo>
                  <a:pt x="19" y="230"/>
                  <a:pt x="19" y="230"/>
                  <a:pt x="19" y="230"/>
                </a:cubicBezTo>
                <a:cubicBezTo>
                  <a:pt x="29" y="209"/>
                  <a:pt x="41" y="193"/>
                  <a:pt x="54" y="183"/>
                </a:cubicBezTo>
                <a:cubicBezTo>
                  <a:pt x="54" y="183"/>
                  <a:pt x="54" y="183"/>
                  <a:pt x="54" y="183"/>
                </a:cubicBezTo>
                <a:cubicBezTo>
                  <a:pt x="79" y="162"/>
                  <a:pt x="104" y="161"/>
                  <a:pt x="106" y="160"/>
                </a:cubicBezTo>
                <a:cubicBezTo>
                  <a:pt x="106" y="160"/>
                  <a:pt x="106" y="160"/>
                  <a:pt x="106" y="160"/>
                </a:cubicBezTo>
                <a:cubicBezTo>
                  <a:pt x="109" y="160"/>
                  <a:pt x="113" y="162"/>
                  <a:pt x="115" y="164"/>
                </a:cubicBezTo>
                <a:cubicBezTo>
                  <a:pt x="115" y="164"/>
                  <a:pt x="115" y="164"/>
                  <a:pt x="115" y="164"/>
                </a:cubicBezTo>
                <a:cubicBezTo>
                  <a:pt x="118" y="167"/>
                  <a:pt x="120" y="170"/>
                  <a:pt x="120" y="174"/>
                </a:cubicBezTo>
                <a:cubicBezTo>
                  <a:pt x="120" y="174"/>
                  <a:pt x="120" y="174"/>
                  <a:pt x="120" y="174"/>
                </a:cubicBezTo>
                <a:cubicBezTo>
                  <a:pt x="120" y="182"/>
                  <a:pt x="119" y="233"/>
                  <a:pt x="119" y="239"/>
                </a:cubicBezTo>
                <a:cubicBezTo>
                  <a:pt x="119" y="239"/>
                  <a:pt x="119" y="239"/>
                  <a:pt x="119" y="239"/>
                </a:cubicBezTo>
                <a:cubicBezTo>
                  <a:pt x="119" y="240"/>
                  <a:pt x="120" y="243"/>
                  <a:pt x="122" y="245"/>
                </a:cubicBezTo>
                <a:cubicBezTo>
                  <a:pt x="122" y="245"/>
                  <a:pt x="122" y="245"/>
                  <a:pt x="122" y="245"/>
                </a:cubicBezTo>
                <a:cubicBezTo>
                  <a:pt x="124" y="246"/>
                  <a:pt x="126" y="247"/>
                  <a:pt x="128" y="247"/>
                </a:cubicBezTo>
                <a:cubicBezTo>
                  <a:pt x="128" y="247"/>
                  <a:pt x="128" y="247"/>
                  <a:pt x="128" y="247"/>
                </a:cubicBezTo>
                <a:cubicBezTo>
                  <a:pt x="136" y="247"/>
                  <a:pt x="199" y="248"/>
                  <a:pt x="240" y="248"/>
                </a:cubicBezTo>
                <a:cubicBezTo>
                  <a:pt x="240" y="248"/>
                  <a:pt x="240" y="248"/>
                  <a:pt x="240" y="248"/>
                </a:cubicBezTo>
                <a:cubicBezTo>
                  <a:pt x="228" y="240"/>
                  <a:pt x="217" y="235"/>
                  <a:pt x="206" y="231"/>
                </a:cubicBezTo>
                <a:cubicBezTo>
                  <a:pt x="206" y="231"/>
                  <a:pt x="206" y="231"/>
                  <a:pt x="206" y="231"/>
                </a:cubicBezTo>
                <a:cubicBezTo>
                  <a:pt x="186" y="224"/>
                  <a:pt x="169" y="223"/>
                  <a:pt x="158" y="223"/>
                </a:cubicBezTo>
                <a:cubicBezTo>
                  <a:pt x="158" y="223"/>
                  <a:pt x="158" y="223"/>
                  <a:pt x="158" y="223"/>
                </a:cubicBezTo>
                <a:cubicBezTo>
                  <a:pt x="150" y="223"/>
                  <a:pt x="146" y="223"/>
                  <a:pt x="145" y="224"/>
                </a:cubicBezTo>
                <a:cubicBezTo>
                  <a:pt x="145" y="224"/>
                  <a:pt x="145" y="224"/>
                  <a:pt x="145" y="224"/>
                </a:cubicBezTo>
                <a:cubicBezTo>
                  <a:pt x="145" y="224"/>
                  <a:pt x="145" y="224"/>
                  <a:pt x="145" y="224"/>
                </a:cubicBezTo>
                <a:cubicBezTo>
                  <a:pt x="141" y="224"/>
                  <a:pt x="137" y="223"/>
                  <a:pt x="134" y="221"/>
                </a:cubicBezTo>
                <a:cubicBezTo>
                  <a:pt x="134" y="221"/>
                  <a:pt x="134" y="221"/>
                  <a:pt x="134" y="221"/>
                </a:cubicBezTo>
                <a:cubicBezTo>
                  <a:pt x="131" y="218"/>
                  <a:pt x="129" y="214"/>
                  <a:pt x="129" y="210"/>
                </a:cubicBezTo>
                <a:cubicBezTo>
                  <a:pt x="129" y="210"/>
                  <a:pt x="129" y="210"/>
                  <a:pt x="129" y="210"/>
                </a:cubicBezTo>
                <a:cubicBezTo>
                  <a:pt x="129" y="169"/>
                  <a:pt x="129" y="169"/>
                  <a:pt x="129" y="169"/>
                </a:cubicBezTo>
                <a:cubicBezTo>
                  <a:pt x="129" y="162"/>
                  <a:pt x="135" y="156"/>
                  <a:pt x="142" y="155"/>
                </a:cubicBezTo>
                <a:cubicBezTo>
                  <a:pt x="142" y="155"/>
                  <a:pt x="142" y="155"/>
                  <a:pt x="142" y="155"/>
                </a:cubicBezTo>
                <a:cubicBezTo>
                  <a:pt x="146" y="155"/>
                  <a:pt x="150" y="155"/>
                  <a:pt x="153" y="155"/>
                </a:cubicBezTo>
                <a:cubicBezTo>
                  <a:pt x="153" y="155"/>
                  <a:pt x="153" y="155"/>
                  <a:pt x="153" y="155"/>
                </a:cubicBezTo>
                <a:cubicBezTo>
                  <a:pt x="183" y="155"/>
                  <a:pt x="212" y="162"/>
                  <a:pt x="236" y="171"/>
                </a:cubicBezTo>
                <a:cubicBezTo>
                  <a:pt x="236" y="171"/>
                  <a:pt x="236" y="171"/>
                  <a:pt x="236" y="171"/>
                </a:cubicBezTo>
                <a:cubicBezTo>
                  <a:pt x="261" y="180"/>
                  <a:pt x="282" y="192"/>
                  <a:pt x="296" y="203"/>
                </a:cubicBezTo>
                <a:cubicBezTo>
                  <a:pt x="296" y="203"/>
                  <a:pt x="296" y="203"/>
                  <a:pt x="296" y="203"/>
                </a:cubicBezTo>
                <a:cubicBezTo>
                  <a:pt x="302" y="208"/>
                  <a:pt x="309" y="214"/>
                  <a:pt x="316" y="221"/>
                </a:cubicBezTo>
                <a:cubicBezTo>
                  <a:pt x="316" y="221"/>
                  <a:pt x="316" y="221"/>
                  <a:pt x="316" y="221"/>
                </a:cubicBezTo>
                <a:cubicBezTo>
                  <a:pt x="322" y="227"/>
                  <a:pt x="329" y="233"/>
                  <a:pt x="334" y="237"/>
                </a:cubicBezTo>
                <a:cubicBezTo>
                  <a:pt x="334" y="237"/>
                  <a:pt x="334" y="237"/>
                  <a:pt x="334" y="237"/>
                </a:cubicBezTo>
                <a:cubicBezTo>
                  <a:pt x="337" y="240"/>
                  <a:pt x="340" y="242"/>
                  <a:pt x="340" y="242"/>
                </a:cubicBezTo>
                <a:cubicBezTo>
                  <a:pt x="340" y="242"/>
                  <a:pt x="340" y="242"/>
                  <a:pt x="340" y="242"/>
                </a:cubicBezTo>
                <a:cubicBezTo>
                  <a:pt x="340" y="242"/>
                  <a:pt x="340" y="242"/>
                  <a:pt x="340" y="242"/>
                </a:cubicBezTo>
                <a:cubicBezTo>
                  <a:pt x="340" y="242"/>
                  <a:pt x="340" y="242"/>
                  <a:pt x="340" y="242"/>
                </a:cubicBezTo>
                <a:cubicBezTo>
                  <a:pt x="343" y="243"/>
                  <a:pt x="351" y="246"/>
                  <a:pt x="359" y="249"/>
                </a:cubicBezTo>
                <a:cubicBezTo>
                  <a:pt x="359" y="249"/>
                  <a:pt x="359" y="249"/>
                  <a:pt x="359" y="249"/>
                </a:cubicBezTo>
                <a:cubicBezTo>
                  <a:pt x="367" y="253"/>
                  <a:pt x="377" y="259"/>
                  <a:pt x="385" y="267"/>
                </a:cubicBezTo>
                <a:cubicBezTo>
                  <a:pt x="385" y="267"/>
                  <a:pt x="385" y="267"/>
                  <a:pt x="385" y="267"/>
                </a:cubicBezTo>
                <a:cubicBezTo>
                  <a:pt x="390" y="272"/>
                  <a:pt x="395" y="279"/>
                  <a:pt x="398" y="288"/>
                </a:cubicBezTo>
                <a:cubicBezTo>
                  <a:pt x="398" y="288"/>
                  <a:pt x="398" y="288"/>
                  <a:pt x="398" y="288"/>
                </a:cubicBezTo>
                <a:cubicBezTo>
                  <a:pt x="400" y="295"/>
                  <a:pt x="402" y="303"/>
                  <a:pt x="402" y="311"/>
                </a:cubicBezTo>
                <a:cubicBezTo>
                  <a:pt x="402" y="311"/>
                  <a:pt x="402" y="311"/>
                  <a:pt x="402" y="311"/>
                </a:cubicBezTo>
                <a:cubicBezTo>
                  <a:pt x="403" y="319"/>
                  <a:pt x="404" y="327"/>
                  <a:pt x="404" y="335"/>
                </a:cubicBezTo>
                <a:cubicBezTo>
                  <a:pt x="404" y="335"/>
                  <a:pt x="404" y="335"/>
                  <a:pt x="404" y="335"/>
                </a:cubicBezTo>
                <a:cubicBezTo>
                  <a:pt x="404" y="354"/>
                  <a:pt x="402" y="371"/>
                  <a:pt x="402" y="371"/>
                </a:cubicBezTo>
                <a:cubicBezTo>
                  <a:pt x="402" y="371"/>
                  <a:pt x="402" y="371"/>
                  <a:pt x="402" y="371"/>
                </a:cubicBezTo>
                <a:cubicBezTo>
                  <a:pt x="401" y="378"/>
                  <a:pt x="395" y="383"/>
                  <a:pt x="389" y="383"/>
                </a:cubicBezTo>
                <a:cubicBezTo>
                  <a:pt x="389" y="383"/>
                  <a:pt x="389" y="383"/>
                  <a:pt x="389" y="383"/>
                </a:cubicBezTo>
                <a:cubicBezTo>
                  <a:pt x="355" y="383"/>
                  <a:pt x="355" y="383"/>
                  <a:pt x="355" y="383"/>
                </a:cubicBezTo>
                <a:cubicBezTo>
                  <a:pt x="349" y="391"/>
                  <a:pt x="342" y="396"/>
                  <a:pt x="335" y="400"/>
                </a:cubicBezTo>
                <a:cubicBezTo>
                  <a:pt x="335" y="400"/>
                  <a:pt x="335" y="400"/>
                  <a:pt x="335" y="400"/>
                </a:cubicBezTo>
                <a:cubicBezTo>
                  <a:pt x="326" y="404"/>
                  <a:pt x="316" y="406"/>
                  <a:pt x="308" y="406"/>
                </a:cubicBezTo>
                <a:cubicBezTo>
                  <a:pt x="308" y="406"/>
                  <a:pt x="308" y="406"/>
                  <a:pt x="308" y="406"/>
                </a:cubicBezTo>
                <a:cubicBezTo>
                  <a:pt x="292" y="406"/>
                  <a:pt x="278" y="398"/>
                  <a:pt x="268" y="388"/>
                </a:cubicBezTo>
                <a:cubicBezTo>
                  <a:pt x="268" y="388"/>
                  <a:pt x="268" y="388"/>
                  <a:pt x="268" y="388"/>
                </a:cubicBezTo>
                <a:cubicBezTo>
                  <a:pt x="258" y="378"/>
                  <a:pt x="252" y="364"/>
                  <a:pt x="252" y="349"/>
                </a:cubicBezTo>
                <a:cubicBezTo>
                  <a:pt x="252" y="349"/>
                  <a:pt x="252" y="349"/>
                  <a:pt x="252" y="349"/>
                </a:cubicBezTo>
                <a:cubicBezTo>
                  <a:pt x="251" y="338"/>
                  <a:pt x="256" y="332"/>
                  <a:pt x="262" y="332"/>
                </a:cubicBezTo>
                <a:cubicBezTo>
                  <a:pt x="274" y="331"/>
                  <a:pt x="277" y="339"/>
                  <a:pt x="280" y="356"/>
                </a:cubicBezTo>
                <a:cubicBezTo>
                  <a:pt x="281" y="362"/>
                  <a:pt x="283" y="366"/>
                  <a:pt x="287" y="370"/>
                </a:cubicBezTo>
                <a:cubicBezTo>
                  <a:pt x="287" y="370"/>
                  <a:pt x="287" y="370"/>
                  <a:pt x="287" y="370"/>
                </a:cubicBezTo>
                <a:cubicBezTo>
                  <a:pt x="293" y="376"/>
                  <a:pt x="300" y="379"/>
                  <a:pt x="308" y="379"/>
                </a:cubicBezTo>
                <a:cubicBezTo>
                  <a:pt x="308" y="379"/>
                  <a:pt x="308" y="379"/>
                  <a:pt x="308" y="379"/>
                </a:cubicBezTo>
                <a:cubicBezTo>
                  <a:pt x="313" y="379"/>
                  <a:pt x="319" y="378"/>
                  <a:pt x="324" y="376"/>
                </a:cubicBezTo>
                <a:cubicBezTo>
                  <a:pt x="324" y="376"/>
                  <a:pt x="324" y="376"/>
                  <a:pt x="324" y="376"/>
                </a:cubicBezTo>
                <a:cubicBezTo>
                  <a:pt x="328" y="373"/>
                  <a:pt x="332" y="370"/>
                  <a:pt x="336" y="364"/>
                </a:cubicBezTo>
                <a:cubicBezTo>
                  <a:pt x="336" y="364"/>
                  <a:pt x="336" y="364"/>
                  <a:pt x="336" y="364"/>
                </a:cubicBezTo>
                <a:cubicBezTo>
                  <a:pt x="338" y="359"/>
                  <a:pt x="342" y="357"/>
                  <a:pt x="347" y="357"/>
                </a:cubicBezTo>
                <a:cubicBezTo>
                  <a:pt x="347" y="357"/>
                  <a:pt x="347" y="357"/>
                  <a:pt x="347" y="357"/>
                </a:cubicBezTo>
                <a:cubicBezTo>
                  <a:pt x="376" y="356"/>
                  <a:pt x="376" y="356"/>
                  <a:pt x="376" y="356"/>
                </a:cubicBezTo>
                <a:cubicBezTo>
                  <a:pt x="377" y="351"/>
                  <a:pt x="377" y="343"/>
                  <a:pt x="377" y="335"/>
                </a:cubicBezTo>
                <a:cubicBezTo>
                  <a:pt x="377" y="335"/>
                  <a:pt x="377" y="335"/>
                  <a:pt x="377" y="335"/>
                </a:cubicBezTo>
                <a:cubicBezTo>
                  <a:pt x="377" y="328"/>
                  <a:pt x="377" y="320"/>
                  <a:pt x="376" y="313"/>
                </a:cubicBezTo>
                <a:cubicBezTo>
                  <a:pt x="376" y="313"/>
                  <a:pt x="376" y="313"/>
                  <a:pt x="376" y="313"/>
                </a:cubicBezTo>
                <a:cubicBezTo>
                  <a:pt x="375" y="307"/>
                  <a:pt x="374" y="300"/>
                  <a:pt x="373" y="296"/>
                </a:cubicBezTo>
                <a:cubicBezTo>
                  <a:pt x="373" y="296"/>
                  <a:pt x="373" y="296"/>
                  <a:pt x="373" y="296"/>
                </a:cubicBezTo>
                <a:cubicBezTo>
                  <a:pt x="371" y="290"/>
                  <a:pt x="366" y="285"/>
                  <a:pt x="360" y="281"/>
                </a:cubicBezTo>
                <a:cubicBezTo>
                  <a:pt x="360" y="281"/>
                  <a:pt x="360" y="281"/>
                  <a:pt x="360" y="281"/>
                </a:cubicBezTo>
                <a:cubicBezTo>
                  <a:pt x="354" y="277"/>
                  <a:pt x="347" y="273"/>
                  <a:pt x="341" y="271"/>
                </a:cubicBezTo>
                <a:cubicBezTo>
                  <a:pt x="341" y="271"/>
                  <a:pt x="341" y="271"/>
                  <a:pt x="341" y="271"/>
                </a:cubicBezTo>
                <a:cubicBezTo>
                  <a:pt x="337" y="269"/>
                  <a:pt x="333" y="268"/>
                  <a:pt x="330" y="267"/>
                </a:cubicBezTo>
                <a:cubicBezTo>
                  <a:pt x="330" y="267"/>
                  <a:pt x="330" y="267"/>
                  <a:pt x="330" y="267"/>
                </a:cubicBezTo>
                <a:cubicBezTo>
                  <a:pt x="325" y="265"/>
                  <a:pt x="322" y="262"/>
                  <a:pt x="317" y="258"/>
                </a:cubicBezTo>
                <a:cubicBezTo>
                  <a:pt x="317" y="258"/>
                  <a:pt x="317" y="258"/>
                  <a:pt x="317" y="258"/>
                </a:cubicBezTo>
                <a:cubicBezTo>
                  <a:pt x="313" y="255"/>
                  <a:pt x="309" y="251"/>
                  <a:pt x="305" y="247"/>
                </a:cubicBezTo>
                <a:cubicBezTo>
                  <a:pt x="305" y="247"/>
                  <a:pt x="305" y="247"/>
                  <a:pt x="305" y="247"/>
                </a:cubicBezTo>
                <a:cubicBezTo>
                  <a:pt x="296" y="238"/>
                  <a:pt x="287" y="229"/>
                  <a:pt x="279" y="224"/>
                </a:cubicBezTo>
                <a:cubicBezTo>
                  <a:pt x="279" y="224"/>
                  <a:pt x="279" y="224"/>
                  <a:pt x="279" y="224"/>
                </a:cubicBezTo>
                <a:cubicBezTo>
                  <a:pt x="268" y="215"/>
                  <a:pt x="249" y="204"/>
                  <a:pt x="227" y="196"/>
                </a:cubicBezTo>
                <a:cubicBezTo>
                  <a:pt x="227" y="196"/>
                  <a:pt x="227" y="196"/>
                  <a:pt x="227" y="196"/>
                </a:cubicBezTo>
                <a:cubicBezTo>
                  <a:pt x="205" y="188"/>
                  <a:pt x="180" y="182"/>
                  <a:pt x="156" y="182"/>
                </a:cubicBezTo>
                <a:cubicBezTo>
                  <a:pt x="156" y="182"/>
                  <a:pt x="156" y="182"/>
                  <a:pt x="156" y="182"/>
                </a:cubicBezTo>
                <a:cubicBezTo>
                  <a:pt x="156" y="196"/>
                  <a:pt x="156" y="196"/>
                  <a:pt x="156" y="196"/>
                </a:cubicBezTo>
                <a:cubicBezTo>
                  <a:pt x="157" y="196"/>
                  <a:pt x="157" y="196"/>
                  <a:pt x="158" y="196"/>
                </a:cubicBezTo>
                <a:cubicBezTo>
                  <a:pt x="158" y="196"/>
                  <a:pt x="158" y="196"/>
                  <a:pt x="158" y="196"/>
                </a:cubicBezTo>
                <a:cubicBezTo>
                  <a:pt x="171" y="196"/>
                  <a:pt x="191" y="198"/>
                  <a:pt x="214" y="206"/>
                </a:cubicBezTo>
                <a:cubicBezTo>
                  <a:pt x="214" y="206"/>
                  <a:pt x="214" y="206"/>
                  <a:pt x="214" y="206"/>
                </a:cubicBezTo>
                <a:cubicBezTo>
                  <a:pt x="237" y="213"/>
                  <a:pt x="263" y="227"/>
                  <a:pt x="287" y="252"/>
                </a:cubicBezTo>
                <a:cubicBezTo>
                  <a:pt x="287" y="252"/>
                  <a:pt x="287" y="252"/>
                  <a:pt x="287" y="252"/>
                </a:cubicBezTo>
                <a:cubicBezTo>
                  <a:pt x="291" y="255"/>
                  <a:pt x="292" y="261"/>
                  <a:pt x="290" y="266"/>
                </a:cubicBezTo>
                <a:cubicBezTo>
                  <a:pt x="290" y="266"/>
                  <a:pt x="290" y="266"/>
                  <a:pt x="290" y="266"/>
                </a:cubicBezTo>
                <a:cubicBezTo>
                  <a:pt x="288" y="271"/>
                  <a:pt x="283" y="274"/>
                  <a:pt x="278" y="274"/>
                </a:cubicBezTo>
                <a:cubicBezTo>
                  <a:pt x="278" y="274"/>
                  <a:pt x="278" y="274"/>
                  <a:pt x="278" y="274"/>
                </a:cubicBezTo>
                <a:cubicBezTo>
                  <a:pt x="278" y="274"/>
                  <a:pt x="243" y="274"/>
                  <a:pt x="207" y="274"/>
                </a:cubicBezTo>
                <a:cubicBezTo>
                  <a:pt x="207" y="274"/>
                  <a:pt x="207" y="274"/>
                  <a:pt x="207" y="274"/>
                </a:cubicBezTo>
                <a:cubicBezTo>
                  <a:pt x="172" y="274"/>
                  <a:pt x="134" y="274"/>
                  <a:pt x="128" y="274"/>
                </a:cubicBezTo>
                <a:cubicBezTo>
                  <a:pt x="128" y="274"/>
                  <a:pt x="128" y="274"/>
                  <a:pt x="128" y="274"/>
                </a:cubicBezTo>
                <a:cubicBezTo>
                  <a:pt x="118" y="274"/>
                  <a:pt x="109" y="269"/>
                  <a:pt x="103" y="263"/>
                </a:cubicBezTo>
                <a:cubicBezTo>
                  <a:pt x="103" y="263"/>
                  <a:pt x="103" y="263"/>
                  <a:pt x="103" y="263"/>
                </a:cubicBezTo>
                <a:cubicBezTo>
                  <a:pt x="97" y="257"/>
                  <a:pt x="93" y="249"/>
                  <a:pt x="93" y="239"/>
                </a:cubicBezTo>
                <a:cubicBezTo>
                  <a:pt x="93" y="239"/>
                  <a:pt x="93" y="239"/>
                  <a:pt x="93" y="239"/>
                </a:cubicBezTo>
                <a:cubicBezTo>
                  <a:pt x="93" y="235"/>
                  <a:pt x="93" y="209"/>
                  <a:pt x="93" y="191"/>
                </a:cubicBezTo>
                <a:cubicBezTo>
                  <a:pt x="93" y="191"/>
                  <a:pt x="93" y="191"/>
                  <a:pt x="93" y="191"/>
                </a:cubicBezTo>
                <a:cubicBezTo>
                  <a:pt x="90" y="192"/>
                  <a:pt x="88" y="193"/>
                  <a:pt x="85" y="194"/>
                </a:cubicBezTo>
                <a:cubicBezTo>
                  <a:pt x="85" y="194"/>
                  <a:pt x="85" y="194"/>
                  <a:pt x="85" y="194"/>
                </a:cubicBezTo>
                <a:cubicBezTo>
                  <a:pt x="72" y="201"/>
                  <a:pt x="56" y="214"/>
                  <a:pt x="43" y="241"/>
                </a:cubicBezTo>
                <a:cubicBezTo>
                  <a:pt x="43" y="241"/>
                  <a:pt x="43" y="241"/>
                  <a:pt x="43" y="241"/>
                </a:cubicBezTo>
                <a:cubicBezTo>
                  <a:pt x="35" y="259"/>
                  <a:pt x="29" y="284"/>
                  <a:pt x="28" y="317"/>
                </a:cubicBezTo>
                <a:cubicBezTo>
                  <a:pt x="28" y="317"/>
                  <a:pt x="28" y="317"/>
                  <a:pt x="28" y="317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8"/>
                  <a:pt x="27" y="318"/>
                  <a:pt x="27" y="318"/>
                </a:cubicBezTo>
                <a:cubicBezTo>
                  <a:pt x="27" y="319"/>
                  <a:pt x="27" y="319"/>
                  <a:pt x="27" y="320"/>
                </a:cubicBezTo>
                <a:cubicBezTo>
                  <a:pt x="27" y="320"/>
                  <a:pt x="27" y="320"/>
                  <a:pt x="27" y="320"/>
                </a:cubicBezTo>
                <a:cubicBezTo>
                  <a:pt x="27" y="321"/>
                  <a:pt x="27" y="324"/>
                  <a:pt x="27" y="326"/>
                </a:cubicBezTo>
                <a:cubicBezTo>
                  <a:pt x="27" y="326"/>
                  <a:pt x="27" y="326"/>
                  <a:pt x="27" y="326"/>
                </a:cubicBezTo>
                <a:cubicBezTo>
                  <a:pt x="27" y="332"/>
                  <a:pt x="28" y="339"/>
                  <a:pt x="29" y="347"/>
                </a:cubicBezTo>
                <a:cubicBezTo>
                  <a:pt x="29" y="347"/>
                  <a:pt x="29" y="347"/>
                  <a:pt x="29" y="347"/>
                </a:cubicBezTo>
                <a:cubicBezTo>
                  <a:pt x="31" y="354"/>
                  <a:pt x="33" y="362"/>
                  <a:pt x="37" y="367"/>
                </a:cubicBezTo>
                <a:cubicBezTo>
                  <a:pt x="37" y="367"/>
                  <a:pt x="37" y="367"/>
                  <a:pt x="37" y="367"/>
                </a:cubicBezTo>
                <a:cubicBezTo>
                  <a:pt x="39" y="371"/>
                  <a:pt x="42" y="374"/>
                  <a:pt x="46" y="376"/>
                </a:cubicBezTo>
                <a:cubicBezTo>
                  <a:pt x="46" y="376"/>
                  <a:pt x="46" y="376"/>
                  <a:pt x="46" y="376"/>
                </a:cubicBezTo>
                <a:cubicBezTo>
                  <a:pt x="50" y="378"/>
                  <a:pt x="56" y="379"/>
                  <a:pt x="62" y="379"/>
                </a:cubicBezTo>
                <a:cubicBezTo>
                  <a:pt x="62" y="379"/>
                  <a:pt x="62" y="379"/>
                  <a:pt x="62" y="379"/>
                </a:cubicBezTo>
                <a:cubicBezTo>
                  <a:pt x="68" y="379"/>
                  <a:pt x="74" y="378"/>
                  <a:pt x="79" y="374"/>
                </a:cubicBezTo>
                <a:cubicBezTo>
                  <a:pt x="79" y="374"/>
                  <a:pt x="79" y="374"/>
                  <a:pt x="79" y="374"/>
                </a:cubicBezTo>
                <a:cubicBezTo>
                  <a:pt x="84" y="370"/>
                  <a:pt x="88" y="364"/>
                  <a:pt x="90" y="355"/>
                </a:cubicBezTo>
                <a:cubicBezTo>
                  <a:pt x="90" y="355"/>
                  <a:pt x="90" y="355"/>
                  <a:pt x="90" y="355"/>
                </a:cubicBezTo>
                <a:cubicBezTo>
                  <a:pt x="92" y="349"/>
                  <a:pt x="97" y="345"/>
                  <a:pt x="103" y="345"/>
                </a:cubicBezTo>
                <a:cubicBezTo>
                  <a:pt x="103" y="345"/>
                  <a:pt x="103" y="345"/>
                  <a:pt x="103" y="345"/>
                </a:cubicBezTo>
                <a:cubicBezTo>
                  <a:pt x="217" y="345"/>
                  <a:pt x="217" y="345"/>
                  <a:pt x="217" y="345"/>
                </a:cubicBezTo>
                <a:cubicBezTo>
                  <a:pt x="223" y="345"/>
                  <a:pt x="228" y="348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4"/>
                  <a:pt x="230" y="354"/>
                </a:cubicBezTo>
                <a:cubicBezTo>
                  <a:pt x="230" y="354"/>
                  <a:pt x="230" y="355"/>
                  <a:pt x="230" y="355"/>
                </a:cubicBezTo>
                <a:cubicBezTo>
                  <a:pt x="230" y="355"/>
                  <a:pt x="230" y="355"/>
                  <a:pt x="230" y="355"/>
                </a:cubicBezTo>
                <a:cubicBezTo>
                  <a:pt x="231" y="357"/>
                  <a:pt x="232" y="358"/>
                  <a:pt x="233" y="361"/>
                </a:cubicBezTo>
                <a:cubicBezTo>
                  <a:pt x="233" y="361"/>
                  <a:pt x="233" y="361"/>
                  <a:pt x="233" y="361"/>
                </a:cubicBezTo>
                <a:cubicBezTo>
                  <a:pt x="235" y="365"/>
                  <a:pt x="238" y="372"/>
                  <a:pt x="242" y="379"/>
                </a:cubicBezTo>
                <a:cubicBezTo>
                  <a:pt x="242" y="379"/>
                  <a:pt x="242" y="379"/>
                  <a:pt x="242" y="379"/>
                </a:cubicBezTo>
                <a:cubicBezTo>
                  <a:pt x="251" y="393"/>
                  <a:pt x="265" y="410"/>
                  <a:pt x="284" y="420"/>
                </a:cubicBezTo>
                <a:cubicBezTo>
                  <a:pt x="284" y="420"/>
                  <a:pt x="284" y="420"/>
                  <a:pt x="284" y="420"/>
                </a:cubicBezTo>
                <a:cubicBezTo>
                  <a:pt x="297" y="428"/>
                  <a:pt x="312" y="432"/>
                  <a:pt x="331" y="432"/>
                </a:cubicBezTo>
                <a:cubicBezTo>
                  <a:pt x="331" y="432"/>
                  <a:pt x="331" y="432"/>
                  <a:pt x="331" y="432"/>
                </a:cubicBezTo>
                <a:cubicBezTo>
                  <a:pt x="350" y="432"/>
                  <a:pt x="366" y="429"/>
                  <a:pt x="379" y="423"/>
                </a:cubicBezTo>
                <a:cubicBezTo>
                  <a:pt x="379" y="423"/>
                  <a:pt x="379" y="423"/>
                  <a:pt x="379" y="423"/>
                </a:cubicBezTo>
                <a:cubicBezTo>
                  <a:pt x="392" y="416"/>
                  <a:pt x="402" y="408"/>
                  <a:pt x="410" y="398"/>
                </a:cubicBezTo>
                <a:cubicBezTo>
                  <a:pt x="410" y="398"/>
                  <a:pt x="410" y="398"/>
                  <a:pt x="410" y="398"/>
                </a:cubicBezTo>
                <a:cubicBezTo>
                  <a:pt x="426" y="378"/>
                  <a:pt x="434" y="352"/>
                  <a:pt x="434" y="330"/>
                </a:cubicBezTo>
                <a:cubicBezTo>
                  <a:pt x="434" y="330"/>
                  <a:pt x="434" y="330"/>
                  <a:pt x="434" y="330"/>
                </a:cubicBezTo>
                <a:cubicBezTo>
                  <a:pt x="434" y="309"/>
                  <a:pt x="425" y="284"/>
                  <a:pt x="410" y="259"/>
                </a:cubicBezTo>
                <a:cubicBezTo>
                  <a:pt x="410" y="259"/>
                  <a:pt x="410" y="259"/>
                  <a:pt x="410" y="259"/>
                </a:cubicBezTo>
                <a:cubicBezTo>
                  <a:pt x="395" y="235"/>
                  <a:pt x="374" y="211"/>
                  <a:pt x="351" y="191"/>
                </a:cubicBezTo>
                <a:cubicBezTo>
                  <a:pt x="351" y="191"/>
                  <a:pt x="351" y="191"/>
                  <a:pt x="351" y="191"/>
                </a:cubicBezTo>
                <a:cubicBezTo>
                  <a:pt x="347" y="188"/>
                  <a:pt x="345" y="183"/>
                  <a:pt x="346" y="179"/>
                </a:cubicBezTo>
                <a:cubicBezTo>
                  <a:pt x="346" y="179"/>
                  <a:pt x="346" y="179"/>
                  <a:pt x="346" y="179"/>
                </a:cubicBezTo>
                <a:cubicBezTo>
                  <a:pt x="347" y="174"/>
                  <a:pt x="350" y="170"/>
                  <a:pt x="355" y="168"/>
                </a:cubicBezTo>
                <a:cubicBezTo>
                  <a:pt x="355" y="168"/>
                  <a:pt x="355" y="168"/>
                  <a:pt x="355" y="168"/>
                </a:cubicBezTo>
                <a:cubicBezTo>
                  <a:pt x="355" y="168"/>
                  <a:pt x="355" y="168"/>
                  <a:pt x="355" y="168"/>
                </a:cubicBezTo>
                <a:cubicBezTo>
                  <a:pt x="355" y="168"/>
                  <a:pt x="355" y="168"/>
                  <a:pt x="355" y="168"/>
                </a:cubicBezTo>
                <a:cubicBezTo>
                  <a:pt x="355" y="168"/>
                  <a:pt x="355" y="168"/>
                  <a:pt x="356" y="168"/>
                </a:cubicBezTo>
                <a:cubicBezTo>
                  <a:pt x="356" y="168"/>
                  <a:pt x="356" y="168"/>
                  <a:pt x="356" y="168"/>
                </a:cubicBezTo>
                <a:cubicBezTo>
                  <a:pt x="356" y="168"/>
                  <a:pt x="357" y="168"/>
                  <a:pt x="358" y="167"/>
                </a:cubicBezTo>
                <a:cubicBezTo>
                  <a:pt x="358" y="167"/>
                  <a:pt x="358" y="167"/>
                  <a:pt x="358" y="167"/>
                </a:cubicBezTo>
                <a:cubicBezTo>
                  <a:pt x="360" y="167"/>
                  <a:pt x="363" y="165"/>
                  <a:pt x="366" y="164"/>
                </a:cubicBezTo>
                <a:cubicBezTo>
                  <a:pt x="366" y="164"/>
                  <a:pt x="366" y="164"/>
                  <a:pt x="366" y="164"/>
                </a:cubicBezTo>
                <a:cubicBezTo>
                  <a:pt x="372" y="161"/>
                  <a:pt x="380" y="157"/>
                  <a:pt x="385" y="153"/>
                </a:cubicBezTo>
                <a:cubicBezTo>
                  <a:pt x="385" y="153"/>
                  <a:pt x="385" y="153"/>
                  <a:pt x="385" y="153"/>
                </a:cubicBezTo>
                <a:cubicBezTo>
                  <a:pt x="389" y="151"/>
                  <a:pt x="391" y="148"/>
                  <a:pt x="391" y="148"/>
                </a:cubicBezTo>
                <a:cubicBezTo>
                  <a:pt x="391" y="148"/>
                  <a:pt x="391" y="148"/>
                  <a:pt x="391" y="148"/>
                </a:cubicBezTo>
                <a:cubicBezTo>
                  <a:pt x="392" y="145"/>
                  <a:pt x="394" y="139"/>
                  <a:pt x="395" y="132"/>
                </a:cubicBezTo>
                <a:cubicBezTo>
                  <a:pt x="395" y="132"/>
                  <a:pt x="395" y="132"/>
                  <a:pt x="395" y="132"/>
                </a:cubicBezTo>
                <a:cubicBezTo>
                  <a:pt x="396" y="125"/>
                  <a:pt x="396" y="118"/>
                  <a:pt x="396" y="111"/>
                </a:cubicBezTo>
                <a:cubicBezTo>
                  <a:pt x="396" y="111"/>
                  <a:pt x="396" y="111"/>
                  <a:pt x="396" y="111"/>
                </a:cubicBezTo>
                <a:cubicBezTo>
                  <a:pt x="396" y="104"/>
                  <a:pt x="396" y="99"/>
                  <a:pt x="396" y="95"/>
                </a:cubicBezTo>
                <a:cubicBezTo>
                  <a:pt x="396" y="95"/>
                  <a:pt x="396" y="95"/>
                  <a:pt x="396" y="95"/>
                </a:cubicBezTo>
                <a:cubicBezTo>
                  <a:pt x="395" y="95"/>
                  <a:pt x="393" y="95"/>
                  <a:pt x="392" y="95"/>
                </a:cubicBezTo>
                <a:cubicBezTo>
                  <a:pt x="392" y="95"/>
                  <a:pt x="392" y="95"/>
                  <a:pt x="392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91" y="95"/>
                  <a:pt x="391" y="95"/>
                  <a:pt x="391" y="95"/>
                </a:cubicBezTo>
                <a:cubicBezTo>
                  <a:pt x="387" y="95"/>
                  <a:pt x="384" y="94"/>
                  <a:pt x="381" y="91"/>
                </a:cubicBezTo>
                <a:cubicBezTo>
                  <a:pt x="381" y="91"/>
                  <a:pt x="381" y="91"/>
                  <a:pt x="381" y="91"/>
                </a:cubicBezTo>
                <a:cubicBezTo>
                  <a:pt x="378" y="89"/>
                  <a:pt x="377" y="85"/>
                  <a:pt x="377" y="81"/>
                </a:cubicBezTo>
                <a:cubicBezTo>
                  <a:pt x="377" y="81"/>
                  <a:pt x="377" y="81"/>
                  <a:pt x="377" y="81"/>
                </a:cubicBezTo>
                <a:cubicBezTo>
                  <a:pt x="377" y="81"/>
                  <a:pt x="377" y="40"/>
                  <a:pt x="377" y="32"/>
                </a:cubicBezTo>
                <a:cubicBezTo>
                  <a:pt x="377" y="32"/>
                  <a:pt x="377" y="32"/>
                  <a:pt x="377" y="32"/>
                </a:cubicBezTo>
                <a:cubicBezTo>
                  <a:pt x="377" y="30"/>
                  <a:pt x="376" y="28"/>
                  <a:pt x="375" y="28"/>
                </a:cubicBezTo>
                <a:cubicBezTo>
                  <a:pt x="375" y="28"/>
                  <a:pt x="375" y="28"/>
                  <a:pt x="375" y="28"/>
                </a:cubicBezTo>
                <a:cubicBezTo>
                  <a:pt x="375" y="27"/>
                  <a:pt x="374" y="27"/>
                  <a:pt x="373" y="27"/>
                </a:cubicBezTo>
                <a:cubicBezTo>
                  <a:pt x="373" y="27"/>
                  <a:pt x="373" y="27"/>
                  <a:pt x="373" y="27"/>
                </a:cubicBezTo>
                <a:cubicBezTo>
                  <a:pt x="371" y="27"/>
                  <a:pt x="370" y="27"/>
                  <a:pt x="369" y="28"/>
                </a:cubicBezTo>
                <a:cubicBezTo>
                  <a:pt x="369" y="28"/>
                  <a:pt x="369" y="28"/>
                  <a:pt x="369" y="28"/>
                </a:cubicBezTo>
                <a:cubicBezTo>
                  <a:pt x="369" y="28"/>
                  <a:pt x="368" y="29"/>
                  <a:pt x="368" y="32"/>
                </a:cubicBezTo>
                <a:cubicBezTo>
                  <a:pt x="368" y="32"/>
                  <a:pt x="368" y="32"/>
                  <a:pt x="368" y="32"/>
                </a:cubicBezTo>
                <a:cubicBezTo>
                  <a:pt x="368" y="41"/>
                  <a:pt x="368" y="76"/>
                  <a:pt x="368" y="81"/>
                </a:cubicBezTo>
                <a:cubicBezTo>
                  <a:pt x="368" y="81"/>
                  <a:pt x="368" y="81"/>
                  <a:pt x="368" y="81"/>
                </a:cubicBezTo>
                <a:cubicBezTo>
                  <a:pt x="368" y="85"/>
                  <a:pt x="367" y="88"/>
                  <a:pt x="364" y="90"/>
                </a:cubicBezTo>
                <a:cubicBezTo>
                  <a:pt x="364" y="90"/>
                  <a:pt x="364" y="90"/>
                  <a:pt x="364" y="90"/>
                </a:cubicBezTo>
                <a:cubicBezTo>
                  <a:pt x="362" y="93"/>
                  <a:pt x="358" y="94"/>
                  <a:pt x="355" y="94"/>
                </a:cubicBezTo>
                <a:cubicBezTo>
                  <a:pt x="355" y="94"/>
                  <a:pt x="355" y="94"/>
                  <a:pt x="355" y="94"/>
                </a:cubicBezTo>
                <a:cubicBezTo>
                  <a:pt x="321" y="94"/>
                  <a:pt x="321" y="94"/>
                  <a:pt x="321" y="94"/>
                </a:cubicBezTo>
                <a:cubicBezTo>
                  <a:pt x="317" y="94"/>
                  <a:pt x="314" y="93"/>
                  <a:pt x="312" y="90"/>
                </a:cubicBezTo>
                <a:cubicBezTo>
                  <a:pt x="312" y="90"/>
                  <a:pt x="312" y="90"/>
                  <a:pt x="312" y="90"/>
                </a:cubicBezTo>
                <a:cubicBezTo>
                  <a:pt x="309" y="88"/>
                  <a:pt x="308" y="85"/>
                  <a:pt x="308" y="81"/>
                </a:cubicBezTo>
                <a:cubicBezTo>
                  <a:pt x="308" y="81"/>
                  <a:pt x="308" y="81"/>
                  <a:pt x="308" y="81"/>
                </a:cubicBezTo>
                <a:cubicBezTo>
                  <a:pt x="308" y="81"/>
                  <a:pt x="308" y="42"/>
                  <a:pt x="308" y="32"/>
                </a:cubicBezTo>
                <a:cubicBezTo>
                  <a:pt x="308" y="32"/>
                  <a:pt x="308" y="32"/>
                  <a:pt x="308" y="32"/>
                </a:cubicBezTo>
                <a:cubicBezTo>
                  <a:pt x="308" y="29"/>
                  <a:pt x="307" y="28"/>
                  <a:pt x="306" y="28"/>
                </a:cubicBezTo>
                <a:cubicBezTo>
                  <a:pt x="306" y="28"/>
                  <a:pt x="306" y="28"/>
                  <a:pt x="306" y="28"/>
                </a:cubicBezTo>
                <a:cubicBezTo>
                  <a:pt x="306" y="27"/>
                  <a:pt x="305" y="27"/>
                  <a:pt x="304" y="27"/>
                </a:cubicBezTo>
                <a:cubicBezTo>
                  <a:pt x="304" y="27"/>
                  <a:pt x="304" y="27"/>
                  <a:pt x="304" y="27"/>
                </a:cubicBezTo>
                <a:cubicBezTo>
                  <a:pt x="302" y="27"/>
                  <a:pt x="301" y="27"/>
                  <a:pt x="300" y="28"/>
                </a:cubicBezTo>
                <a:cubicBezTo>
                  <a:pt x="300" y="28"/>
                  <a:pt x="300" y="28"/>
                  <a:pt x="300" y="28"/>
                </a:cubicBezTo>
                <a:cubicBezTo>
                  <a:pt x="300" y="28"/>
                  <a:pt x="299" y="29"/>
                  <a:pt x="299" y="32"/>
                </a:cubicBezTo>
                <a:cubicBezTo>
                  <a:pt x="299" y="32"/>
                  <a:pt x="299" y="32"/>
                  <a:pt x="299" y="32"/>
                </a:cubicBezTo>
                <a:cubicBezTo>
                  <a:pt x="299" y="41"/>
                  <a:pt x="299" y="74"/>
                  <a:pt x="299" y="82"/>
                </a:cubicBezTo>
                <a:cubicBezTo>
                  <a:pt x="299" y="82"/>
                  <a:pt x="299" y="82"/>
                  <a:pt x="299" y="82"/>
                </a:cubicBezTo>
                <a:cubicBezTo>
                  <a:pt x="299" y="86"/>
                  <a:pt x="297" y="89"/>
                  <a:pt x="294" y="92"/>
                </a:cubicBezTo>
                <a:cubicBezTo>
                  <a:pt x="294" y="92"/>
                  <a:pt x="294" y="92"/>
                  <a:pt x="294" y="92"/>
                </a:cubicBezTo>
                <a:cubicBezTo>
                  <a:pt x="291" y="94"/>
                  <a:pt x="288" y="95"/>
                  <a:pt x="284" y="95"/>
                </a:cubicBezTo>
                <a:cubicBezTo>
                  <a:pt x="284" y="95"/>
                  <a:pt x="284" y="95"/>
                  <a:pt x="284" y="95"/>
                </a:cubicBezTo>
                <a:cubicBezTo>
                  <a:pt x="284" y="95"/>
                  <a:pt x="284" y="95"/>
                  <a:pt x="284" y="95"/>
                </a:cubicBezTo>
                <a:cubicBezTo>
                  <a:pt x="284" y="95"/>
                  <a:pt x="283" y="95"/>
                  <a:pt x="283" y="95"/>
                </a:cubicBezTo>
                <a:cubicBezTo>
                  <a:pt x="283" y="95"/>
                  <a:pt x="283" y="95"/>
                  <a:pt x="283" y="95"/>
                </a:cubicBezTo>
                <a:cubicBezTo>
                  <a:pt x="282" y="95"/>
                  <a:pt x="281" y="95"/>
                  <a:pt x="280" y="95"/>
                </a:cubicBezTo>
                <a:cubicBezTo>
                  <a:pt x="280" y="95"/>
                  <a:pt x="280" y="95"/>
                  <a:pt x="280" y="95"/>
                </a:cubicBezTo>
                <a:cubicBezTo>
                  <a:pt x="280" y="98"/>
                  <a:pt x="280" y="102"/>
                  <a:pt x="280" y="106"/>
                </a:cubicBezTo>
                <a:cubicBezTo>
                  <a:pt x="280" y="106"/>
                  <a:pt x="280" y="106"/>
                  <a:pt x="280" y="106"/>
                </a:cubicBezTo>
                <a:cubicBezTo>
                  <a:pt x="280" y="116"/>
                  <a:pt x="280" y="130"/>
                  <a:pt x="281" y="139"/>
                </a:cubicBezTo>
                <a:cubicBezTo>
                  <a:pt x="281" y="139"/>
                  <a:pt x="281" y="139"/>
                  <a:pt x="281" y="139"/>
                </a:cubicBezTo>
                <a:cubicBezTo>
                  <a:pt x="281" y="142"/>
                  <a:pt x="282" y="144"/>
                  <a:pt x="282" y="145"/>
                </a:cubicBezTo>
                <a:cubicBezTo>
                  <a:pt x="282" y="145"/>
                  <a:pt x="282" y="145"/>
                  <a:pt x="282" y="145"/>
                </a:cubicBezTo>
                <a:cubicBezTo>
                  <a:pt x="282" y="145"/>
                  <a:pt x="282" y="145"/>
                  <a:pt x="282" y="145"/>
                </a:cubicBezTo>
                <a:cubicBezTo>
                  <a:pt x="282" y="145"/>
                  <a:pt x="282" y="145"/>
                  <a:pt x="282" y="145"/>
                </a:cubicBezTo>
                <a:cubicBezTo>
                  <a:pt x="283" y="148"/>
                  <a:pt x="285" y="150"/>
                  <a:pt x="287" y="152"/>
                </a:cubicBezTo>
                <a:cubicBezTo>
                  <a:pt x="287" y="152"/>
                  <a:pt x="287" y="152"/>
                  <a:pt x="287" y="152"/>
                </a:cubicBezTo>
                <a:cubicBezTo>
                  <a:pt x="289" y="154"/>
                  <a:pt x="293" y="156"/>
                  <a:pt x="296" y="158"/>
                </a:cubicBezTo>
                <a:cubicBezTo>
                  <a:pt x="296" y="158"/>
                  <a:pt x="296" y="158"/>
                  <a:pt x="296" y="158"/>
                </a:cubicBezTo>
                <a:cubicBezTo>
                  <a:pt x="303" y="162"/>
                  <a:pt x="312" y="165"/>
                  <a:pt x="318" y="167"/>
                </a:cubicBezTo>
                <a:cubicBezTo>
                  <a:pt x="318" y="167"/>
                  <a:pt x="318" y="167"/>
                  <a:pt x="318" y="167"/>
                </a:cubicBezTo>
                <a:cubicBezTo>
                  <a:pt x="325" y="169"/>
                  <a:pt x="330" y="176"/>
                  <a:pt x="328" y="183"/>
                </a:cubicBezTo>
                <a:cubicBezTo>
                  <a:pt x="328" y="183"/>
                  <a:pt x="328" y="183"/>
                  <a:pt x="328" y="183"/>
                </a:cubicBezTo>
                <a:cubicBezTo>
                  <a:pt x="326" y="190"/>
                  <a:pt x="318" y="194"/>
                  <a:pt x="311" y="192"/>
                </a:cubicBezTo>
                <a:cubicBezTo>
                  <a:pt x="311" y="192"/>
                  <a:pt x="311" y="192"/>
                  <a:pt x="311" y="192"/>
                </a:cubicBezTo>
                <a:cubicBezTo>
                  <a:pt x="300" y="189"/>
                  <a:pt x="283" y="184"/>
                  <a:pt x="269" y="172"/>
                </a:cubicBezTo>
                <a:cubicBezTo>
                  <a:pt x="269" y="172"/>
                  <a:pt x="269" y="172"/>
                  <a:pt x="269" y="172"/>
                </a:cubicBezTo>
                <a:cubicBezTo>
                  <a:pt x="264" y="167"/>
                  <a:pt x="260" y="162"/>
                  <a:pt x="257" y="156"/>
                </a:cubicBezTo>
                <a:cubicBezTo>
                  <a:pt x="257" y="156"/>
                  <a:pt x="257" y="156"/>
                  <a:pt x="257" y="156"/>
                </a:cubicBezTo>
                <a:cubicBezTo>
                  <a:pt x="256" y="154"/>
                  <a:pt x="256" y="152"/>
                  <a:pt x="256" y="150"/>
                </a:cubicBezTo>
                <a:cubicBezTo>
                  <a:pt x="256" y="150"/>
                  <a:pt x="256" y="150"/>
                  <a:pt x="256" y="150"/>
                </a:cubicBezTo>
                <a:cubicBezTo>
                  <a:pt x="255" y="148"/>
                  <a:pt x="255" y="147"/>
                  <a:pt x="255" y="145"/>
                </a:cubicBezTo>
                <a:cubicBezTo>
                  <a:pt x="255" y="145"/>
                  <a:pt x="255" y="145"/>
                  <a:pt x="255" y="145"/>
                </a:cubicBezTo>
                <a:cubicBezTo>
                  <a:pt x="254" y="141"/>
                  <a:pt x="254" y="137"/>
                  <a:pt x="254" y="132"/>
                </a:cubicBezTo>
                <a:cubicBezTo>
                  <a:pt x="254" y="132"/>
                  <a:pt x="254" y="132"/>
                  <a:pt x="254" y="132"/>
                </a:cubicBezTo>
                <a:cubicBezTo>
                  <a:pt x="253" y="124"/>
                  <a:pt x="253" y="114"/>
                  <a:pt x="253" y="106"/>
                </a:cubicBezTo>
                <a:cubicBezTo>
                  <a:pt x="253" y="106"/>
                  <a:pt x="253" y="106"/>
                  <a:pt x="253" y="106"/>
                </a:cubicBezTo>
                <a:cubicBezTo>
                  <a:pt x="253" y="101"/>
                  <a:pt x="253" y="97"/>
                  <a:pt x="253" y="94"/>
                </a:cubicBezTo>
                <a:cubicBezTo>
                  <a:pt x="253" y="94"/>
                  <a:pt x="253" y="94"/>
                  <a:pt x="253" y="94"/>
                </a:cubicBezTo>
                <a:cubicBezTo>
                  <a:pt x="253" y="89"/>
                  <a:pt x="255" y="84"/>
                  <a:pt x="257" y="81"/>
                </a:cubicBezTo>
                <a:cubicBezTo>
                  <a:pt x="257" y="81"/>
                  <a:pt x="257" y="81"/>
                  <a:pt x="257" y="81"/>
                </a:cubicBezTo>
                <a:cubicBezTo>
                  <a:pt x="260" y="77"/>
                  <a:pt x="263" y="74"/>
                  <a:pt x="266" y="72"/>
                </a:cubicBezTo>
                <a:cubicBezTo>
                  <a:pt x="266" y="72"/>
                  <a:pt x="266" y="72"/>
                  <a:pt x="266" y="72"/>
                </a:cubicBezTo>
                <a:cubicBezTo>
                  <a:pt x="268" y="71"/>
                  <a:pt x="270" y="70"/>
                  <a:pt x="272" y="70"/>
                </a:cubicBezTo>
                <a:cubicBezTo>
                  <a:pt x="272" y="70"/>
                  <a:pt x="272" y="70"/>
                  <a:pt x="272" y="70"/>
                </a:cubicBezTo>
                <a:cubicBezTo>
                  <a:pt x="272" y="57"/>
                  <a:pt x="272" y="38"/>
                  <a:pt x="272" y="32"/>
                </a:cubicBezTo>
                <a:cubicBezTo>
                  <a:pt x="272" y="32"/>
                  <a:pt x="272" y="32"/>
                  <a:pt x="272" y="32"/>
                </a:cubicBezTo>
                <a:cubicBezTo>
                  <a:pt x="272" y="23"/>
                  <a:pt x="276" y="14"/>
                  <a:pt x="282" y="8"/>
                </a:cubicBezTo>
                <a:cubicBezTo>
                  <a:pt x="282" y="8"/>
                  <a:pt x="282" y="8"/>
                  <a:pt x="282" y="8"/>
                </a:cubicBezTo>
                <a:cubicBezTo>
                  <a:pt x="289" y="2"/>
                  <a:pt x="296" y="0"/>
                  <a:pt x="304" y="0"/>
                </a:cubicBezTo>
                <a:cubicBezTo>
                  <a:pt x="304" y="0"/>
                  <a:pt x="304" y="0"/>
                  <a:pt x="304" y="0"/>
                </a:cubicBezTo>
                <a:cubicBezTo>
                  <a:pt x="312" y="0"/>
                  <a:pt x="320" y="3"/>
                  <a:pt x="325" y="9"/>
                </a:cubicBezTo>
                <a:cubicBezTo>
                  <a:pt x="325" y="9"/>
                  <a:pt x="325" y="9"/>
                  <a:pt x="325" y="9"/>
                </a:cubicBezTo>
                <a:cubicBezTo>
                  <a:pt x="331" y="15"/>
                  <a:pt x="334" y="23"/>
                  <a:pt x="334" y="32"/>
                </a:cubicBezTo>
                <a:cubicBezTo>
                  <a:pt x="334" y="32"/>
                  <a:pt x="334" y="32"/>
                  <a:pt x="334" y="32"/>
                </a:cubicBezTo>
                <a:cubicBezTo>
                  <a:pt x="334" y="38"/>
                  <a:pt x="334" y="55"/>
                  <a:pt x="334" y="68"/>
                </a:cubicBezTo>
                <a:cubicBezTo>
                  <a:pt x="334" y="68"/>
                  <a:pt x="334" y="68"/>
                  <a:pt x="334" y="68"/>
                </a:cubicBezTo>
                <a:cubicBezTo>
                  <a:pt x="342" y="68"/>
                  <a:pt x="342" y="68"/>
                  <a:pt x="342" y="68"/>
                </a:cubicBezTo>
                <a:cubicBezTo>
                  <a:pt x="342" y="55"/>
                  <a:pt x="342" y="38"/>
                  <a:pt x="342" y="32"/>
                </a:cubicBezTo>
                <a:cubicBezTo>
                  <a:pt x="342" y="32"/>
                  <a:pt x="342" y="32"/>
                  <a:pt x="342" y="32"/>
                </a:cubicBezTo>
                <a:cubicBezTo>
                  <a:pt x="342" y="23"/>
                  <a:pt x="345" y="15"/>
                  <a:pt x="351" y="9"/>
                </a:cubicBezTo>
                <a:cubicBezTo>
                  <a:pt x="351" y="9"/>
                  <a:pt x="351" y="9"/>
                  <a:pt x="351" y="9"/>
                </a:cubicBezTo>
                <a:cubicBezTo>
                  <a:pt x="356" y="3"/>
                  <a:pt x="365" y="0"/>
                  <a:pt x="373" y="0"/>
                </a:cubicBezTo>
                <a:cubicBezTo>
                  <a:pt x="373" y="0"/>
                  <a:pt x="373" y="0"/>
                  <a:pt x="373" y="0"/>
                </a:cubicBezTo>
                <a:cubicBezTo>
                  <a:pt x="381" y="0"/>
                  <a:pt x="389" y="4"/>
                  <a:pt x="395" y="10"/>
                </a:cubicBezTo>
                <a:cubicBezTo>
                  <a:pt x="395" y="10"/>
                  <a:pt x="395" y="10"/>
                  <a:pt x="395" y="10"/>
                </a:cubicBezTo>
                <a:cubicBezTo>
                  <a:pt x="400" y="16"/>
                  <a:pt x="403" y="24"/>
                  <a:pt x="403" y="32"/>
                </a:cubicBezTo>
                <a:cubicBezTo>
                  <a:pt x="403" y="32"/>
                  <a:pt x="403" y="32"/>
                  <a:pt x="403" y="32"/>
                </a:cubicBezTo>
                <a:cubicBezTo>
                  <a:pt x="403" y="37"/>
                  <a:pt x="403" y="57"/>
                  <a:pt x="403" y="70"/>
                </a:cubicBezTo>
                <a:cubicBezTo>
                  <a:pt x="403" y="70"/>
                  <a:pt x="403" y="70"/>
                  <a:pt x="403" y="70"/>
                </a:cubicBezTo>
                <a:cubicBezTo>
                  <a:pt x="408" y="71"/>
                  <a:pt x="414" y="74"/>
                  <a:pt x="418" y="80"/>
                </a:cubicBezTo>
                <a:cubicBezTo>
                  <a:pt x="418" y="80"/>
                  <a:pt x="418" y="80"/>
                  <a:pt x="418" y="80"/>
                </a:cubicBezTo>
                <a:cubicBezTo>
                  <a:pt x="421" y="84"/>
                  <a:pt x="422" y="89"/>
                  <a:pt x="422" y="95"/>
                </a:cubicBezTo>
                <a:cubicBezTo>
                  <a:pt x="422" y="95"/>
                  <a:pt x="422" y="95"/>
                  <a:pt x="422" y="95"/>
                </a:cubicBezTo>
                <a:cubicBezTo>
                  <a:pt x="422" y="98"/>
                  <a:pt x="422" y="104"/>
                  <a:pt x="422" y="111"/>
                </a:cubicBezTo>
                <a:cubicBezTo>
                  <a:pt x="422" y="111"/>
                  <a:pt x="422" y="111"/>
                  <a:pt x="422" y="111"/>
                </a:cubicBezTo>
                <a:cubicBezTo>
                  <a:pt x="422" y="118"/>
                  <a:pt x="422" y="127"/>
                  <a:pt x="421" y="135"/>
                </a:cubicBezTo>
                <a:cubicBezTo>
                  <a:pt x="421" y="135"/>
                  <a:pt x="421" y="135"/>
                  <a:pt x="421" y="135"/>
                </a:cubicBezTo>
                <a:cubicBezTo>
                  <a:pt x="420" y="144"/>
                  <a:pt x="419" y="152"/>
                  <a:pt x="415" y="160"/>
                </a:cubicBezTo>
                <a:cubicBezTo>
                  <a:pt x="415" y="160"/>
                  <a:pt x="415" y="160"/>
                  <a:pt x="415" y="160"/>
                </a:cubicBezTo>
                <a:cubicBezTo>
                  <a:pt x="411" y="167"/>
                  <a:pt x="406" y="171"/>
                  <a:pt x="401" y="175"/>
                </a:cubicBezTo>
                <a:cubicBezTo>
                  <a:pt x="401" y="175"/>
                  <a:pt x="401" y="175"/>
                  <a:pt x="401" y="175"/>
                </a:cubicBezTo>
                <a:cubicBezTo>
                  <a:pt x="395" y="179"/>
                  <a:pt x="390" y="182"/>
                  <a:pt x="384" y="185"/>
                </a:cubicBezTo>
                <a:cubicBezTo>
                  <a:pt x="384" y="185"/>
                  <a:pt x="384" y="185"/>
                  <a:pt x="384" y="185"/>
                </a:cubicBezTo>
                <a:cubicBezTo>
                  <a:pt x="384" y="185"/>
                  <a:pt x="384" y="185"/>
                  <a:pt x="384" y="185"/>
                </a:cubicBezTo>
                <a:cubicBezTo>
                  <a:pt x="384" y="185"/>
                  <a:pt x="384" y="185"/>
                  <a:pt x="384" y="185"/>
                </a:cubicBezTo>
                <a:cubicBezTo>
                  <a:pt x="403" y="203"/>
                  <a:pt x="420" y="224"/>
                  <a:pt x="433" y="245"/>
                </a:cubicBezTo>
                <a:cubicBezTo>
                  <a:pt x="433" y="245"/>
                  <a:pt x="433" y="245"/>
                  <a:pt x="433" y="245"/>
                </a:cubicBezTo>
                <a:cubicBezTo>
                  <a:pt x="449" y="273"/>
                  <a:pt x="460" y="302"/>
                  <a:pt x="460" y="330"/>
                </a:cubicBezTo>
                <a:cubicBezTo>
                  <a:pt x="460" y="330"/>
                  <a:pt x="460" y="330"/>
                  <a:pt x="460" y="330"/>
                </a:cubicBezTo>
                <a:cubicBezTo>
                  <a:pt x="460" y="351"/>
                  <a:pt x="455" y="373"/>
                  <a:pt x="444" y="395"/>
                </a:cubicBezTo>
                <a:cubicBezTo>
                  <a:pt x="444" y="395"/>
                  <a:pt x="444" y="395"/>
                  <a:pt x="444" y="395"/>
                </a:cubicBezTo>
                <a:cubicBezTo>
                  <a:pt x="433" y="416"/>
                  <a:pt x="416" y="435"/>
                  <a:pt x="390" y="447"/>
                </a:cubicBezTo>
                <a:cubicBezTo>
                  <a:pt x="390" y="447"/>
                  <a:pt x="390" y="447"/>
                  <a:pt x="390" y="447"/>
                </a:cubicBezTo>
                <a:cubicBezTo>
                  <a:pt x="374" y="455"/>
                  <a:pt x="354" y="459"/>
                  <a:pt x="331" y="459"/>
                </a:cubicBezTo>
                <a:cubicBezTo>
                  <a:pt x="331" y="459"/>
                  <a:pt x="331" y="459"/>
                  <a:pt x="331" y="459"/>
                </a:cubicBezTo>
                <a:cubicBezTo>
                  <a:pt x="331" y="459"/>
                  <a:pt x="331" y="459"/>
                  <a:pt x="331" y="459"/>
                </a:cubicBezTo>
                <a:cubicBezTo>
                  <a:pt x="331" y="459"/>
                  <a:pt x="331" y="459"/>
                  <a:pt x="331" y="459"/>
                </a:cubicBezTo>
                <a:cubicBezTo>
                  <a:pt x="307" y="459"/>
                  <a:pt x="287" y="453"/>
                  <a:pt x="271" y="444"/>
                </a:cubicBezTo>
                <a:close/>
                <a:moveTo>
                  <a:pt x="294" y="122"/>
                </a:moveTo>
                <a:cubicBezTo>
                  <a:pt x="294" y="122"/>
                  <a:pt x="294" y="122"/>
                  <a:pt x="294" y="122"/>
                </a:cubicBezTo>
                <a:cubicBezTo>
                  <a:pt x="294" y="122"/>
                  <a:pt x="294" y="122"/>
                  <a:pt x="294" y="122"/>
                </a:cubicBezTo>
                <a:cubicBezTo>
                  <a:pt x="294" y="122"/>
                  <a:pt x="294" y="122"/>
                  <a:pt x="294" y="122"/>
                </a:cubicBezTo>
                <a:cubicBezTo>
                  <a:pt x="294" y="122"/>
                  <a:pt x="294" y="122"/>
                  <a:pt x="294" y="122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7" name="Freeform 200"/>
          <p:cNvSpPr>
            <a:spLocks noChangeAspect="1"/>
          </p:cNvSpPr>
          <p:nvPr userDrawn="1"/>
        </p:nvSpPr>
        <p:spPr bwMode="auto">
          <a:xfrm>
            <a:off x="9512898" y="2195360"/>
            <a:ext cx="273023" cy="393192"/>
          </a:xfrm>
          <a:custGeom>
            <a:avLst/>
            <a:gdLst/>
            <a:ahLst/>
            <a:cxnLst>
              <a:cxn ang="0">
                <a:pos x="0" y="62"/>
              </a:cxn>
              <a:cxn ang="0">
                <a:pos x="0" y="101"/>
              </a:cxn>
              <a:cxn ang="0">
                <a:pos x="8" y="140"/>
              </a:cxn>
              <a:cxn ang="0">
                <a:pos x="9" y="143"/>
              </a:cxn>
              <a:cxn ang="0">
                <a:pos x="10" y="143"/>
              </a:cxn>
              <a:cxn ang="0">
                <a:pos x="31" y="193"/>
              </a:cxn>
              <a:cxn ang="0">
                <a:pos x="48" y="231"/>
              </a:cxn>
              <a:cxn ang="0">
                <a:pos x="90" y="263"/>
              </a:cxn>
              <a:cxn ang="0">
                <a:pos x="119" y="263"/>
              </a:cxn>
              <a:cxn ang="0">
                <a:pos x="68" y="367"/>
              </a:cxn>
              <a:cxn ang="0">
                <a:pos x="230" y="425"/>
              </a:cxn>
              <a:cxn ang="0">
                <a:pos x="168" y="373"/>
              </a:cxn>
              <a:cxn ang="0">
                <a:pos x="149" y="367"/>
              </a:cxn>
              <a:cxn ang="0">
                <a:pos x="200" y="315"/>
              </a:cxn>
              <a:cxn ang="0">
                <a:pos x="187" y="237"/>
              </a:cxn>
              <a:cxn ang="0">
                <a:pos x="174" y="315"/>
              </a:cxn>
              <a:cxn ang="0">
                <a:pos x="122" y="367"/>
              </a:cxn>
              <a:cxn ang="0">
                <a:pos x="188" y="390"/>
              </a:cxn>
              <a:cxn ang="0">
                <a:pos x="210" y="408"/>
              </a:cxn>
              <a:cxn ang="0">
                <a:pos x="114" y="413"/>
              </a:cxn>
              <a:cxn ang="0">
                <a:pos x="137" y="306"/>
              </a:cxn>
              <a:cxn ang="0">
                <a:pos x="146" y="250"/>
              </a:cxn>
              <a:cxn ang="0">
                <a:pos x="89" y="237"/>
              </a:cxn>
              <a:cxn ang="0">
                <a:pos x="72" y="220"/>
              </a:cxn>
              <a:cxn ang="0">
                <a:pos x="56" y="183"/>
              </a:cxn>
              <a:cxn ang="0">
                <a:pos x="36" y="137"/>
              </a:cxn>
              <a:cxn ang="0">
                <a:pos x="33" y="131"/>
              </a:cxn>
              <a:cxn ang="0">
                <a:pos x="26" y="63"/>
              </a:cxn>
              <a:cxn ang="0">
                <a:pos x="61" y="27"/>
              </a:cxn>
              <a:cxn ang="0">
                <a:pos x="259" y="27"/>
              </a:cxn>
              <a:cxn ang="0">
                <a:pos x="290" y="61"/>
              </a:cxn>
              <a:cxn ang="0">
                <a:pos x="283" y="132"/>
              </a:cxn>
              <a:cxn ang="0">
                <a:pos x="227" y="260"/>
              </a:cxn>
              <a:cxn ang="0">
                <a:pos x="307" y="143"/>
              </a:cxn>
              <a:cxn ang="0">
                <a:pos x="317" y="61"/>
              </a:cxn>
              <a:cxn ang="0">
                <a:pos x="258" y="0"/>
              </a:cxn>
              <a:cxn ang="0">
                <a:pos x="61" y="0"/>
              </a:cxn>
            </a:cxnLst>
            <a:rect l="0" t="0" r="r" b="b"/>
            <a:pathLst>
              <a:path w="317" h="458">
                <a:moveTo>
                  <a:pt x="61" y="0"/>
                </a:moveTo>
                <a:cubicBezTo>
                  <a:pt x="14" y="0"/>
                  <a:pt x="0" y="41"/>
                  <a:pt x="0" y="62"/>
                </a:cubicBezTo>
                <a:cubicBezTo>
                  <a:pt x="0" y="62"/>
                  <a:pt x="0" y="63"/>
                  <a:pt x="0" y="63"/>
                </a:cubicBezTo>
                <a:cubicBezTo>
                  <a:pt x="0" y="101"/>
                  <a:pt x="0" y="101"/>
                  <a:pt x="0" y="101"/>
                </a:cubicBezTo>
                <a:cubicBezTo>
                  <a:pt x="0" y="115"/>
                  <a:pt x="6" y="133"/>
                  <a:pt x="8" y="140"/>
                </a:cubicBezTo>
                <a:cubicBezTo>
                  <a:pt x="8" y="140"/>
                  <a:pt x="8" y="140"/>
                  <a:pt x="8" y="140"/>
                </a:cubicBezTo>
                <a:cubicBezTo>
                  <a:pt x="9" y="143"/>
                  <a:pt x="9" y="143"/>
                  <a:pt x="9" y="143"/>
                </a:cubicBezTo>
                <a:cubicBezTo>
                  <a:pt x="9" y="143"/>
                  <a:pt x="9" y="143"/>
                  <a:pt x="9" y="143"/>
                </a:cubicBezTo>
                <a:cubicBezTo>
                  <a:pt x="9" y="143"/>
                  <a:pt x="9" y="143"/>
                  <a:pt x="9" y="143"/>
                </a:cubicBezTo>
                <a:cubicBezTo>
                  <a:pt x="10" y="143"/>
                  <a:pt x="10" y="143"/>
                  <a:pt x="10" y="143"/>
                </a:cubicBezTo>
                <a:cubicBezTo>
                  <a:pt x="11" y="145"/>
                  <a:pt x="11" y="147"/>
                  <a:pt x="11" y="147"/>
                </a:cubicBezTo>
                <a:cubicBezTo>
                  <a:pt x="16" y="158"/>
                  <a:pt x="24" y="177"/>
                  <a:pt x="31" y="193"/>
                </a:cubicBezTo>
                <a:cubicBezTo>
                  <a:pt x="32" y="195"/>
                  <a:pt x="33" y="198"/>
                  <a:pt x="36" y="203"/>
                </a:cubicBezTo>
                <a:cubicBezTo>
                  <a:pt x="39" y="211"/>
                  <a:pt x="44" y="220"/>
                  <a:pt x="48" y="231"/>
                </a:cubicBezTo>
                <a:cubicBezTo>
                  <a:pt x="48" y="231"/>
                  <a:pt x="48" y="231"/>
                  <a:pt x="48" y="231"/>
                </a:cubicBezTo>
                <a:cubicBezTo>
                  <a:pt x="64" y="264"/>
                  <a:pt x="87" y="263"/>
                  <a:pt x="90" y="263"/>
                </a:cubicBezTo>
                <a:cubicBezTo>
                  <a:pt x="90" y="263"/>
                  <a:pt x="89" y="263"/>
                  <a:pt x="89" y="263"/>
                </a:cubicBezTo>
                <a:cubicBezTo>
                  <a:pt x="89" y="263"/>
                  <a:pt x="106" y="263"/>
                  <a:pt x="119" y="263"/>
                </a:cubicBezTo>
                <a:cubicBezTo>
                  <a:pt x="119" y="272"/>
                  <a:pt x="119" y="278"/>
                  <a:pt x="119" y="284"/>
                </a:cubicBezTo>
                <a:cubicBezTo>
                  <a:pt x="88" y="300"/>
                  <a:pt x="68" y="332"/>
                  <a:pt x="68" y="367"/>
                </a:cubicBezTo>
                <a:cubicBezTo>
                  <a:pt x="68" y="417"/>
                  <a:pt x="109" y="458"/>
                  <a:pt x="160" y="458"/>
                </a:cubicBezTo>
                <a:cubicBezTo>
                  <a:pt x="187" y="458"/>
                  <a:pt x="213" y="446"/>
                  <a:pt x="230" y="425"/>
                </a:cubicBezTo>
                <a:cubicBezTo>
                  <a:pt x="245" y="408"/>
                  <a:pt x="242" y="382"/>
                  <a:pt x="225" y="368"/>
                </a:cubicBezTo>
                <a:cubicBezTo>
                  <a:pt x="208" y="354"/>
                  <a:pt x="182" y="356"/>
                  <a:pt x="168" y="373"/>
                </a:cubicBezTo>
                <a:cubicBezTo>
                  <a:pt x="166" y="376"/>
                  <a:pt x="163" y="377"/>
                  <a:pt x="160" y="377"/>
                </a:cubicBezTo>
                <a:cubicBezTo>
                  <a:pt x="154" y="377"/>
                  <a:pt x="149" y="372"/>
                  <a:pt x="149" y="367"/>
                </a:cubicBezTo>
                <a:cubicBezTo>
                  <a:pt x="149" y="361"/>
                  <a:pt x="154" y="356"/>
                  <a:pt x="160" y="356"/>
                </a:cubicBezTo>
                <a:cubicBezTo>
                  <a:pt x="182" y="356"/>
                  <a:pt x="200" y="338"/>
                  <a:pt x="200" y="315"/>
                </a:cubicBezTo>
                <a:cubicBezTo>
                  <a:pt x="200" y="250"/>
                  <a:pt x="200" y="250"/>
                  <a:pt x="200" y="250"/>
                </a:cubicBezTo>
                <a:cubicBezTo>
                  <a:pt x="200" y="242"/>
                  <a:pt x="194" y="237"/>
                  <a:pt x="187" y="237"/>
                </a:cubicBezTo>
                <a:cubicBezTo>
                  <a:pt x="179" y="237"/>
                  <a:pt x="173" y="243"/>
                  <a:pt x="173" y="250"/>
                </a:cubicBezTo>
                <a:cubicBezTo>
                  <a:pt x="174" y="315"/>
                  <a:pt x="174" y="315"/>
                  <a:pt x="174" y="315"/>
                </a:cubicBezTo>
                <a:cubicBezTo>
                  <a:pt x="174" y="323"/>
                  <a:pt x="167" y="329"/>
                  <a:pt x="160" y="329"/>
                </a:cubicBezTo>
                <a:cubicBezTo>
                  <a:pt x="139" y="329"/>
                  <a:pt x="122" y="346"/>
                  <a:pt x="122" y="367"/>
                </a:cubicBezTo>
                <a:cubicBezTo>
                  <a:pt x="122" y="387"/>
                  <a:pt x="139" y="404"/>
                  <a:pt x="160" y="404"/>
                </a:cubicBezTo>
                <a:cubicBezTo>
                  <a:pt x="171" y="404"/>
                  <a:pt x="181" y="399"/>
                  <a:pt x="188" y="390"/>
                </a:cubicBezTo>
                <a:cubicBezTo>
                  <a:pt x="193" y="384"/>
                  <a:pt x="202" y="384"/>
                  <a:pt x="208" y="388"/>
                </a:cubicBezTo>
                <a:cubicBezTo>
                  <a:pt x="214" y="393"/>
                  <a:pt x="215" y="402"/>
                  <a:pt x="210" y="408"/>
                </a:cubicBezTo>
                <a:cubicBezTo>
                  <a:pt x="197" y="423"/>
                  <a:pt x="179" y="432"/>
                  <a:pt x="160" y="432"/>
                </a:cubicBezTo>
                <a:cubicBezTo>
                  <a:pt x="142" y="432"/>
                  <a:pt x="126" y="425"/>
                  <a:pt x="114" y="413"/>
                </a:cubicBezTo>
                <a:cubicBezTo>
                  <a:pt x="101" y="400"/>
                  <a:pt x="94" y="384"/>
                  <a:pt x="94" y="367"/>
                </a:cubicBezTo>
                <a:cubicBezTo>
                  <a:pt x="94" y="340"/>
                  <a:pt x="112" y="315"/>
                  <a:pt x="137" y="306"/>
                </a:cubicBezTo>
                <a:cubicBezTo>
                  <a:pt x="142" y="304"/>
                  <a:pt x="146" y="299"/>
                  <a:pt x="146" y="293"/>
                </a:cubicBezTo>
                <a:cubicBezTo>
                  <a:pt x="146" y="250"/>
                  <a:pt x="146" y="250"/>
                  <a:pt x="146" y="250"/>
                </a:cubicBezTo>
                <a:cubicBezTo>
                  <a:pt x="146" y="243"/>
                  <a:pt x="140" y="237"/>
                  <a:pt x="132" y="237"/>
                </a:cubicBezTo>
                <a:cubicBezTo>
                  <a:pt x="132" y="237"/>
                  <a:pt x="89" y="237"/>
                  <a:pt x="89" y="237"/>
                </a:cubicBezTo>
                <a:cubicBezTo>
                  <a:pt x="89" y="237"/>
                  <a:pt x="89" y="237"/>
                  <a:pt x="89" y="237"/>
                </a:cubicBezTo>
                <a:cubicBezTo>
                  <a:pt x="88" y="236"/>
                  <a:pt x="80" y="236"/>
                  <a:pt x="72" y="220"/>
                </a:cubicBezTo>
                <a:cubicBezTo>
                  <a:pt x="68" y="209"/>
                  <a:pt x="63" y="199"/>
                  <a:pt x="60" y="192"/>
                </a:cubicBezTo>
                <a:cubicBezTo>
                  <a:pt x="58" y="188"/>
                  <a:pt x="56" y="184"/>
                  <a:pt x="56" y="183"/>
                </a:cubicBezTo>
                <a:cubicBezTo>
                  <a:pt x="56" y="182"/>
                  <a:pt x="55" y="182"/>
                  <a:pt x="55" y="182"/>
                </a:cubicBezTo>
                <a:cubicBezTo>
                  <a:pt x="49" y="167"/>
                  <a:pt x="40" y="147"/>
                  <a:pt x="36" y="137"/>
                </a:cubicBezTo>
                <a:cubicBezTo>
                  <a:pt x="34" y="131"/>
                  <a:pt x="34" y="131"/>
                  <a:pt x="34" y="131"/>
                </a:cubicBezTo>
                <a:cubicBezTo>
                  <a:pt x="34" y="131"/>
                  <a:pt x="34" y="131"/>
                  <a:pt x="33" y="131"/>
                </a:cubicBezTo>
                <a:cubicBezTo>
                  <a:pt x="31" y="124"/>
                  <a:pt x="26" y="110"/>
                  <a:pt x="26" y="101"/>
                </a:cubicBezTo>
                <a:cubicBezTo>
                  <a:pt x="26" y="101"/>
                  <a:pt x="26" y="64"/>
                  <a:pt x="26" y="63"/>
                </a:cubicBezTo>
                <a:cubicBezTo>
                  <a:pt x="26" y="62"/>
                  <a:pt x="27" y="53"/>
                  <a:pt x="32" y="44"/>
                </a:cubicBezTo>
                <a:cubicBezTo>
                  <a:pt x="38" y="32"/>
                  <a:pt x="47" y="27"/>
                  <a:pt x="61" y="27"/>
                </a:cubicBezTo>
                <a:cubicBezTo>
                  <a:pt x="258" y="27"/>
                  <a:pt x="258" y="27"/>
                  <a:pt x="258" y="27"/>
                </a:cubicBezTo>
                <a:cubicBezTo>
                  <a:pt x="258" y="27"/>
                  <a:pt x="259" y="27"/>
                  <a:pt x="259" y="27"/>
                </a:cubicBezTo>
                <a:cubicBezTo>
                  <a:pt x="259" y="27"/>
                  <a:pt x="273" y="27"/>
                  <a:pt x="282" y="36"/>
                </a:cubicBezTo>
                <a:cubicBezTo>
                  <a:pt x="288" y="41"/>
                  <a:pt x="290" y="50"/>
                  <a:pt x="290" y="61"/>
                </a:cubicBezTo>
                <a:cubicBezTo>
                  <a:pt x="290" y="101"/>
                  <a:pt x="290" y="101"/>
                  <a:pt x="290" y="101"/>
                </a:cubicBezTo>
                <a:cubicBezTo>
                  <a:pt x="290" y="113"/>
                  <a:pt x="289" y="119"/>
                  <a:pt x="283" y="132"/>
                </a:cubicBezTo>
                <a:cubicBezTo>
                  <a:pt x="281" y="137"/>
                  <a:pt x="245" y="200"/>
                  <a:pt x="222" y="242"/>
                </a:cubicBezTo>
                <a:cubicBezTo>
                  <a:pt x="219" y="248"/>
                  <a:pt x="221" y="256"/>
                  <a:pt x="227" y="260"/>
                </a:cubicBezTo>
                <a:cubicBezTo>
                  <a:pt x="234" y="264"/>
                  <a:pt x="242" y="261"/>
                  <a:pt x="246" y="255"/>
                </a:cubicBezTo>
                <a:cubicBezTo>
                  <a:pt x="255" y="237"/>
                  <a:pt x="304" y="150"/>
                  <a:pt x="307" y="143"/>
                </a:cubicBezTo>
                <a:cubicBezTo>
                  <a:pt x="315" y="127"/>
                  <a:pt x="317" y="117"/>
                  <a:pt x="317" y="101"/>
                </a:cubicBezTo>
                <a:cubicBezTo>
                  <a:pt x="317" y="61"/>
                  <a:pt x="317" y="61"/>
                  <a:pt x="317" y="61"/>
                </a:cubicBezTo>
                <a:cubicBezTo>
                  <a:pt x="317" y="42"/>
                  <a:pt x="311" y="27"/>
                  <a:pt x="300" y="16"/>
                </a:cubicBezTo>
                <a:cubicBezTo>
                  <a:pt x="283" y="0"/>
                  <a:pt x="260" y="0"/>
                  <a:pt x="258" y="0"/>
                </a:cubicBezTo>
                <a:cubicBezTo>
                  <a:pt x="258" y="0"/>
                  <a:pt x="258" y="0"/>
                  <a:pt x="258" y="0"/>
                </a:cubicBezTo>
                <a:cubicBezTo>
                  <a:pt x="61" y="0"/>
                  <a:pt x="61" y="0"/>
                  <a:pt x="61" y="0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8" name="Freeform 204"/>
          <p:cNvSpPr>
            <a:spLocks noChangeAspect="1"/>
          </p:cNvSpPr>
          <p:nvPr userDrawn="1"/>
        </p:nvSpPr>
        <p:spPr bwMode="auto">
          <a:xfrm>
            <a:off x="7605970" y="3000094"/>
            <a:ext cx="231658" cy="393192"/>
          </a:xfrm>
          <a:custGeom>
            <a:avLst/>
            <a:gdLst/>
            <a:ahLst/>
            <a:cxnLst>
              <a:cxn ang="0">
                <a:pos x="128" y="136"/>
              </a:cxn>
              <a:cxn ang="0">
                <a:pos x="128" y="188"/>
              </a:cxn>
              <a:cxn ang="0">
                <a:pos x="141" y="201"/>
              </a:cxn>
              <a:cxn ang="0">
                <a:pos x="237" y="201"/>
              </a:cxn>
              <a:cxn ang="0">
                <a:pos x="251" y="188"/>
              </a:cxn>
              <a:cxn ang="0">
                <a:pos x="251" y="13"/>
              </a:cxn>
              <a:cxn ang="0">
                <a:pos x="237" y="0"/>
              </a:cxn>
              <a:cxn ang="0">
                <a:pos x="13" y="0"/>
              </a:cxn>
              <a:cxn ang="0">
                <a:pos x="0" y="13"/>
              </a:cxn>
              <a:cxn ang="0">
                <a:pos x="0" y="413"/>
              </a:cxn>
              <a:cxn ang="0">
                <a:pos x="13" y="427"/>
              </a:cxn>
              <a:cxn ang="0">
                <a:pos x="237" y="427"/>
              </a:cxn>
              <a:cxn ang="0">
                <a:pos x="251" y="413"/>
              </a:cxn>
              <a:cxn ang="0">
                <a:pos x="251" y="239"/>
              </a:cxn>
              <a:cxn ang="0">
                <a:pos x="237" y="226"/>
              </a:cxn>
              <a:cxn ang="0">
                <a:pos x="141" y="226"/>
              </a:cxn>
              <a:cxn ang="0">
                <a:pos x="128" y="239"/>
              </a:cxn>
              <a:cxn ang="0">
                <a:pos x="128" y="291"/>
              </a:cxn>
              <a:cxn ang="0">
                <a:pos x="141" y="304"/>
              </a:cxn>
              <a:cxn ang="0">
                <a:pos x="168" y="304"/>
              </a:cxn>
              <a:cxn ang="0">
                <a:pos x="128" y="354"/>
              </a:cxn>
              <a:cxn ang="0">
                <a:pos x="88" y="304"/>
              </a:cxn>
              <a:cxn ang="0">
                <a:pos x="104" y="304"/>
              </a:cxn>
              <a:cxn ang="0">
                <a:pos x="117" y="291"/>
              </a:cxn>
              <a:cxn ang="0">
                <a:pos x="104" y="278"/>
              </a:cxn>
              <a:cxn ang="0">
                <a:pos x="60" y="278"/>
              </a:cxn>
              <a:cxn ang="0">
                <a:pos x="48" y="285"/>
              </a:cxn>
              <a:cxn ang="0">
                <a:pos x="49" y="299"/>
              </a:cxn>
              <a:cxn ang="0">
                <a:pos x="117" y="384"/>
              </a:cxn>
              <a:cxn ang="0">
                <a:pos x="128" y="389"/>
              </a:cxn>
              <a:cxn ang="0">
                <a:pos x="138" y="384"/>
              </a:cxn>
              <a:cxn ang="0">
                <a:pos x="206" y="299"/>
              </a:cxn>
              <a:cxn ang="0">
                <a:pos x="208" y="285"/>
              </a:cxn>
              <a:cxn ang="0">
                <a:pos x="196" y="278"/>
              </a:cxn>
              <a:cxn ang="0">
                <a:pos x="155" y="278"/>
              </a:cxn>
              <a:cxn ang="0">
                <a:pos x="155" y="252"/>
              </a:cxn>
              <a:cxn ang="0">
                <a:pos x="224" y="252"/>
              </a:cxn>
              <a:cxn ang="0">
                <a:pos x="224" y="400"/>
              </a:cxn>
              <a:cxn ang="0">
                <a:pos x="27" y="400"/>
              </a:cxn>
              <a:cxn ang="0">
                <a:pos x="27" y="27"/>
              </a:cxn>
              <a:cxn ang="0">
                <a:pos x="224" y="27"/>
              </a:cxn>
              <a:cxn ang="0">
                <a:pos x="224" y="174"/>
              </a:cxn>
              <a:cxn ang="0">
                <a:pos x="155" y="174"/>
              </a:cxn>
              <a:cxn ang="0">
                <a:pos x="155" y="149"/>
              </a:cxn>
              <a:cxn ang="0">
                <a:pos x="196" y="149"/>
              </a:cxn>
              <a:cxn ang="0">
                <a:pos x="208" y="142"/>
              </a:cxn>
              <a:cxn ang="0">
                <a:pos x="206" y="127"/>
              </a:cxn>
              <a:cxn ang="0">
                <a:pos x="138" y="43"/>
              </a:cxn>
              <a:cxn ang="0">
                <a:pos x="128" y="38"/>
              </a:cxn>
              <a:cxn ang="0">
                <a:pos x="117" y="43"/>
              </a:cxn>
              <a:cxn ang="0">
                <a:pos x="49" y="127"/>
              </a:cxn>
              <a:cxn ang="0">
                <a:pos x="48" y="142"/>
              </a:cxn>
              <a:cxn ang="0">
                <a:pos x="60" y="149"/>
              </a:cxn>
              <a:cxn ang="0">
                <a:pos x="104" y="149"/>
              </a:cxn>
              <a:cxn ang="0">
                <a:pos x="117" y="136"/>
              </a:cxn>
              <a:cxn ang="0">
                <a:pos x="104" y="122"/>
              </a:cxn>
              <a:cxn ang="0">
                <a:pos x="88" y="122"/>
              </a:cxn>
              <a:cxn ang="0">
                <a:pos x="128" y="72"/>
              </a:cxn>
              <a:cxn ang="0">
                <a:pos x="168" y="122"/>
              </a:cxn>
              <a:cxn ang="0">
                <a:pos x="141" y="122"/>
              </a:cxn>
              <a:cxn ang="0">
                <a:pos x="128" y="136"/>
              </a:cxn>
            </a:cxnLst>
            <a:rect l="0" t="0" r="r" b="b"/>
            <a:pathLst>
              <a:path w="251" h="427">
                <a:moveTo>
                  <a:pt x="128" y="136"/>
                </a:moveTo>
                <a:cubicBezTo>
                  <a:pt x="128" y="188"/>
                  <a:pt x="128" y="188"/>
                  <a:pt x="128" y="188"/>
                </a:cubicBezTo>
                <a:cubicBezTo>
                  <a:pt x="128" y="195"/>
                  <a:pt x="134" y="201"/>
                  <a:pt x="141" y="201"/>
                </a:cubicBezTo>
                <a:cubicBezTo>
                  <a:pt x="237" y="201"/>
                  <a:pt x="237" y="201"/>
                  <a:pt x="237" y="201"/>
                </a:cubicBezTo>
                <a:cubicBezTo>
                  <a:pt x="245" y="201"/>
                  <a:pt x="251" y="195"/>
                  <a:pt x="251" y="188"/>
                </a:cubicBezTo>
                <a:cubicBezTo>
                  <a:pt x="251" y="13"/>
                  <a:pt x="251" y="13"/>
                  <a:pt x="251" y="13"/>
                </a:cubicBezTo>
                <a:cubicBezTo>
                  <a:pt x="251" y="6"/>
                  <a:pt x="245" y="0"/>
                  <a:pt x="237" y="0"/>
                </a:cubicBezTo>
                <a:cubicBezTo>
                  <a:pt x="13" y="0"/>
                  <a:pt x="13" y="0"/>
                  <a:pt x="13" y="0"/>
                </a:cubicBezTo>
                <a:cubicBezTo>
                  <a:pt x="6" y="0"/>
                  <a:pt x="0" y="6"/>
                  <a:pt x="0" y="13"/>
                </a:cubicBezTo>
                <a:cubicBezTo>
                  <a:pt x="0" y="413"/>
                  <a:pt x="0" y="413"/>
                  <a:pt x="0" y="413"/>
                </a:cubicBezTo>
                <a:cubicBezTo>
                  <a:pt x="0" y="421"/>
                  <a:pt x="6" y="427"/>
                  <a:pt x="13" y="427"/>
                </a:cubicBezTo>
                <a:cubicBezTo>
                  <a:pt x="237" y="427"/>
                  <a:pt x="237" y="427"/>
                  <a:pt x="237" y="427"/>
                </a:cubicBezTo>
                <a:cubicBezTo>
                  <a:pt x="245" y="427"/>
                  <a:pt x="251" y="421"/>
                  <a:pt x="251" y="413"/>
                </a:cubicBezTo>
                <a:cubicBezTo>
                  <a:pt x="251" y="239"/>
                  <a:pt x="251" y="239"/>
                  <a:pt x="251" y="239"/>
                </a:cubicBezTo>
                <a:cubicBezTo>
                  <a:pt x="251" y="232"/>
                  <a:pt x="245" y="226"/>
                  <a:pt x="237" y="226"/>
                </a:cubicBezTo>
                <a:cubicBezTo>
                  <a:pt x="141" y="226"/>
                  <a:pt x="141" y="226"/>
                  <a:pt x="141" y="226"/>
                </a:cubicBezTo>
                <a:cubicBezTo>
                  <a:pt x="134" y="226"/>
                  <a:pt x="128" y="232"/>
                  <a:pt x="128" y="239"/>
                </a:cubicBezTo>
                <a:cubicBezTo>
                  <a:pt x="128" y="291"/>
                  <a:pt x="128" y="291"/>
                  <a:pt x="128" y="291"/>
                </a:cubicBezTo>
                <a:cubicBezTo>
                  <a:pt x="128" y="298"/>
                  <a:pt x="134" y="304"/>
                  <a:pt x="141" y="304"/>
                </a:cubicBezTo>
                <a:cubicBezTo>
                  <a:pt x="168" y="304"/>
                  <a:pt x="168" y="304"/>
                  <a:pt x="168" y="304"/>
                </a:cubicBezTo>
                <a:cubicBezTo>
                  <a:pt x="128" y="354"/>
                  <a:pt x="128" y="354"/>
                  <a:pt x="128" y="354"/>
                </a:cubicBezTo>
                <a:cubicBezTo>
                  <a:pt x="88" y="304"/>
                  <a:pt x="88" y="304"/>
                  <a:pt x="88" y="304"/>
                </a:cubicBezTo>
                <a:cubicBezTo>
                  <a:pt x="104" y="304"/>
                  <a:pt x="104" y="304"/>
                  <a:pt x="104" y="304"/>
                </a:cubicBezTo>
                <a:cubicBezTo>
                  <a:pt x="111" y="304"/>
                  <a:pt x="117" y="298"/>
                  <a:pt x="117" y="291"/>
                </a:cubicBezTo>
                <a:cubicBezTo>
                  <a:pt x="117" y="283"/>
                  <a:pt x="111" y="278"/>
                  <a:pt x="104" y="278"/>
                </a:cubicBezTo>
                <a:cubicBezTo>
                  <a:pt x="60" y="278"/>
                  <a:pt x="60" y="278"/>
                  <a:pt x="60" y="278"/>
                </a:cubicBezTo>
                <a:cubicBezTo>
                  <a:pt x="55" y="278"/>
                  <a:pt x="50" y="280"/>
                  <a:pt x="48" y="285"/>
                </a:cubicBezTo>
                <a:cubicBezTo>
                  <a:pt x="46" y="290"/>
                  <a:pt x="46" y="295"/>
                  <a:pt x="49" y="299"/>
                </a:cubicBezTo>
                <a:cubicBezTo>
                  <a:pt x="117" y="384"/>
                  <a:pt x="117" y="384"/>
                  <a:pt x="117" y="384"/>
                </a:cubicBezTo>
                <a:cubicBezTo>
                  <a:pt x="120" y="387"/>
                  <a:pt x="124" y="389"/>
                  <a:pt x="128" y="389"/>
                </a:cubicBezTo>
                <a:cubicBezTo>
                  <a:pt x="132" y="389"/>
                  <a:pt x="136" y="387"/>
                  <a:pt x="138" y="384"/>
                </a:cubicBezTo>
                <a:cubicBezTo>
                  <a:pt x="206" y="299"/>
                  <a:pt x="206" y="299"/>
                  <a:pt x="206" y="299"/>
                </a:cubicBezTo>
                <a:cubicBezTo>
                  <a:pt x="209" y="295"/>
                  <a:pt x="210" y="290"/>
                  <a:pt x="208" y="285"/>
                </a:cubicBezTo>
                <a:cubicBezTo>
                  <a:pt x="206" y="280"/>
                  <a:pt x="201" y="278"/>
                  <a:pt x="196" y="278"/>
                </a:cubicBezTo>
                <a:cubicBezTo>
                  <a:pt x="155" y="278"/>
                  <a:pt x="155" y="278"/>
                  <a:pt x="155" y="278"/>
                </a:cubicBezTo>
                <a:cubicBezTo>
                  <a:pt x="155" y="252"/>
                  <a:pt x="155" y="252"/>
                  <a:pt x="155" y="252"/>
                </a:cubicBezTo>
                <a:cubicBezTo>
                  <a:pt x="224" y="252"/>
                  <a:pt x="224" y="252"/>
                  <a:pt x="224" y="252"/>
                </a:cubicBezTo>
                <a:cubicBezTo>
                  <a:pt x="224" y="400"/>
                  <a:pt x="224" y="400"/>
                  <a:pt x="224" y="400"/>
                </a:cubicBezTo>
                <a:cubicBezTo>
                  <a:pt x="27" y="400"/>
                  <a:pt x="27" y="400"/>
                  <a:pt x="27" y="400"/>
                </a:cubicBezTo>
                <a:cubicBezTo>
                  <a:pt x="27" y="27"/>
                  <a:pt x="27" y="27"/>
                  <a:pt x="27" y="27"/>
                </a:cubicBezTo>
                <a:cubicBezTo>
                  <a:pt x="224" y="27"/>
                  <a:pt x="224" y="27"/>
                  <a:pt x="224" y="27"/>
                </a:cubicBezTo>
                <a:cubicBezTo>
                  <a:pt x="224" y="174"/>
                  <a:pt x="224" y="174"/>
                  <a:pt x="224" y="174"/>
                </a:cubicBezTo>
                <a:cubicBezTo>
                  <a:pt x="155" y="174"/>
                  <a:pt x="155" y="174"/>
                  <a:pt x="155" y="174"/>
                </a:cubicBezTo>
                <a:cubicBezTo>
                  <a:pt x="155" y="149"/>
                  <a:pt x="155" y="149"/>
                  <a:pt x="155" y="149"/>
                </a:cubicBezTo>
                <a:cubicBezTo>
                  <a:pt x="196" y="149"/>
                  <a:pt x="196" y="149"/>
                  <a:pt x="196" y="149"/>
                </a:cubicBezTo>
                <a:cubicBezTo>
                  <a:pt x="201" y="149"/>
                  <a:pt x="206" y="146"/>
                  <a:pt x="208" y="142"/>
                </a:cubicBezTo>
                <a:cubicBezTo>
                  <a:pt x="210" y="137"/>
                  <a:pt x="209" y="131"/>
                  <a:pt x="206" y="127"/>
                </a:cubicBezTo>
                <a:cubicBezTo>
                  <a:pt x="138" y="43"/>
                  <a:pt x="138" y="43"/>
                  <a:pt x="138" y="43"/>
                </a:cubicBezTo>
                <a:cubicBezTo>
                  <a:pt x="136" y="39"/>
                  <a:pt x="132" y="38"/>
                  <a:pt x="128" y="38"/>
                </a:cubicBezTo>
                <a:cubicBezTo>
                  <a:pt x="124" y="38"/>
                  <a:pt x="120" y="39"/>
                  <a:pt x="117" y="43"/>
                </a:cubicBezTo>
                <a:cubicBezTo>
                  <a:pt x="49" y="127"/>
                  <a:pt x="49" y="127"/>
                  <a:pt x="49" y="127"/>
                </a:cubicBezTo>
                <a:cubicBezTo>
                  <a:pt x="46" y="131"/>
                  <a:pt x="46" y="137"/>
                  <a:pt x="48" y="142"/>
                </a:cubicBezTo>
                <a:cubicBezTo>
                  <a:pt x="50" y="146"/>
                  <a:pt x="55" y="149"/>
                  <a:pt x="60" y="149"/>
                </a:cubicBezTo>
                <a:cubicBezTo>
                  <a:pt x="104" y="149"/>
                  <a:pt x="104" y="149"/>
                  <a:pt x="104" y="149"/>
                </a:cubicBezTo>
                <a:cubicBezTo>
                  <a:pt x="111" y="149"/>
                  <a:pt x="117" y="143"/>
                  <a:pt x="117" y="136"/>
                </a:cubicBezTo>
                <a:cubicBezTo>
                  <a:pt x="117" y="128"/>
                  <a:pt x="111" y="122"/>
                  <a:pt x="104" y="122"/>
                </a:cubicBezTo>
                <a:cubicBezTo>
                  <a:pt x="88" y="122"/>
                  <a:pt x="88" y="122"/>
                  <a:pt x="88" y="122"/>
                </a:cubicBezTo>
                <a:cubicBezTo>
                  <a:pt x="128" y="72"/>
                  <a:pt x="128" y="72"/>
                  <a:pt x="128" y="72"/>
                </a:cubicBezTo>
                <a:cubicBezTo>
                  <a:pt x="168" y="122"/>
                  <a:pt x="168" y="122"/>
                  <a:pt x="168" y="122"/>
                </a:cubicBezTo>
                <a:cubicBezTo>
                  <a:pt x="141" y="122"/>
                  <a:pt x="141" y="122"/>
                  <a:pt x="141" y="122"/>
                </a:cubicBezTo>
                <a:cubicBezTo>
                  <a:pt x="134" y="122"/>
                  <a:pt x="128" y="128"/>
                  <a:pt x="128" y="136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69" name="Freeform 212"/>
          <p:cNvSpPr>
            <a:spLocks noChangeAspect="1"/>
          </p:cNvSpPr>
          <p:nvPr userDrawn="1"/>
        </p:nvSpPr>
        <p:spPr bwMode="auto">
          <a:xfrm>
            <a:off x="8576192" y="3838252"/>
            <a:ext cx="201481" cy="404361"/>
          </a:xfrm>
          <a:custGeom>
            <a:avLst/>
            <a:gdLst/>
            <a:ahLst/>
            <a:cxnLst>
              <a:cxn ang="0">
                <a:pos x="192" y="3"/>
              </a:cxn>
              <a:cxn ang="0">
                <a:pos x="184" y="0"/>
              </a:cxn>
              <a:cxn ang="0">
                <a:pos x="11" y="0"/>
              </a:cxn>
              <a:cxn ang="0">
                <a:pos x="3" y="3"/>
              </a:cxn>
              <a:cxn ang="0">
                <a:pos x="0" y="11"/>
              </a:cxn>
              <a:cxn ang="0">
                <a:pos x="0" y="230"/>
              </a:cxn>
              <a:cxn ang="0">
                <a:pos x="0" y="381"/>
              </a:cxn>
              <a:cxn ang="0">
                <a:pos x="11" y="392"/>
              </a:cxn>
              <a:cxn ang="0">
                <a:pos x="23" y="381"/>
              </a:cxn>
              <a:cxn ang="0">
                <a:pos x="23" y="381"/>
              </a:cxn>
              <a:cxn ang="0">
                <a:pos x="23" y="366"/>
              </a:cxn>
              <a:cxn ang="0">
                <a:pos x="53" y="366"/>
              </a:cxn>
              <a:cxn ang="0">
                <a:pos x="64" y="355"/>
              </a:cxn>
              <a:cxn ang="0">
                <a:pos x="53" y="343"/>
              </a:cxn>
              <a:cxn ang="0">
                <a:pos x="23" y="343"/>
              </a:cxn>
              <a:cxn ang="0">
                <a:pos x="23" y="314"/>
              </a:cxn>
              <a:cxn ang="0">
                <a:pos x="52" y="314"/>
              </a:cxn>
              <a:cxn ang="0">
                <a:pos x="63" y="302"/>
              </a:cxn>
              <a:cxn ang="0">
                <a:pos x="52" y="291"/>
              </a:cxn>
              <a:cxn ang="0">
                <a:pos x="23" y="291"/>
              </a:cxn>
              <a:cxn ang="0">
                <a:pos x="23" y="256"/>
              </a:cxn>
              <a:cxn ang="0">
                <a:pos x="96" y="256"/>
              </a:cxn>
              <a:cxn ang="0">
                <a:pos x="107" y="245"/>
              </a:cxn>
              <a:cxn ang="0">
                <a:pos x="96" y="234"/>
              </a:cxn>
              <a:cxn ang="0">
                <a:pos x="23" y="234"/>
              </a:cxn>
              <a:cxn ang="0">
                <a:pos x="23" y="230"/>
              </a:cxn>
              <a:cxn ang="0">
                <a:pos x="23" y="203"/>
              </a:cxn>
              <a:cxn ang="0">
                <a:pos x="51" y="203"/>
              </a:cxn>
              <a:cxn ang="0">
                <a:pos x="63" y="191"/>
              </a:cxn>
              <a:cxn ang="0">
                <a:pos x="51" y="180"/>
              </a:cxn>
              <a:cxn ang="0">
                <a:pos x="23" y="180"/>
              </a:cxn>
              <a:cxn ang="0">
                <a:pos x="23" y="156"/>
              </a:cxn>
              <a:cxn ang="0">
                <a:pos x="52" y="156"/>
              </a:cxn>
              <a:cxn ang="0">
                <a:pos x="63" y="145"/>
              </a:cxn>
              <a:cxn ang="0">
                <a:pos x="52" y="133"/>
              </a:cxn>
              <a:cxn ang="0">
                <a:pos x="23" y="133"/>
              </a:cxn>
              <a:cxn ang="0">
                <a:pos x="23" y="104"/>
              </a:cxn>
              <a:cxn ang="0">
                <a:pos x="95" y="104"/>
              </a:cxn>
              <a:cxn ang="0">
                <a:pos x="106" y="92"/>
              </a:cxn>
              <a:cxn ang="0">
                <a:pos x="95" y="81"/>
              </a:cxn>
              <a:cxn ang="0">
                <a:pos x="23" y="81"/>
              </a:cxn>
              <a:cxn ang="0">
                <a:pos x="23" y="22"/>
              </a:cxn>
              <a:cxn ang="0">
                <a:pos x="173" y="22"/>
              </a:cxn>
              <a:cxn ang="0">
                <a:pos x="173" y="291"/>
              </a:cxn>
              <a:cxn ang="0">
                <a:pos x="184" y="303"/>
              </a:cxn>
              <a:cxn ang="0">
                <a:pos x="195" y="291"/>
              </a:cxn>
              <a:cxn ang="0">
                <a:pos x="195" y="11"/>
              </a:cxn>
              <a:cxn ang="0">
                <a:pos x="192" y="3"/>
              </a:cxn>
            </a:cxnLst>
            <a:rect l="0" t="0" r="r" b="b"/>
            <a:pathLst>
              <a:path w="195" h="392">
                <a:moveTo>
                  <a:pt x="192" y="3"/>
                </a:moveTo>
                <a:cubicBezTo>
                  <a:pt x="190" y="1"/>
                  <a:pt x="187" y="0"/>
                  <a:pt x="184" y="0"/>
                </a:cubicBezTo>
                <a:cubicBezTo>
                  <a:pt x="11" y="0"/>
                  <a:pt x="11" y="0"/>
                  <a:pt x="11" y="0"/>
                </a:cubicBezTo>
                <a:cubicBezTo>
                  <a:pt x="8" y="0"/>
                  <a:pt x="6" y="1"/>
                  <a:pt x="3" y="3"/>
                </a:cubicBezTo>
                <a:cubicBezTo>
                  <a:pt x="1" y="5"/>
                  <a:pt x="0" y="8"/>
                  <a:pt x="0" y="11"/>
                </a:cubicBezTo>
                <a:cubicBezTo>
                  <a:pt x="0" y="230"/>
                  <a:pt x="0" y="230"/>
                  <a:pt x="0" y="230"/>
                </a:cubicBezTo>
                <a:cubicBezTo>
                  <a:pt x="0" y="381"/>
                  <a:pt x="0" y="381"/>
                  <a:pt x="0" y="381"/>
                </a:cubicBezTo>
                <a:cubicBezTo>
                  <a:pt x="0" y="387"/>
                  <a:pt x="5" y="392"/>
                  <a:pt x="11" y="392"/>
                </a:cubicBezTo>
                <a:cubicBezTo>
                  <a:pt x="18" y="392"/>
                  <a:pt x="23" y="387"/>
                  <a:pt x="23" y="381"/>
                </a:cubicBezTo>
                <a:cubicBezTo>
                  <a:pt x="23" y="381"/>
                  <a:pt x="23" y="381"/>
                  <a:pt x="23" y="381"/>
                </a:cubicBezTo>
                <a:cubicBezTo>
                  <a:pt x="23" y="366"/>
                  <a:pt x="23" y="366"/>
                  <a:pt x="23" y="366"/>
                </a:cubicBezTo>
                <a:cubicBezTo>
                  <a:pt x="53" y="366"/>
                  <a:pt x="53" y="366"/>
                  <a:pt x="53" y="366"/>
                </a:cubicBezTo>
                <a:cubicBezTo>
                  <a:pt x="59" y="366"/>
                  <a:pt x="64" y="361"/>
                  <a:pt x="64" y="355"/>
                </a:cubicBezTo>
                <a:cubicBezTo>
                  <a:pt x="64" y="348"/>
                  <a:pt x="59" y="343"/>
                  <a:pt x="53" y="343"/>
                </a:cubicBezTo>
                <a:cubicBezTo>
                  <a:pt x="23" y="343"/>
                  <a:pt x="23" y="343"/>
                  <a:pt x="23" y="343"/>
                </a:cubicBezTo>
                <a:cubicBezTo>
                  <a:pt x="23" y="314"/>
                  <a:pt x="23" y="314"/>
                  <a:pt x="23" y="314"/>
                </a:cubicBezTo>
                <a:cubicBezTo>
                  <a:pt x="52" y="314"/>
                  <a:pt x="52" y="314"/>
                  <a:pt x="52" y="314"/>
                </a:cubicBezTo>
                <a:cubicBezTo>
                  <a:pt x="58" y="314"/>
                  <a:pt x="63" y="309"/>
                  <a:pt x="63" y="302"/>
                </a:cubicBezTo>
                <a:cubicBezTo>
                  <a:pt x="63" y="296"/>
                  <a:pt x="58" y="291"/>
                  <a:pt x="52" y="291"/>
                </a:cubicBezTo>
                <a:cubicBezTo>
                  <a:pt x="23" y="291"/>
                  <a:pt x="23" y="291"/>
                  <a:pt x="23" y="291"/>
                </a:cubicBezTo>
                <a:cubicBezTo>
                  <a:pt x="23" y="256"/>
                  <a:pt x="23" y="256"/>
                  <a:pt x="23" y="256"/>
                </a:cubicBezTo>
                <a:cubicBezTo>
                  <a:pt x="96" y="256"/>
                  <a:pt x="96" y="256"/>
                  <a:pt x="96" y="256"/>
                </a:cubicBezTo>
                <a:cubicBezTo>
                  <a:pt x="102" y="256"/>
                  <a:pt x="107" y="251"/>
                  <a:pt x="107" y="245"/>
                </a:cubicBezTo>
                <a:cubicBezTo>
                  <a:pt x="107" y="239"/>
                  <a:pt x="102" y="234"/>
                  <a:pt x="96" y="234"/>
                </a:cubicBezTo>
                <a:cubicBezTo>
                  <a:pt x="23" y="234"/>
                  <a:pt x="23" y="234"/>
                  <a:pt x="23" y="234"/>
                </a:cubicBezTo>
                <a:cubicBezTo>
                  <a:pt x="23" y="230"/>
                  <a:pt x="23" y="230"/>
                  <a:pt x="23" y="230"/>
                </a:cubicBezTo>
                <a:cubicBezTo>
                  <a:pt x="23" y="203"/>
                  <a:pt x="23" y="203"/>
                  <a:pt x="23" y="203"/>
                </a:cubicBezTo>
                <a:cubicBezTo>
                  <a:pt x="51" y="203"/>
                  <a:pt x="51" y="203"/>
                  <a:pt x="51" y="203"/>
                </a:cubicBezTo>
                <a:cubicBezTo>
                  <a:pt x="57" y="203"/>
                  <a:pt x="63" y="198"/>
                  <a:pt x="63" y="191"/>
                </a:cubicBezTo>
                <a:cubicBezTo>
                  <a:pt x="63" y="185"/>
                  <a:pt x="57" y="180"/>
                  <a:pt x="51" y="180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56"/>
                  <a:pt x="23" y="156"/>
                  <a:pt x="23" y="156"/>
                </a:cubicBezTo>
                <a:cubicBezTo>
                  <a:pt x="52" y="156"/>
                  <a:pt x="52" y="156"/>
                  <a:pt x="52" y="156"/>
                </a:cubicBezTo>
                <a:cubicBezTo>
                  <a:pt x="58" y="156"/>
                  <a:pt x="63" y="151"/>
                  <a:pt x="63" y="145"/>
                </a:cubicBezTo>
                <a:cubicBezTo>
                  <a:pt x="63" y="138"/>
                  <a:pt x="58" y="133"/>
                  <a:pt x="52" y="133"/>
                </a:cubicBezTo>
                <a:cubicBezTo>
                  <a:pt x="23" y="133"/>
                  <a:pt x="23" y="133"/>
                  <a:pt x="23" y="133"/>
                </a:cubicBezTo>
                <a:cubicBezTo>
                  <a:pt x="23" y="104"/>
                  <a:pt x="23" y="104"/>
                  <a:pt x="23" y="104"/>
                </a:cubicBezTo>
                <a:cubicBezTo>
                  <a:pt x="95" y="104"/>
                  <a:pt x="95" y="104"/>
                  <a:pt x="95" y="104"/>
                </a:cubicBezTo>
                <a:cubicBezTo>
                  <a:pt x="101" y="104"/>
                  <a:pt x="106" y="99"/>
                  <a:pt x="106" y="92"/>
                </a:cubicBezTo>
                <a:cubicBezTo>
                  <a:pt x="106" y="86"/>
                  <a:pt x="101" y="81"/>
                  <a:pt x="95" y="81"/>
                </a:cubicBezTo>
                <a:cubicBezTo>
                  <a:pt x="23" y="81"/>
                  <a:pt x="23" y="81"/>
                  <a:pt x="23" y="81"/>
                </a:cubicBezTo>
                <a:cubicBezTo>
                  <a:pt x="23" y="22"/>
                  <a:pt x="23" y="22"/>
                  <a:pt x="23" y="22"/>
                </a:cubicBezTo>
                <a:cubicBezTo>
                  <a:pt x="173" y="22"/>
                  <a:pt x="173" y="22"/>
                  <a:pt x="173" y="22"/>
                </a:cubicBezTo>
                <a:cubicBezTo>
                  <a:pt x="173" y="291"/>
                  <a:pt x="173" y="291"/>
                  <a:pt x="173" y="291"/>
                </a:cubicBezTo>
                <a:cubicBezTo>
                  <a:pt x="173" y="298"/>
                  <a:pt x="178" y="303"/>
                  <a:pt x="184" y="303"/>
                </a:cubicBezTo>
                <a:cubicBezTo>
                  <a:pt x="190" y="303"/>
                  <a:pt x="195" y="298"/>
                  <a:pt x="195" y="291"/>
                </a:cubicBezTo>
                <a:cubicBezTo>
                  <a:pt x="195" y="11"/>
                  <a:pt x="195" y="11"/>
                  <a:pt x="195" y="11"/>
                </a:cubicBezTo>
                <a:cubicBezTo>
                  <a:pt x="195" y="8"/>
                  <a:pt x="194" y="5"/>
                  <a:pt x="192" y="3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0" name="Freeform 228"/>
          <p:cNvSpPr>
            <a:spLocks noChangeAspect="1"/>
          </p:cNvSpPr>
          <p:nvPr userDrawn="1"/>
        </p:nvSpPr>
        <p:spPr bwMode="auto">
          <a:xfrm>
            <a:off x="9461324" y="3000094"/>
            <a:ext cx="371652" cy="393192"/>
          </a:xfrm>
          <a:custGeom>
            <a:avLst/>
            <a:gdLst/>
            <a:ahLst/>
            <a:cxnLst>
              <a:cxn ang="0">
                <a:pos x="43" y="292"/>
              </a:cxn>
              <a:cxn ang="0">
                <a:pos x="252" y="292"/>
              </a:cxn>
              <a:cxn ang="0">
                <a:pos x="252" y="241"/>
              </a:cxn>
              <a:cxn ang="0">
                <a:pos x="217" y="241"/>
              </a:cxn>
              <a:cxn ang="0">
                <a:pos x="169" y="195"/>
              </a:cxn>
              <a:cxn ang="0">
                <a:pos x="276" y="195"/>
              </a:cxn>
              <a:cxn ang="0">
                <a:pos x="276" y="0"/>
              </a:cxn>
              <a:cxn ang="0">
                <a:pos x="0" y="0"/>
              </a:cxn>
              <a:cxn ang="0">
                <a:pos x="0" y="191"/>
              </a:cxn>
              <a:cxn ang="0">
                <a:pos x="106" y="191"/>
              </a:cxn>
              <a:cxn ang="0">
                <a:pos x="106" y="244"/>
              </a:cxn>
            </a:cxnLst>
            <a:rect l="0" t="0" r="r" b="b"/>
            <a:pathLst>
              <a:path w="276" h="292">
                <a:moveTo>
                  <a:pt x="43" y="292"/>
                </a:moveTo>
                <a:lnTo>
                  <a:pt x="252" y="292"/>
                </a:lnTo>
                <a:lnTo>
                  <a:pt x="252" y="241"/>
                </a:lnTo>
                <a:lnTo>
                  <a:pt x="217" y="241"/>
                </a:lnTo>
                <a:lnTo>
                  <a:pt x="169" y="195"/>
                </a:lnTo>
                <a:lnTo>
                  <a:pt x="276" y="195"/>
                </a:lnTo>
                <a:lnTo>
                  <a:pt x="276" y="0"/>
                </a:lnTo>
                <a:lnTo>
                  <a:pt x="0" y="0"/>
                </a:lnTo>
                <a:lnTo>
                  <a:pt x="0" y="191"/>
                </a:lnTo>
                <a:lnTo>
                  <a:pt x="106" y="191"/>
                </a:lnTo>
                <a:lnTo>
                  <a:pt x="106" y="244"/>
                </a:lnTo>
              </a:path>
            </a:pathLst>
          </a:custGeom>
          <a:noFill/>
          <a:ln w="30163" cap="rnd">
            <a:solidFill>
              <a:schemeClr val="bg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1" name="Freeform 208"/>
          <p:cNvSpPr>
            <a:spLocks noChangeAspect="1"/>
          </p:cNvSpPr>
          <p:nvPr userDrawn="1"/>
        </p:nvSpPr>
        <p:spPr bwMode="auto">
          <a:xfrm>
            <a:off x="8574375" y="2941489"/>
            <a:ext cx="254309" cy="451797"/>
          </a:xfrm>
          <a:custGeom>
            <a:avLst/>
            <a:gdLst/>
            <a:ahLst/>
            <a:cxnLst>
              <a:cxn ang="0">
                <a:pos x="0" y="128"/>
              </a:cxn>
              <a:cxn ang="0">
                <a:pos x="23" y="202"/>
              </a:cxn>
              <a:cxn ang="0">
                <a:pos x="24" y="202"/>
              </a:cxn>
              <a:cxn ang="0">
                <a:pos x="32" y="212"/>
              </a:cxn>
              <a:cxn ang="0">
                <a:pos x="32" y="213"/>
              </a:cxn>
              <a:cxn ang="0">
                <a:pos x="62" y="284"/>
              </a:cxn>
              <a:cxn ang="0">
                <a:pos x="77" y="296"/>
              </a:cxn>
              <a:cxn ang="0">
                <a:pos x="89" y="283"/>
              </a:cxn>
              <a:cxn ang="0">
                <a:pos x="89" y="281"/>
              </a:cxn>
              <a:cxn ang="0">
                <a:pos x="51" y="194"/>
              </a:cxn>
              <a:cxn ang="0">
                <a:pos x="45" y="186"/>
              </a:cxn>
              <a:cxn ang="0">
                <a:pos x="27" y="128"/>
              </a:cxn>
              <a:cxn ang="0">
                <a:pos x="128" y="27"/>
              </a:cxn>
              <a:cxn ang="0">
                <a:pos x="230" y="128"/>
              </a:cxn>
              <a:cxn ang="0">
                <a:pos x="207" y="192"/>
              </a:cxn>
              <a:cxn ang="0">
                <a:pos x="201" y="199"/>
              </a:cxn>
              <a:cxn ang="0">
                <a:pos x="169" y="275"/>
              </a:cxn>
              <a:cxn ang="0">
                <a:pos x="170" y="285"/>
              </a:cxn>
              <a:cxn ang="0">
                <a:pos x="170" y="297"/>
              </a:cxn>
              <a:cxn ang="0">
                <a:pos x="170" y="301"/>
              </a:cxn>
              <a:cxn ang="0">
                <a:pos x="166" y="301"/>
              </a:cxn>
              <a:cxn ang="0">
                <a:pos x="165" y="301"/>
              </a:cxn>
              <a:cxn ang="0">
                <a:pos x="155" y="301"/>
              </a:cxn>
              <a:cxn ang="0">
                <a:pos x="98" y="301"/>
              </a:cxn>
              <a:cxn ang="0">
                <a:pos x="69" y="310"/>
              </a:cxn>
              <a:cxn ang="0">
                <a:pos x="59" y="333"/>
              </a:cxn>
              <a:cxn ang="0">
                <a:pos x="94" y="367"/>
              </a:cxn>
              <a:cxn ang="0">
                <a:pos x="159" y="367"/>
              </a:cxn>
              <a:cxn ang="0">
                <a:pos x="170" y="370"/>
              </a:cxn>
              <a:cxn ang="0">
                <a:pos x="171" y="373"/>
              </a:cxn>
              <a:cxn ang="0">
                <a:pos x="162" y="380"/>
              </a:cxn>
              <a:cxn ang="0">
                <a:pos x="121" y="379"/>
              </a:cxn>
              <a:cxn ang="0">
                <a:pos x="66" y="400"/>
              </a:cxn>
              <a:cxn ang="0">
                <a:pos x="80" y="438"/>
              </a:cxn>
              <a:cxn ang="0">
                <a:pos x="133" y="449"/>
              </a:cxn>
              <a:cxn ang="0">
                <a:pos x="144" y="434"/>
              </a:cxn>
              <a:cxn ang="0">
                <a:pos x="128" y="423"/>
              </a:cxn>
              <a:cxn ang="0">
                <a:pos x="99" y="418"/>
              </a:cxn>
              <a:cxn ang="0">
                <a:pos x="93" y="408"/>
              </a:cxn>
              <a:cxn ang="0">
                <a:pos x="161" y="406"/>
              </a:cxn>
              <a:cxn ang="0">
                <a:pos x="162" y="406"/>
              </a:cxn>
              <a:cxn ang="0">
                <a:pos x="162" y="406"/>
              </a:cxn>
              <a:cxn ang="0">
                <a:pos x="198" y="373"/>
              </a:cxn>
              <a:cxn ang="0">
                <a:pos x="187" y="349"/>
              </a:cxn>
              <a:cxn ang="0">
                <a:pos x="159" y="340"/>
              </a:cxn>
              <a:cxn ang="0">
                <a:pos x="94" y="340"/>
              </a:cxn>
              <a:cxn ang="0">
                <a:pos x="85" y="333"/>
              </a:cxn>
              <a:cxn ang="0">
                <a:pos x="87" y="330"/>
              </a:cxn>
              <a:cxn ang="0">
                <a:pos x="98" y="328"/>
              </a:cxn>
              <a:cxn ang="0">
                <a:pos x="155" y="327"/>
              </a:cxn>
              <a:cxn ang="0">
                <a:pos x="162" y="327"/>
              </a:cxn>
              <a:cxn ang="0">
                <a:pos x="164" y="328"/>
              </a:cxn>
              <a:cxn ang="0">
                <a:pos x="189" y="322"/>
              </a:cxn>
              <a:cxn ang="0">
                <a:pos x="196" y="283"/>
              </a:cxn>
              <a:cxn ang="0">
                <a:pos x="222" y="216"/>
              </a:cxn>
              <a:cxn ang="0">
                <a:pos x="228" y="209"/>
              </a:cxn>
              <a:cxn ang="0">
                <a:pos x="256" y="128"/>
              </a:cxn>
              <a:cxn ang="0">
                <a:pos x="128" y="0"/>
              </a:cxn>
              <a:cxn ang="0">
                <a:pos x="0" y="128"/>
              </a:cxn>
            </a:cxnLst>
            <a:rect l="0" t="0" r="r" b="b"/>
            <a:pathLst>
              <a:path w="256" h="454">
                <a:moveTo>
                  <a:pt x="0" y="128"/>
                </a:moveTo>
                <a:cubicBezTo>
                  <a:pt x="0" y="154"/>
                  <a:pt x="8" y="180"/>
                  <a:pt x="23" y="202"/>
                </a:cubicBezTo>
                <a:cubicBezTo>
                  <a:pt x="24" y="202"/>
                  <a:pt x="24" y="202"/>
                  <a:pt x="24" y="202"/>
                </a:cubicBezTo>
                <a:cubicBezTo>
                  <a:pt x="32" y="212"/>
                  <a:pt x="32" y="212"/>
                  <a:pt x="32" y="212"/>
                </a:cubicBezTo>
                <a:cubicBezTo>
                  <a:pt x="32" y="213"/>
                  <a:pt x="32" y="213"/>
                  <a:pt x="32" y="213"/>
                </a:cubicBezTo>
                <a:cubicBezTo>
                  <a:pt x="54" y="232"/>
                  <a:pt x="60" y="266"/>
                  <a:pt x="62" y="284"/>
                </a:cubicBezTo>
                <a:cubicBezTo>
                  <a:pt x="63" y="291"/>
                  <a:pt x="69" y="297"/>
                  <a:pt x="77" y="296"/>
                </a:cubicBezTo>
                <a:cubicBezTo>
                  <a:pt x="84" y="295"/>
                  <a:pt x="89" y="290"/>
                  <a:pt x="89" y="283"/>
                </a:cubicBezTo>
                <a:cubicBezTo>
                  <a:pt x="89" y="282"/>
                  <a:pt x="89" y="282"/>
                  <a:pt x="89" y="281"/>
                </a:cubicBezTo>
                <a:cubicBezTo>
                  <a:pt x="86" y="255"/>
                  <a:pt x="77" y="218"/>
                  <a:pt x="51" y="194"/>
                </a:cubicBezTo>
                <a:cubicBezTo>
                  <a:pt x="51" y="193"/>
                  <a:pt x="46" y="187"/>
                  <a:pt x="45" y="186"/>
                </a:cubicBezTo>
                <a:cubicBezTo>
                  <a:pt x="33" y="169"/>
                  <a:pt x="27" y="149"/>
                  <a:pt x="27" y="128"/>
                </a:cubicBezTo>
                <a:cubicBezTo>
                  <a:pt x="27" y="72"/>
                  <a:pt x="72" y="27"/>
                  <a:pt x="128" y="27"/>
                </a:cubicBezTo>
                <a:cubicBezTo>
                  <a:pt x="184" y="27"/>
                  <a:pt x="230" y="72"/>
                  <a:pt x="230" y="128"/>
                </a:cubicBezTo>
                <a:cubicBezTo>
                  <a:pt x="230" y="151"/>
                  <a:pt x="216" y="180"/>
                  <a:pt x="207" y="192"/>
                </a:cubicBezTo>
                <a:cubicBezTo>
                  <a:pt x="201" y="199"/>
                  <a:pt x="201" y="199"/>
                  <a:pt x="201" y="199"/>
                </a:cubicBezTo>
                <a:cubicBezTo>
                  <a:pt x="186" y="217"/>
                  <a:pt x="169" y="237"/>
                  <a:pt x="169" y="275"/>
                </a:cubicBezTo>
                <a:cubicBezTo>
                  <a:pt x="169" y="278"/>
                  <a:pt x="170" y="281"/>
                  <a:pt x="170" y="285"/>
                </a:cubicBezTo>
                <a:cubicBezTo>
                  <a:pt x="170" y="290"/>
                  <a:pt x="170" y="294"/>
                  <a:pt x="170" y="297"/>
                </a:cubicBezTo>
                <a:cubicBezTo>
                  <a:pt x="170" y="299"/>
                  <a:pt x="170" y="300"/>
                  <a:pt x="170" y="301"/>
                </a:cubicBezTo>
                <a:cubicBezTo>
                  <a:pt x="169" y="301"/>
                  <a:pt x="168" y="301"/>
                  <a:pt x="166" y="301"/>
                </a:cubicBezTo>
                <a:cubicBezTo>
                  <a:pt x="165" y="301"/>
                  <a:pt x="165" y="301"/>
                  <a:pt x="165" y="301"/>
                </a:cubicBezTo>
                <a:cubicBezTo>
                  <a:pt x="162" y="301"/>
                  <a:pt x="162" y="301"/>
                  <a:pt x="155" y="301"/>
                </a:cubicBezTo>
                <a:cubicBezTo>
                  <a:pt x="98" y="301"/>
                  <a:pt x="98" y="301"/>
                  <a:pt x="98" y="301"/>
                </a:cubicBezTo>
                <a:cubicBezTo>
                  <a:pt x="83" y="301"/>
                  <a:pt x="74" y="306"/>
                  <a:pt x="69" y="310"/>
                </a:cubicBezTo>
                <a:cubicBezTo>
                  <a:pt x="62" y="316"/>
                  <a:pt x="59" y="324"/>
                  <a:pt x="59" y="333"/>
                </a:cubicBezTo>
                <a:cubicBezTo>
                  <a:pt x="59" y="350"/>
                  <a:pt x="72" y="367"/>
                  <a:pt x="94" y="367"/>
                </a:cubicBezTo>
                <a:cubicBezTo>
                  <a:pt x="159" y="367"/>
                  <a:pt x="159" y="367"/>
                  <a:pt x="159" y="367"/>
                </a:cubicBezTo>
                <a:cubicBezTo>
                  <a:pt x="164" y="367"/>
                  <a:pt x="168" y="368"/>
                  <a:pt x="170" y="370"/>
                </a:cubicBezTo>
                <a:cubicBezTo>
                  <a:pt x="171" y="371"/>
                  <a:pt x="171" y="372"/>
                  <a:pt x="171" y="373"/>
                </a:cubicBezTo>
                <a:cubicBezTo>
                  <a:pt x="171" y="376"/>
                  <a:pt x="169" y="379"/>
                  <a:pt x="162" y="380"/>
                </a:cubicBezTo>
                <a:cubicBezTo>
                  <a:pt x="159" y="379"/>
                  <a:pt x="140" y="378"/>
                  <a:pt x="121" y="379"/>
                </a:cubicBezTo>
                <a:cubicBezTo>
                  <a:pt x="90" y="379"/>
                  <a:pt x="68" y="383"/>
                  <a:pt x="66" y="400"/>
                </a:cubicBezTo>
                <a:cubicBezTo>
                  <a:pt x="65" y="411"/>
                  <a:pt x="68" y="426"/>
                  <a:pt x="80" y="438"/>
                </a:cubicBezTo>
                <a:cubicBezTo>
                  <a:pt x="89" y="446"/>
                  <a:pt x="105" y="454"/>
                  <a:pt x="133" y="449"/>
                </a:cubicBezTo>
                <a:cubicBezTo>
                  <a:pt x="140" y="448"/>
                  <a:pt x="145" y="441"/>
                  <a:pt x="144" y="434"/>
                </a:cubicBezTo>
                <a:cubicBezTo>
                  <a:pt x="143" y="427"/>
                  <a:pt x="136" y="422"/>
                  <a:pt x="128" y="423"/>
                </a:cubicBezTo>
                <a:cubicBezTo>
                  <a:pt x="115" y="425"/>
                  <a:pt x="105" y="424"/>
                  <a:pt x="99" y="418"/>
                </a:cubicBezTo>
                <a:cubicBezTo>
                  <a:pt x="95" y="415"/>
                  <a:pt x="94" y="411"/>
                  <a:pt x="93" y="408"/>
                </a:cubicBezTo>
                <a:cubicBezTo>
                  <a:pt x="104" y="405"/>
                  <a:pt x="133" y="404"/>
                  <a:pt x="161" y="406"/>
                </a:cubicBezTo>
                <a:cubicBezTo>
                  <a:pt x="162" y="406"/>
                  <a:pt x="162" y="406"/>
                  <a:pt x="162" y="406"/>
                </a:cubicBezTo>
                <a:cubicBezTo>
                  <a:pt x="162" y="406"/>
                  <a:pt x="162" y="406"/>
                  <a:pt x="162" y="406"/>
                </a:cubicBezTo>
                <a:cubicBezTo>
                  <a:pt x="184" y="406"/>
                  <a:pt x="198" y="389"/>
                  <a:pt x="198" y="373"/>
                </a:cubicBezTo>
                <a:cubicBezTo>
                  <a:pt x="198" y="364"/>
                  <a:pt x="194" y="355"/>
                  <a:pt x="187" y="349"/>
                </a:cubicBezTo>
                <a:cubicBezTo>
                  <a:pt x="182" y="345"/>
                  <a:pt x="173" y="340"/>
                  <a:pt x="159" y="340"/>
                </a:cubicBezTo>
                <a:cubicBezTo>
                  <a:pt x="94" y="340"/>
                  <a:pt x="94" y="340"/>
                  <a:pt x="94" y="340"/>
                </a:cubicBezTo>
                <a:cubicBezTo>
                  <a:pt x="88" y="340"/>
                  <a:pt x="85" y="336"/>
                  <a:pt x="85" y="333"/>
                </a:cubicBezTo>
                <a:cubicBezTo>
                  <a:pt x="85" y="332"/>
                  <a:pt x="86" y="331"/>
                  <a:pt x="87" y="330"/>
                </a:cubicBezTo>
                <a:cubicBezTo>
                  <a:pt x="89" y="329"/>
                  <a:pt x="93" y="328"/>
                  <a:pt x="98" y="328"/>
                </a:cubicBezTo>
                <a:cubicBezTo>
                  <a:pt x="155" y="327"/>
                  <a:pt x="155" y="327"/>
                  <a:pt x="155" y="327"/>
                </a:cubicBezTo>
                <a:cubicBezTo>
                  <a:pt x="161" y="327"/>
                  <a:pt x="161" y="327"/>
                  <a:pt x="162" y="327"/>
                </a:cubicBezTo>
                <a:cubicBezTo>
                  <a:pt x="164" y="328"/>
                  <a:pt x="164" y="328"/>
                  <a:pt x="164" y="328"/>
                </a:cubicBezTo>
                <a:cubicBezTo>
                  <a:pt x="173" y="329"/>
                  <a:pt x="182" y="329"/>
                  <a:pt x="189" y="322"/>
                </a:cubicBezTo>
                <a:cubicBezTo>
                  <a:pt x="197" y="315"/>
                  <a:pt x="198" y="303"/>
                  <a:pt x="196" y="283"/>
                </a:cubicBezTo>
                <a:cubicBezTo>
                  <a:pt x="194" y="249"/>
                  <a:pt x="206" y="235"/>
                  <a:pt x="222" y="216"/>
                </a:cubicBezTo>
                <a:cubicBezTo>
                  <a:pt x="228" y="209"/>
                  <a:pt x="228" y="209"/>
                  <a:pt x="228" y="209"/>
                </a:cubicBezTo>
                <a:cubicBezTo>
                  <a:pt x="239" y="195"/>
                  <a:pt x="256" y="159"/>
                  <a:pt x="256" y="128"/>
                </a:cubicBezTo>
                <a:cubicBezTo>
                  <a:pt x="256" y="57"/>
                  <a:pt x="199" y="0"/>
                  <a:pt x="128" y="0"/>
                </a:cubicBezTo>
                <a:cubicBezTo>
                  <a:pt x="58" y="0"/>
                  <a:pt x="0" y="57"/>
                  <a:pt x="0" y="128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2" name="Freeform 152"/>
          <p:cNvSpPr>
            <a:spLocks noChangeAspect="1"/>
          </p:cNvSpPr>
          <p:nvPr userDrawn="1"/>
        </p:nvSpPr>
        <p:spPr bwMode="auto">
          <a:xfrm>
            <a:off x="7471865" y="4723069"/>
            <a:ext cx="586683" cy="351304"/>
          </a:xfrm>
          <a:custGeom>
            <a:avLst/>
            <a:gdLst/>
            <a:ahLst/>
            <a:cxnLst>
              <a:cxn ang="0">
                <a:pos x="230" y="1"/>
              </a:cxn>
              <a:cxn ang="0">
                <a:pos x="218" y="11"/>
              </a:cxn>
              <a:cxn ang="0">
                <a:pos x="169" y="208"/>
              </a:cxn>
              <a:cxn ang="0">
                <a:pos x="118" y="25"/>
              </a:cxn>
              <a:cxn ang="0">
                <a:pos x="105" y="15"/>
              </a:cxn>
              <a:cxn ang="0">
                <a:pos x="92" y="26"/>
              </a:cxn>
              <a:cxn ang="0">
                <a:pos x="65" y="188"/>
              </a:cxn>
              <a:cxn ang="0">
                <a:pos x="60" y="178"/>
              </a:cxn>
              <a:cxn ang="0">
                <a:pos x="11" y="116"/>
              </a:cxn>
              <a:cxn ang="0">
                <a:pos x="0" y="129"/>
              </a:cxn>
              <a:cxn ang="0">
                <a:pos x="1" y="132"/>
              </a:cxn>
              <a:cxn ang="0">
                <a:pos x="11" y="142"/>
              </a:cxn>
              <a:cxn ang="0">
                <a:pos x="57" y="244"/>
              </a:cxn>
              <a:cxn ang="0">
                <a:pos x="70" y="253"/>
              </a:cxn>
              <a:cxn ang="0">
                <a:pos x="83" y="242"/>
              </a:cxn>
              <a:cxn ang="0">
                <a:pos x="108" y="90"/>
              </a:cxn>
              <a:cxn ang="0">
                <a:pos x="124" y="147"/>
              </a:cxn>
              <a:cxn ang="0">
                <a:pos x="146" y="226"/>
              </a:cxn>
              <a:cxn ang="0">
                <a:pos x="154" y="252"/>
              </a:cxn>
              <a:cxn ang="0">
                <a:pos x="156" y="260"/>
              </a:cxn>
              <a:cxn ang="0">
                <a:pos x="170" y="272"/>
              </a:cxn>
              <a:cxn ang="0">
                <a:pos x="183" y="262"/>
              </a:cxn>
              <a:cxn ang="0">
                <a:pos x="234" y="58"/>
              </a:cxn>
              <a:cxn ang="0">
                <a:pos x="265" y="139"/>
              </a:cxn>
              <a:cxn ang="0">
                <a:pos x="277" y="147"/>
              </a:cxn>
              <a:cxn ang="0">
                <a:pos x="441" y="147"/>
              </a:cxn>
              <a:cxn ang="0">
                <a:pos x="454" y="134"/>
              </a:cxn>
              <a:cxn ang="0">
                <a:pos x="441" y="121"/>
              </a:cxn>
              <a:cxn ang="0">
                <a:pos x="286" y="121"/>
              </a:cxn>
              <a:cxn ang="0">
                <a:pos x="244" y="9"/>
              </a:cxn>
              <a:cxn ang="0">
                <a:pos x="230" y="1"/>
              </a:cxn>
            </a:cxnLst>
            <a:rect l="0" t="0" r="r" b="b"/>
            <a:pathLst>
              <a:path w="454" h="272">
                <a:moveTo>
                  <a:pt x="230" y="1"/>
                </a:moveTo>
                <a:cubicBezTo>
                  <a:pt x="224" y="1"/>
                  <a:pt x="220" y="5"/>
                  <a:pt x="218" y="11"/>
                </a:cubicBezTo>
                <a:cubicBezTo>
                  <a:pt x="218" y="11"/>
                  <a:pt x="184" y="146"/>
                  <a:pt x="169" y="208"/>
                </a:cubicBezTo>
                <a:cubicBezTo>
                  <a:pt x="155" y="159"/>
                  <a:pt x="134" y="82"/>
                  <a:pt x="118" y="25"/>
                </a:cubicBezTo>
                <a:cubicBezTo>
                  <a:pt x="116" y="18"/>
                  <a:pt x="111" y="14"/>
                  <a:pt x="105" y="15"/>
                </a:cubicBezTo>
                <a:cubicBezTo>
                  <a:pt x="98" y="15"/>
                  <a:pt x="93" y="20"/>
                  <a:pt x="92" y="26"/>
                </a:cubicBezTo>
                <a:cubicBezTo>
                  <a:pt x="92" y="26"/>
                  <a:pt x="74" y="131"/>
                  <a:pt x="65" y="188"/>
                </a:cubicBezTo>
                <a:cubicBezTo>
                  <a:pt x="63" y="185"/>
                  <a:pt x="62" y="181"/>
                  <a:pt x="60" y="178"/>
                </a:cubicBezTo>
                <a:cubicBezTo>
                  <a:pt x="40" y="129"/>
                  <a:pt x="27" y="113"/>
                  <a:pt x="11" y="116"/>
                </a:cubicBezTo>
                <a:cubicBezTo>
                  <a:pt x="5" y="117"/>
                  <a:pt x="0" y="123"/>
                  <a:pt x="0" y="129"/>
                </a:cubicBezTo>
                <a:cubicBezTo>
                  <a:pt x="0" y="130"/>
                  <a:pt x="0" y="131"/>
                  <a:pt x="1" y="132"/>
                </a:cubicBezTo>
                <a:cubicBezTo>
                  <a:pt x="2" y="137"/>
                  <a:pt x="6" y="141"/>
                  <a:pt x="11" y="142"/>
                </a:cubicBezTo>
                <a:cubicBezTo>
                  <a:pt x="20" y="151"/>
                  <a:pt x="40" y="196"/>
                  <a:pt x="57" y="244"/>
                </a:cubicBezTo>
                <a:cubicBezTo>
                  <a:pt x="59" y="250"/>
                  <a:pt x="64" y="253"/>
                  <a:pt x="70" y="253"/>
                </a:cubicBezTo>
                <a:cubicBezTo>
                  <a:pt x="77" y="252"/>
                  <a:pt x="82" y="248"/>
                  <a:pt x="83" y="242"/>
                </a:cubicBezTo>
                <a:cubicBezTo>
                  <a:pt x="83" y="242"/>
                  <a:pt x="98" y="151"/>
                  <a:pt x="108" y="90"/>
                </a:cubicBezTo>
                <a:cubicBezTo>
                  <a:pt x="116" y="118"/>
                  <a:pt x="124" y="147"/>
                  <a:pt x="124" y="147"/>
                </a:cubicBezTo>
                <a:cubicBezTo>
                  <a:pt x="146" y="226"/>
                  <a:pt x="146" y="226"/>
                  <a:pt x="146" y="226"/>
                </a:cubicBezTo>
                <a:cubicBezTo>
                  <a:pt x="154" y="252"/>
                  <a:pt x="154" y="252"/>
                  <a:pt x="154" y="252"/>
                </a:cubicBezTo>
                <a:cubicBezTo>
                  <a:pt x="156" y="260"/>
                  <a:pt x="156" y="260"/>
                  <a:pt x="156" y="260"/>
                </a:cubicBezTo>
                <a:cubicBezTo>
                  <a:pt x="157" y="263"/>
                  <a:pt x="160" y="272"/>
                  <a:pt x="170" y="272"/>
                </a:cubicBezTo>
                <a:cubicBezTo>
                  <a:pt x="176" y="272"/>
                  <a:pt x="181" y="268"/>
                  <a:pt x="183" y="262"/>
                </a:cubicBezTo>
                <a:cubicBezTo>
                  <a:pt x="183" y="262"/>
                  <a:pt x="219" y="115"/>
                  <a:pt x="234" y="58"/>
                </a:cubicBezTo>
                <a:cubicBezTo>
                  <a:pt x="247" y="94"/>
                  <a:pt x="265" y="139"/>
                  <a:pt x="265" y="139"/>
                </a:cubicBezTo>
                <a:cubicBezTo>
                  <a:pt x="267" y="144"/>
                  <a:pt x="272" y="147"/>
                  <a:pt x="277" y="147"/>
                </a:cubicBezTo>
                <a:cubicBezTo>
                  <a:pt x="441" y="147"/>
                  <a:pt x="441" y="147"/>
                  <a:pt x="441" y="147"/>
                </a:cubicBezTo>
                <a:cubicBezTo>
                  <a:pt x="448" y="147"/>
                  <a:pt x="454" y="141"/>
                  <a:pt x="454" y="134"/>
                </a:cubicBezTo>
                <a:cubicBezTo>
                  <a:pt x="454" y="127"/>
                  <a:pt x="448" y="121"/>
                  <a:pt x="441" y="121"/>
                </a:cubicBezTo>
                <a:cubicBezTo>
                  <a:pt x="441" y="121"/>
                  <a:pt x="303" y="121"/>
                  <a:pt x="286" y="121"/>
                </a:cubicBezTo>
                <a:cubicBezTo>
                  <a:pt x="281" y="106"/>
                  <a:pt x="244" y="9"/>
                  <a:pt x="244" y="9"/>
                </a:cubicBezTo>
                <a:cubicBezTo>
                  <a:pt x="241" y="4"/>
                  <a:pt x="236" y="0"/>
                  <a:pt x="230" y="1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3" name="Freeform 176"/>
          <p:cNvSpPr>
            <a:spLocks noChangeAspect="1"/>
          </p:cNvSpPr>
          <p:nvPr userDrawn="1"/>
        </p:nvSpPr>
        <p:spPr bwMode="auto">
          <a:xfrm>
            <a:off x="11346411" y="2195360"/>
            <a:ext cx="383945" cy="393192"/>
          </a:xfrm>
          <a:custGeom>
            <a:avLst/>
            <a:gdLst/>
            <a:ahLst/>
            <a:cxnLst>
              <a:cxn ang="0">
                <a:pos x="167" y="10"/>
              </a:cxn>
              <a:cxn ang="0">
                <a:pos x="159" y="23"/>
              </a:cxn>
              <a:cxn ang="0">
                <a:pos x="110" y="92"/>
              </a:cxn>
              <a:cxn ang="0">
                <a:pos x="58" y="71"/>
              </a:cxn>
              <a:cxn ang="0">
                <a:pos x="10" y="186"/>
              </a:cxn>
              <a:cxn ang="0">
                <a:pos x="77" y="196"/>
              </a:cxn>
              <a:cxn ang="0">
                <a:pos x="69" y="179"/>
              </a:cxn>
              <a:cxn ang="0">
                <a:pos x="69" y="98"/>
              </a:cxn>
              <a:cxn ang="0">
                <a:pos x="120" y="119"/>
              </a:cxn>
              <a:cxn ang="0">
                <a:pos x="192" y="72"/>
              </a:cxn>
              <a:cxn ang="0">
                <a:pos x="187" y="31"/>
              </a:cxn>
              <a:cxn ang="0">
                <a:pos x="262" y="71"/>
              </a:cxn>
              <a:cxn ang="0">
                <a:pos x="273" y="85"/>
              </a:cxn>
              <a:cxn ang="0">
                <a:pos x="341" y="125"/>
              </a:cxn>
              <a:cxn ang="0">
                <a:pos x="354" y="120"/>
              </a:cxn>
              <a:cxn ang="0">
                <a:pos x="421" y="165"/>
              </a:cxn>
              <a:cxn ang="0">
                <a:pos x="386" y="180"/>
              </a:cxn>
              <a:cxn ang="0">
                <a:pos x="378" y="193"/>
              </a:cxn>
              <a:cxn ang="0">
                <a:pos x="383" y="226"/>
              </a:cxn>
              <a:cxn ang="0">
                <a:pos x="377" y="274"/>
              </a:cxn>
              <a:cxn ang="0">
                <a:pos x="386" y="286"/>
              </a:cxn>
              <a:cxn ang="0">
                <a:pos x="407" y="335"/>
              </a:cxn>
              <a:cxn ang="0">
                <a:pos x="372" y="358"/>
              </a:cxn>
              <a:cxn ang="0">
                <a:pos x="351" y="345"/>
              </a:cxn>
              <a:cxn ang="0">
                <a:pos x="330" y="348"/>
              </a:cxn>
              <a:cxn ang="0">
                <a:pos x="274" y="378"/>
              </a:cxn>
              <a:cxn ang="0">
                <a:pos x="263" y="383"/>
              </a:cxn>
              <a:cxn ang="0">
                <a:pos x="260" y="395"/>
              </a:cxn>
              <a:cxn ang="0">
                <a:pos x="227" y="435"/>
              </a:cxn>
              <a:cxn ang="0">
                <a:pos x="188" y="393"/>
              </a:cxn>
              <a:cxn ang="0">
                <a:pos x="175" y="379"/>
              </a:cxn>
              <a:cxn ang="0">
                <a:pos x="120" y="346"/>
              </a:cxn>
              <a:cxn ang="0">
                <a:pos x="111" y="341"/>
              </a:cxn>
              <a:cxn ang="0">
                <a:pos x="71" y="368"/>
              </a:cxn>
              <a:cxn ang="0">
                <a:pos x="147" y="244"/>
              </a:cxn>
              <a:cxn ang="0">
                <a:pos x="227" y="160"/>
              </a:cxn>
              <a:cxn ang="0">
                <a:pos x="227" y="304"/>
              </a:cxn>
              <a:cxn ang="0">
                <a:pos x="154" y="279"/>
              </a:cxn>
              <a:cxn ang="0">
                <a:pos x="227" y="330"/>
              </a:cxn>
              <a:cxn ang="0">
                <a:pos x="325" y="232"/>
              </a:cxn>
              <a:cxn ang="0">
                <a:pos x="128" y="223"/>
              </a:cxn>
              <a:cxn ang="0">
                <a:pos x="4" y="292"/>
              </a:cxn>
              <a:cxn ang="0">
                <a:pos x="63" y="397"/>
              </a:cxn>
              <a:cxn ang="0">
                <a:pos x="109" y="371"/>
              </a:cxn>
              <a:cxn ang="0">
                <a:pos x="161" y="402"/>
              </a:cxn>
              <a:cxn ang="0">
                <a:pos x="159" y="440"/>
              </a:cxn>
              <a:cxn ang="0">
                <a:pos x="194" y="459"/>
              </a:cxn>
              <a:cxn ang="0">
                <a:pos x="292" y="447"/>
              </a:cxn>
              <a:cxn ang="0">
                <a:pos x="295" y="440"/>
              </a:cxn>
              <a:cxn ang="0">
                <a:pos x="288" y="403"/>
              </a:cxn>
              <a:cxn ang="0">
                <a:pos x="344" y="372"/>
              </a:cxn>
              <a:cxn ang="0">
                <a:pos x="379" y="394"/>
              </a:cxn>
              <a:cxn ang="0">
                <a:pos x="429" y="350"/>
              </a:cxn>
              <a:cxn ang="0">
                <a:pos x="450" y="289"/>
              </a:cxn>
              <a:cxn ang="0">
                <a:pos x="406" y="265"/>
              </a:cxn>
              <a:cxn ang="0">
                <a:pos x="407" y="200"/>
              </a:cxn>
              <a:cxn ang="0">
                <a:pos x="443" y="184"/>
              </a:cxn>
              <a:cxn ang="0">
                <a:pos x="451" y="169"/>
              </a:cxn>
              <a:cxn ang="0">
                <a:pos x="377" y="70"/>
              </a:cxn>
              <a:cxn ang="0">
                <a:pos x="289" y="62"/>
              </a:cxn>
              <a:cxn ang="0">
                <a:pos x="291" y="19"/>
              </a:cxn>
              <a:cxn ang="0">
                <a:pos x="228" y="1"/>
              </a:cxn>
            </a:cxnLst>
            <a:rect l="0" t="0" r="r" b="b"/>
            <a:pathLst>
              <a:path w="451" h="462">
                <a:moveTo>
                  <a:pt x="228" y="1"/>
                </a:moveTo>
                <a:cubicBezTo>
                  <a:pt x="218" y="1"/>
                  <a:pt x="184" y="2"/>
                  <a:pt x="167" y="10"/>
                </a:cubicBezTo>
                <a:cubicBezTo>
                  <a:pt x="162" y="12"/>
                  <a:pt x="159" y="17"/>
                  <a:pt x="159" y="22"/>
                </a:cubicBezTo>
                <a:cubicBezTo>
                  <a:pt x="159" y="22"/>
                  <a:pt x="159" y="23"/>
                  <a:pt x="159" y="23"/>
                </a:cubicBezTo>
                <a:cubicBezTo>
                  <a:pt x="159" y="23"/>
                  <a:pt x="162" y="49"/>
                  <a:pt x="164" y="62"/>
                </a:cubicBezTo>
                <a:cubicBezTo>
                  <a:pt x="143" y="70"/>
                  <a:pt x="123" y="83"/>
                  <a:pt x="110" y="92"/>
                </a:cubicBezTo>
                <a:cubicBezTo>
                  <a:pt x="100" y="86"/>
                  <a:pt x="74" y="70"/>
                  <a:pt x="74" y="70"/>
                </a:cubicBezTo>
                <a:cubicBezTo>
                  <a:pt x="69" y="67"/>
                  <a:pt x="63" y="67"/>
                  <a:pt x="58" y="71"/>
                </a:cubicBezTo>
                <a:cubicBezTo>
                  <a:pt x="46" y="80"/>
                  <a:pt x="10" y="131"/>
                  <a:pt x="1" y="170"/>
                </a:cubicBezTo>
                <a:cubicBezTo>
                  <a:pt x="0" y="177"/>
                  <a:pt x="4" y="183"/>
                  <a:pt x="10" y="186"/>
                </a:cubicBezTo>
                <a:cubicBezTo>
                  <a:pt x="60" y="204"/>
                  <a:pt x="60" y="204"/>
                  <a:pt x="60" y="204"/>
                </a:cubicBezTo>
                <a:cubicBezTo>
                  <a:pt x="66" y="207"/>
                  <a:pt x="74" y="203"/>
                  <a:pt x="77" y="196"/>
                </a:cubicBezTo>
                <a:cubicBezTo>
                  <a:pt x="77" y="195"/>
                  <a:pt x="78" y="193"/>
                  <a:pt x="78" y="192"/>
                </a:cubicBezTo>
                <a:cubicBezTo>
                  <a:pt x="78" y="186"/>
                  <a:pt x="74" y="181"/>
                  <a:pt x="69" y="179"/>
                </a:cubicBezTo>
                <a:cubicBezTo>
                  <a:pt x="69" y="179"/>
                  <a:pt x="44" y="170"/>
                  <a:pt x="31" y="165"/>
                </a:cubicBezTo>
                <a:cubicBezTo>
                  <a:pt x="39" y="139"/>
                  <a:pt x="58" y="111"/>
                  <a:pt x="69" y="98"/>
                </a:cubicBezTo>
                <a:cubicBezTo>
                  <a:pt x="80" y="105"/>
                  <a:pt x="104" y="120"/>
                  <a:pt x="104" y="120"/>
                </a:cubicBezTo>
                <a:cubicBezTo>
                  <a:pt x="109" y="123"/>
                  <a:pt x="115" y="123"/>
                  <a:pt x="120" y="119"/>
                </a:cubicBezTo>
                <a:cubicBezTo>
                  <a:pt x="137" y="105"/>
                  <a:pt x="162" y="89"/>
                  <a:pt x="181" y="85"/>
                </a:cubicBezTo>
                <a:cubicBezTo>
                  <a:pt x="187" y="84"/>
                  <a:pt x="192" y="78"/>
                  <a:pt x="192" y="72"/>
                </a:cubicBezTo>
                <a:cubicBezTo>
                  <a:pt x="192" y="72"/>
                  <a:pt x="192" y="71"/>
                  <a:pt x="191" y="71"/>
                </a:cubicBezTo>
                <a:cubicBezTo>
                  <a:pt x="191" y="71"/>
                  <a:pt x="189" y="45"/>
                  <a:pt x="187" y="31"/>
                </a:cubicBezTo>
                <a:cubicBezTo>
                  <a:pt x="208" y="27"/>
                  <a:pt x="247" y="26"/>
                  <a:pt x="264" y="29"/>
                </a:cubicBezTo>
                <a:cubicBezTo>
                  <a:pt x="264" y="40"/>
                  <a:pt x="263" y="60"/>
                  <a:pt x="262" y="71"/>
                </a:cubicBezTo>
                <a:cubicBezTo>
                  <a:pt x="262" y="71"/>
                  <a:pt x="262" y="72"/>
                  <a:pt x="262" y="72"/>
                </a:cubicBezTo>
                <a:cubicBezTo>
                  <a:pt x="262" y="79"/>
                  <a:pt x="266" y="84"/>
                  <a:pt x="273" y="85"/>
                </a:cubicBezTo>
                <a:cubicBezTo>
                  <a:pt x="289" y="88"/>
                  <a:pt x="327" y="112"/>
                  <a:pt x="332" y="119"/>
                </a:cubicBezTo>
                <a:cubicBezTo>
                  <a:pt x="334" y="122"/>
                  <a:pt x="337" y="124"/>
                  <a:pt x="341" y="125"/>
                </a:cubicBezTo>
                <a:cubicBezTo>
                  <a:pt x="344" y="126"/>
                  <a:pt x="348" y="125"/>
                  <a:pt x="351" y="122"/>
                </a:cubicBezTo>
                <a:cubicBezTo>
                  <a:pt x="354" y="120"/>
                  <a:pt x="354" y="120"/>
                  <a:pt x="354" y="120"/>
                </a:cubicBezTo>
                <a:cubicBezTo>
                  <a:pt x="362" y="114"/>
                  <a:pt x="373" y="105"/>
                  <a:pt x="382" y="99"/>
                </a:cubicBezTo>
                <a:cubicBezTo>
                  <a:pt x="395" y="116"/>
                  <a:pt x="413" y="148"/>
                  <a:pt x="421" y="165"/>
                </a:cubicBezTo>
                <a:cubicBezTo>
                  <a:pt x="417" y="167"/>
                  <a:pt x="412" y="169"/>
                  <a:pt x="412" y="169"/>
                </a:cubicBezTo>
                <a:cubicBezTo>
                  <a:pt x="386" y="180"/>
                  <a:pt x="386" y="180"/>
                  <a:pt x="386" y="180"/>
                </a:cubicBezTo>
                <a:cubicBezTo>
                  <a:pt x="382" y="182"/>
                  <a:pt x="379" y="185"/>
                  <a:pt x="378" y="189"/>
                </a:cubicBezTo>
                <a:cubicBezTo>
                  <a:pt x="378" y="190"/>
                  <a:pt x="378" y="191"/>
                  <a:pt x="378" y="193"/>
                </a:cubicBezTo>
                <a:cubicBezTo>
                  <a:pt x="378" y="195"/>
                  <a:pt x="378" y="198"/>
                  <a:pt x="379" y="200"/>
                </a:cubicBezTo>
                <a:cubicBezTo>
                  <a:pt x="382" y="203"/>
                  <a:pt x="383" y="214"/>
                  <a:pt x="383" y="226"/>
                </a:cubicBezTo>
                <a:cubicBezTo>
                  <a:pt x="383" y="243"/>
                  <a:pt x="381" y="262"/>
                  <a:pt x="378" y="268"/>
                </a:cubicBezTo>
                <a:cubicBezTo>
                  <a:pt x="377" y="270"/>
                  <a:pt x="377" y="272"/>
                  <a:pt x="377" y="274"/>
                </a:cubicBezTo>
                <a:cubicBezTo>
                  <a:pt x="377" y="276"/>
                  <a:pt x="377" y="277"/>
                  <a:pt x="378" y="279"/>
                </a:cubicBezTo>
                <a:cubicBezTo>
                  <a:pt x="379" y="283"/>
                  <a:pt x="382" y="285"/>
                  <a:pt x="386" y="286"/>
                </a:cubicBezTo>
                <a:cubicBezTo>
                  <a:pt x="401" y="291"/>
                  <a:pt x="410" y="294"/>
                  <a:pt x="423" y="300"/>
                </a:cubicBezTo>
                <a:cubicBezTo>
                  <a:pt x="421" y="307"/>
                  <a:pt x="416" y="319"/>
                  <a:pt x="407" y="335"/>
                </a:cubicBezTo>
                <a:cubicBezTo>
                  <a:pt x="398" y="350"/>
                  <a:pt x="391" y="360"/>
                  <a:pt x="385" y="366"/>
                </a:cubicBezTo>
                <a:cubicBezTo>
                  <a:pt x="381" y="364"/>
                  <a:pt x="376" y="361"/>
                  <a:pt x="372" y="358"/>
                </a:cubicBezTo>
                <a:cubicBezTo>
                  <a:pt x="364" y="353"/>
                  <a:pt x="352" y="346"/>
                  <a:pt x="350" y="344"/>
                </a:cubicBezTo>
                <a:cubicBezTo>
                  <a:pt x="351" y="345"/>
                  <a:pt x="351" y="345"/>
                  <a:pt x="351" y="345"/>
                </a:cubicBezTo>
                <a:cubicBezTo>
                  <a:pt x="348" y="342"/>
                  <a:pt x="344" y="341"/>
                  <a:pt x="340" y="342"/>
                </a:cubicBezTo>
                <a:cubicBezTo>
                  <a:pt x="336" y="342"/>
                  <a:pt x="332" y="345"/>
                  <a:pt x="330" y="348"/>
                </a:cubicBezTo>
                <a:cubicBezTo>
                  <a:pt x="330" y="348"/>
                  <a:pt x="330" y="348"/>
                  <a:pt x="330" y="348"/>
                </a:cubicBezTo>
                <a:cubicBezTo>
                  <a:pt x="324" y="357"/>
                  <a:pt x="284" y="379"/>
                  <a:pt x="274" y="378"/>
                </a:cubicBezTo>
                <a:cubicBezTo>
                  <a:pt x="275" y="378"/>
                  <a:pt x="275" y="378"/>
                  <a:pt x="275" y="378"/>
                </a:cubicBezTo>
                <a:cubicBezTo>
                  <a:pt x="270" y="378"/>
                  <a:pt x="266" y="380"/>
                  <a:pt x="263" y="383"/>
                </a:cubicBezTo>
                <a:cubicBezTo>
                  <a:pt x="260" y="387"/>
                  <a:pt x="259" y="392"/>
                  <a:pt x="260" y="396"/>
                </a:cubicBezTo>
                <a:cubicBezTo>
                  <a:pt x="260" y="395"/>
                  <a:pt x="260" y="395"/>
                  <a:pt x="260" y="395"/>
                </a:cubicBezTo>
                <a:cubicBezTo>
                  <a:pt x="260" y="397"/>
                  <a:pt x="264" y="420"/>
                  <a:pt x="267" y="432"/>
                </a:cubicBezTo>
                <a:cubicBezTo>
                  <a:pt x="261" y="434"/>
                  <a:pt x="248" y="436"/>
                  <a:pt x="227" y="435"/>
                </a:cubicBezTo>
                <a:cubicBezTo>
                  <a:pt x="209" y="435"/>
                  <a:pt x="194" y="432"/>
                  <a:pt x="186" y="431"/>
                </a:cubicBezTo>
                <a:cubicBezTo>
                  <a:pt x="187" y="418"/>
                  <a:pt x="188" y="393"/>
                  <a:pt x="188" y="393"/>
                </a:cubicBezTo>
                <a:cubicBezTo>
                  <a:pt x="188" y="393"/>
                  <a:pt x="188" y="393"/>
                  <a:pt x="188" y="392"/>
                </a:cubicBezTo>
                <a:cubicBezTo>
                  <a:pt x="188" y="385"/>
                  <a:pt x="182" y="379"/>
                  <a:pt x="175" y="379"/>
                </a:cubicBezTo>
                <a:cubicBezTo>
                  <a:pt x="175" y="379"/>
                  <a:pt x="175" y="379"/>
                  <a:pt x="175" y="379"/>
                </a:cubicBezTo>
                <a:cubicBezTo>
                  <a:pt x="166" y="378"/>
                  <a:pt x="126" y="353"/>
                  <a:pt x="120" y="346"/>
                </a:cubicBezTo>
                <a:cubicBezTo>
                  <a:pt x="121" y="347"/>
                  <a:pt x="121" y="347"/>
                  <a:pt x="121" y="347"/>
                </a:cubicBezTo>
                <a:cubicBezTo>
                  <a:pt x="119" y="344"/>
                  <a:pt x="115" y="342"/>
                  <a:pt x="111" y="341"/>
                </a:cubicBezTo>
                <a:cubicBezTo>
                  <a:pt x="108" y="340"/>
                  <a:pt x="103" y="341"/>
                  <a:pt x="101" y="343"/>
                </a:cubicBezTo>
                <a:cubicBezTo>
                  <a:pt x="101" y="343"/>
                  <a:pt x="81" y="359"/>
                  <a:pt x="71" y="368"/>
                </a:cubicBezTo>
                <a:cubicBezTo>
                  <a:pt x="59" y="355"/>
                  <a:pt x="38" y="326"/>
                  <a:pt x="32" y="300"/>
                </a:cubicBezTo>
                <a:cubicBezTo>
                  <a:pt x="47" y="292"/>
                  <a:pt x="147" y="244"/>
                  <a:pt x="147" y="244"/>
                </a:cubicBezTo>
                <a:cubicBezTo>
                  <a:pt x="152" y="241"/>
                  <a:pt x="155" y="237"/>
                  <a:pt x="155" y="232"/>
                </a:cubicBezTo>
                <a:cubicBezTo>
                  <a:pt x="155" y="192"/>
                  <a:pt x="187" y="160"/>
                  <a:pt x="227" y="160"/>
                </a:cubicBezTo>
                <a:cubicBezTo>
                  <a:pt x="266" y="160"/>
                  <a:pt x="299" y="192"/>
                  <a:pt x="299" y="232"/>
                </a:cubicBezTo>
                <a:cubicBezTo>
                  <a:pt x="299" y="271"/>
                  <a:pt x="266" y="304"/>
                  <a:pt x="227" y="304"/>
                </a:cubicBezTo>
                <a:cubicBezTo>
                  <a:pt x="206" y="304"/>
                  <a:pt x="187" y="295"/>
                  <a:pt x="173" y="280"/>
                </a:cubicBezTo>
                <a:cubicBezTo>
                  <a:pt x="168" y="274"/>
                  <a:pt x="160" y="274"/>
                  <a:pt x="154" y="279"/>
                </a:cubicBezTo>
                <a:cubicBezTo>
                  <a:pt x="149" y="284"/>
                  <a:pt x="148" y="292"/>
                  <a:pt x="153" y="298"/>
                </a:cubicBezTo>
                <a:cubicBezTo>
                  <a:pt x="172" y="318"/>
                  <a:pt x="199" y="330"/>
                  <a:pt x="227" y="330"/>
                </a:cubicBezTo>
                <a:cubicBezTo>
                  <a:pt x="253" y="330"/>
                  <a:pt x="278" y="320"/>
                  <a:pt x="296" y="302"/>
                </a:cubicBezTo>
                <a:cubicBezTo>
                  <a:pt x="315" y="283"/>
                  <a:pt x="325" y="258"/>
                  <a:pt x="325" y="232"/>
                </a:cubicBezTo>
                <a:cubicBezTo>
                  <a:pt x="325" y="177"/>
                  <a:pt x="281" y="133"/>
                  <a:pt x="227" y="133"/>
                </a:cubicBezTo>
                <a:cubicBezTo>
                  <a:pt x="175" y="133"/>
                  <a:pt x="133" y="173"/>
                  <a:pt x="128" y="223"/>
                </a:cubicBezTo>
                <a:cubicBezTo>
                  <a:pt x="116" y="229"/>
                  <a:pt x="11" y="280"/>
                  <a:pt x="11" y="280"/>
                </a:cubicBezTo>
                <a:cubicBezTo>
                  <a:pt x="7" y="282"/>
                  <a:pt x="4" y="287"/>
                  <a:pt x="4" y="292"/>
                </a:cubicBezTo>
                <a:cubicBezTo>
                  <a:pt x="4" y="292"/>
                  <a:pt x="4" y="293"/>
                  <a:pt x="4" y="293"/>
                </a:cubicBezTo>
                <a:cubicBezTo>
                  <a:pt x="7" y="336"/>
                  <a:pt x="50" y="389"/>
                  <a:pt x="63" y="397"/>
                </a:cubicBezTo>
                <a:cubicBezTo>
                  <a:pt x="68" y="400"/>
                  <a:pt x="74" y="400"/>
                  <a:pt x="78" y="396"/>
                </a:cubicBezTo>
                <a:cubicBezTo>
                  <a:pt x="78" y="396"/>
                  <a:pt x="98" y="380"/>
                  <a:pt x="109" y="371"/>
                </a:cubicBezTo>
                <a:cubicBezTo>
                  <a:pt x="115" y="377"/>
                  <a:pt x="124" y="382"/>
                  <a:pt x="131" y="387"/>
                </a:cubicBezTo>
                <a:cubicBezTo>
                  <a:pt x="145" y="395"/>
                  <a:pt x="154" y="400"/>
                  <a:pt x="161" y="402"/>
                </a:cubicBezTo>
                <a:cubicBezTo>
                  <a:pt x="160" y="415"/>
                  <a:pt x="159" y="439"/>
                  <a:pt x="159" y="439"/>
                </a:cubicBezTo>
                <a:cubicBezTo>
                  <a:pt x="159" y="439"/>
                  <a:pt x="159" y="439"/>
                  <a:pt x="159" y="440"/>
                </a:cubicBezTo>
                <a:cubicBezTo>
                  <a:pt x="159" y="443"/>
                  <a:pt x="160" y="446"/>
                  <a:pt x="162" y="448"/>
                </a:cubicBezTo>
                <a:cubicBezTo>
                  <a:pt x="165" y="452"/>
                  <a:pt x="170" y="456"/>
                  <a:pt x="194" y="459"/>
                </a:cubicBezTo>
                <a:cubicBezTo>
                  <a:pt x="209" y="461"/>
                  <a:pt x="226" y="462"/>
                  <a:pt x="240" y="462"/>
                </a:cubicBezTo>
                <a:cubicBezTo>
                  <a:pt x="276" y="462"/>
                  <a:pt x="287" y="453"/>
                  <a:pt x="292" y="447"/>
                </a:cubicBezTo>
                <a:cubicBezTo>
                  <a:pt x="293" y="446"/>
                  <a:pt x="294" y="444"/>
                  <a:pt x="294" y="443"/>
                </a:cubicBezTo>
                <a:cubicBezTo>
                  <a:pt x="294" y="442"/>
                  <a:pt x="295" y="441"/>
                  <a:pt x="295" y="440"/>
                </a:cubicBezTo>
                <a:cubicBezTo>
                  <a:pt x="295" y="437"/>
                  <a:pt x="294" y="431"/>
                  <a:pt x="290" y="413"/>
                </a:cubicBezTo>
                <a:cubicBezTo>
                  <a:pt x="289" y="409"/>
                  <a:pt x="289" y="406"/>
                  <a:pt x="288" y="403"/>
                </a:cubicBezTo>
                <a:cubicBezTo>
                  <a:pt x="296" y="400"/>
                  <a:pt x="306" y="396"/>
                  <a:pt x="317" y="390"/>
                </a:cubicBezTo>
                <a:cubicBezTo>
                  <a:pt x="324" y="386"/>
                  <a:pt x="335" y="379"/>
                  <a:pt x="344" y="372"/>
                </a:cubicBezTo>
                <a:cubicBezTo>
                  <a:pt x="347" y="374"/>
                  <a:pt x="352" y="377"/>
                  <a:pt x="358" y="381"/>
                </a:cubicBezTo>
                <a:cubicBezTo>
                  <a:pt x="366" y="386"/>
                  <a:pt x="375" y="391"/>
                  <a:pt x="379" y="394"/>
                </a:cubicBezTo>
                <a:cubicBezTo>
                  <a:pt x="384" y="397"/>
                  <a:pt x="389" y="397"/>
                  <a:pt x="393" y="395"/>
                </a:cubicBezTo>
                <a:cubicBezTo>
                  <a:pt x="406" y="388"/>
                  <a:pt x="426" y="356"/>
                  <a:pt x="429" y="350"/>
                </a:cubicBezTo>
                <a:cubicBezTo>
                  <a:pt x="439" y="333"/>
                  <a:pt x="450" y="310"/>
                  <a:pt x="450" y="294"/>
                </a:cubicBezTo>
                <a:cubicBezTo>
                  <a:pt x="450" y="292"/>
                  <a:pt x="450" y="291"/>
                  <a:pt x="450" y="289"/>
                </a:cubicBezTo>
                <a:cubicBezTo>
                  <a:pt x="449" y="285"/>
                  <a:pt x="446" y="281"/>
                  <a:pt x="442" y="279"/>
                </a:cubicBezTo>
                <a:cubicBezTo>
                  <a:pt x="427" y="273"/>
                  <a:pt x="418" y="269"/>
                  <a:pt x="406" y="265"/>
                </a:cubicBezTo>
                <a:cubicBezTo>
                  <a:pt x="408" y="254"/>
                  <a:pt x="409" y="241"/>
                  <a:pt x="409" y="227"/>
                </a:cubicBezTo>
                <a:cubicBezTo>
                  <a:pt x="409" y="217"/>
                  <a:pt x="409" y="208"/>
                  <a:pt x="407" y="200"/>
                </a:cubicBezTo>
                <a:cubicBezTo>
                  <a:pt x="415" y="197"/>
                  <a:pt x="423" y="193"/>
                  <a:pt x="423" y="193"/>
                </a:cubicBezTo>
                <a:cubicBezTo>
                  <a:pt x="443" y="184"/>
                  <a:pt x="443" y="184"/>
                  <a:pt x="443" y="184"/>
                </a:cubicBezTo>
                <a:cubicBezTo>
                  <a:pt x="448" y="182"/>
                  <a:pt x="451" y="177"/>
                  <a:pt x="451" y="172"/>
                </a:cubicBezTo>
                <a:cubicBezTo>
                  <a:pt x="451" y="171"/>
                  <a:pt x="451" y="170"/>
                  <a:pt x="451" y="169"/>
                </a:cubicBezTo>
                <a:cubicBezTo>
                  <a:pt x="448" y="156"/>
                  <a:pt x="413" y="89"/>
                  <a:pt x="393" y="71"/>
                </a:cubicBezTo>
                <a:cubicBezTo>
                  <a:pt x="388" y="67"/>
                  <a:pt x="382" y="67"/>
                  <a:pt x="377" y="70"/>
                </a:cubicBezTo>
                <a:cubicBezTo>
                  <a:pt x="368" y="76"/>
                  <a:pt x="355" y="86"/>
                  <a:pt x="344" y="94"/>
                </a:cubicBezTo>
                <a:cubicBezTo>
                  <a:pt x="330" y="83"/>
                  <a:pt x="307" y="69"/>
                  <a:pt x="289" y="62"/>
                </a:cubicBezTo>
                <a:cubicBezTo>
                  <a:pt x="290" y="44"/>
                  <a:pt x="291" y="21"/>
                  <a:pt x="291" y="20"/>
                </a:cubicBezTo>
                <a:cubicBezTo>
                  <a:pt x="291" y="20"/>
                  <a:pt x="291" y="19"/>
                  <a:pt x="291" y="19"/>
                </a:cubicBezTo>
                <a:cubicBezTo>
                  <a:pt x="291" y="15"/>
                  <a:pt x="289" y="11"/>
                  <a:pt x="286" y="9"/>
                </a:cubicBezTo>
                <a:cubicBezTo>
                  <a:pt x="277" y="2"/>
                  <a:pt x="258" y="0"/>
                  <a:pt x="228" y="1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4" name="Freeform 140"/>
          <p:cNvSpPr>
            <a:spLocks noChangeAspect="1"/>
          </p:cNvSpPr>
          <p:nvPr userDrawn="1"/>
        </p:nvSpPr>
        <p:spPr bwMode="auto">
          <a:xfrm>
            <a:off x="10350368" y="3849421"/>
            <a:ext cx="393194" cy="393192"/>
          </a:xfrm>
          <a:custGeom>
            <a:avLst/>
            <a:gdLst/>
            <a:ahLst/>
            <a:cxnLst>
              <a:cxn ang="0">
                <a:pos x="199" y="26"/>
              </a:cxn>
              <a:cxn ang="0">
                <a:pos x="185" y="99"/>
              </a:cxn>
              <a:cxn ang="0">
                <a:pos x="100" y="80"/>
              </a:cxn>
              <a:cxn ang="0">
                <a:pos x="44" y="43"/>
              </a:cxn>
              <a:cxn ang="0">
                <a:pos x="18" y="52"/>
              </a:cxn>
              <a:cxn ang="0">
                <a:pos x="33" y="80"/>
              </a:cxn>
              <a:cxn ang="0">
                <a:pos x="105" y="171"/>
              </a:cxn>
              <a:cxn ang="0">
                <a:pos x="56" y="215"/>
              </a:cxn>
              <a:cxn ang="0">
                <a:pos x="0" y="244"/>
              </a:cxn>
              <a:cxn ang="0">
                <a:pos x="26" y="262"/>
              </a:cxn>
              <a:cxn ang="0">
                <a:pos x="98" y="275"/>
              </a:cxn>
              <a:cxn ang="0">
                <a:pos x="80" y="361"/>
              </a:cxn>
              <a:cxn ang="0">
                <a:pos x="43" y="417"/>
              </a:cxn>
              <a:cxn ang="0">
                <a:pos x="43" y="439"/>
              </a:cxn>
              <a:cxn ang="0">
                <a:pos x="80" y="427"/>
              </a:cxn>
              <a:cxn ang="0">
                <a:pos x="171" y="356"/>
              </a:cxn>
              <a:cxn ang="0">
                <a:pos x="215" y="404"/>
              </a:cxn>
              <a:cxn ang="0">
                <a:pos x="245" y="461"/>
              </a:cxn>
              <a:cxn ang="0">
                <a:pos x="269" y="401"/>
              </a:cxn>
              <a:cxn ang="0">
                <a:pos x="309" y="346"/>
              </a:cxn>
              <a:cxn ang="0">
                <a:pos x="402" y="408"/>
              </a:cxn>
              <a:cxn ang="0">
                <a:pos x="439" y="418"/>
              </a:cxn>
              <a:cxn ang="0">
                <a:pos x="427" y="381"/>
              </a:cxn>
              <a:cxn ang="0">
                <a:pos x="351" y="283"/>
              </a:cxn>
              <a:cxn ang="0">
                <a:pos x="327" y="292"/>
              </a:cxn>
              <a:cxn ang="0">
                <a:pos x="378" y="361"/>
              </a:cxn>
              <a:cxn ang="0">
                <a:pos x="301" y="319"/>
              </a:cxn>
              <a:cxn ang="0">
                <a:pos x="251" y="349"/>
              </a:cxn>
              <a:cxn ang="0">
                <a:pos x="228" y="351"/>
              </a:cxn>
              <a:cxn ang="0">
                <a:pos x="175" y="329"/>
              </a:cxn>
              <a:cxn ang="0">
                <a:pos x="100" y="378"/>
              </a:cxn>
              <a:cxn ang="0">
                <a:pos x="144" y="309"/>
              </a:cxn>
              <a:cxn ang="0">
                <a:pos x="122" y="261"/>
              </a:cxn>
              <a:cxn ang="0">
                <a:pos x="60" y="242"/>
              </a:cxn>
              <a:cxn ang="0">
                <a:pos x="120" y="216"/>
              </a:cxn>
              <a:cxn ang="0">
                <a:pos x="134" y="169"/>
              </a:cxn>
              <a:cxn ang="0">
                <a:pos x="82" y="100"/>
              </a:cxn>
              <a:cxn ang="0">
                <a:pos x="160" y="141"/>
              </a:cxn>
              <a:cxn ang="0">
                <a:pos x="210" y="112"/>
              </a:cxn>
              <a:cxn ang="0">
                <a:pos x="233" y="110"/>
              </a:cxn>
              <a:cxn ang="0">
                <a:pos x="285" y="132"/>
              </a:cxn>
              <a:cxn ang="0">
                <a:pos x="361" y="82"/>
              </a:cxn>
              <a:cxn ang="0">
                <a:pos x="316" y="152"/>
              </a:cxn>
              <a:cxn ang="0">
                <a:pos x="338" y="200"/>
              </a:cxn>
              <a:cxn ang="0">
                <a:pos x="401" y="219"/>
              </a:cxn>
              <a:cxn ang="0">
                <a:pos x="341" y="246"/>
              </a:cxn>
              <a:cxn ang="0">
                <a:pos x="357" y="259"/>
              </a:cxn>
              <a:cxn ang="0">
                <a:pos x="437" y="236"/>
              </a:cxn>
              <a:cxn ang="0">
                <a:pos x="461" y="216"/>
              </a:cxn>
              <a:cxn ang="0">
                <a:pos x="401" y="192"/>
              </a:cxn>
              <a:cxn ang="0">
                <a:pos x="346" y="151"/>
              </a:cxn>
              <a:cxn ang="0">
                <a:pos x="408" y="59"/>
              </a:cxn>
              <a:cxn ang="0">
                <a:pos x="422" y="31"/>
              </a:cxn>
              <a:cxn ang="0">
                <a:pos x="395" y="23"/>
              </a:cxn>
              <a:cxn ang="0">
                <a:pos x="341" y="64"/>
              </a:cxn>
              <a:cxn ang="0">
                <a:pos x="256" y="95"/>
              </a:cxn>
              <a:cxn ang="0">
                <a:pos x="236" y="24"/>
              </a:cxn>
            </a:cxnLst>
            <a:rect l="0" t="0" r="r" b="b"/>
            <a:pathLst>
              <a:path w="461" h="461">
                <a:moveTo>
                  <a:pt x="216" y="0"/>
                </a:moveTo>
                <a:cubicBezTo>
                  <a:pt x="204" y="1"/>
                  <a:pt x="202" y="12"/>
                  <a:pt x="199" y="26"/>
                </a:cubicBezTo>
                <a:cubicBezTo>
                  <a:pt x="197" y="34"/>
                  <a:pt x="194" y="45"/>
                  <a:pt x="192" y="59"/>
                </a:cubicBezTo>
                <a:cubicBezTo>
                  <a:pt x="189" y="74"/>
                  <a:pt x="187" y="90"/>
                  <a:pt x="185" y="99"/>
                </a:cubicBezTo>
                <a:cubicBezTo>
                  <a:pt x="173" y="103"/>
                  <a:pt x="162" y="108"/>
                  <a:pt x="151" y="115"/>
                </a:cubicBezTo>
                <a:cubicBezTo>
                  <a:pt x="141" y="107"/>
                  <a:pt x="120" y="93"/>
                  <a:pt x="100" y="80"/>
                </a:cubicBezTo>
                <a:cubicBezTo>
                  <a:pt x="83" y="68"/>
                  <a:pt x="69" y="59"/>
                  <a:pt x="59" y="52"/>
                </a:cubicBezTo>
                <a:cubicBezTo>
                  <a:pt x="52" y="48"/>
                  <a:pt x="48" y="45"/>
                  <a:pt x="44" y="43"/>
                </a:cubicBezTo>
                <a:cubicBezTo>
                  <a:pt x="39" y="41"/>
                  <a:pt x="30" y="35"/>
                  <a:pt x="22" y="43"/>
                </a:cubicBezTo>
                <a:cubicBezTo>
                  <a:pt x="19" y="46"/>
                  <a:pt x="18" y="49"/>
                  <a:pt x="18" y="52"/>
                </a:cubicBezTo>
                <a:cubicBezTo>
                  <a:pt x="18" y="58"/>
                  <a:pt x="21" y="63"/>
                  <a:pt x="23" y="66"/>
                </a:cubicBezTo>
                <a:cubicBezTo>
                  <a:pt x="26" y="69"/>
                  <a:pt x="29" y="74"/>
                  <a:pt x="33" y="80"/>
                </a:cubicBezTo>
                <a:cubicBezTo>
                  <a:pt x="41" y="90"/>
                  <a:pt x="51" y="103"/>
                  <a:pt x="64" y="120"/>
                </a:cubicBezTo>
                <a:cubicBezTo>
                  <a:pt x="80" y="140"/>
                  <a:pt x="97" y="161"/>
                  <a:pt x="105" y="171"/>
                </a:cubicBezTo>
                <a:cubicBezTo>
                  <a:pt x="100" y="181"/>
                  <a:pt x="97" y="193"/>
                  <a:pt x="95" y="204"/>
                </a:cubicBezTo>
                <a:cubicBezTo>
                  <a:pt x="86" y="207"/>
                  <a:pt x="71" y="211"/>
                  <a:pt x="56" y="215"/>
                </a:cubicBezTo>
                <a:cubicBezTo>
                  <a:pt x="43" y="219"/>
                  <a:pt x="32" y="222"/>
                  <a:pt x="24" y="225"/>
                </a:cubicBezTo>
                <a:cubicBezTo>
                  <a:pt x="12" y="229"/>
                  <a:pt x="0" y="233"/>
                  <a:pt x="0" y="244"/>
                </a:cubicBezTo>
                <a:cubicBezTo>
                  <a:pt x="0" y="244"/>
                  <a:pt x="0" y="245"/>
                  <a:pt x="0" y="245"/>
                </a:cubicBezTo>
                <a:cubicBezTo>
                  <a:pt x="1" y="257"/>
                  <a:pt x="12" y="259"/>
                  <a:pt x="26" y="262"/>
                </a:cubicBezTo>
                <a:cubicBezTo>
                  <a:pt x="34" y="264"/>
                  <a:pt x="45" y="266"/>
                  <a:pt x="59" y="269"/>
                </a:cubicBezTo>
                <a:cubicBezTo>
                  <a:pt x="74" y="271"/>
                  <a:pt x="89" y="274"/>
                  <a:pt x="98" y="275"/>
                </a:cubicBezTo>
                <a:cubicBezTo>
                  <a:pt x="102" y="287"/>
                  <a:pt x="108" y="299"/>
                  <a:pt x="115" y="309"/>
                </a:cubicBezTo>
                <a:cubicBezTo>
                  <a:pt x="107" y="320"/>
                  <a:pt x="93" y="340"/>
                  <a:pt x="80" y="361"/>
                </a:cubicBezTo>
                <a:cubicBezTo>
                  <a:pt x="68" y="378"/>
                  <a:pt x="59" y="392"/>
                  <a:pt x="52" y="402"/>
                </a:cubicBezTo>
                <a:cubicBezTo>
                  <a:pt x="48" y="408"/>
                  <a:pt x="45" y="413"/>
                  <a:pt x="43" y="417"/>
                </a:cubicBezTo>
                <a:cubicBezTo>
                  <a:pt x="42" y="420"/>
                  <a:pt x="39" y="424"/>
                  <a:pt x="39" y="429"/>
                </a:cubicBezTo>
                <a:cubicBezTo>
                  <a:pt x="39" y="432"/>
                  <a:pt x="40" y="436"/>
                  <a:pt x="43" y="439"/>
                </a:cubicBezTo>
                <a:cubicBezTo>
                  <a:pt x="51" y="447"/>
                  <a:pt x="61" y="440"/>
                  <a:pt x="66" y="437"/>
                </a:cubicBezTo>
                <a:cubicBezTo>
                  <a:pt x="69" y="435"/>
                  <a:pt x="74" y="432"/>
                  <a:pt x="80" y="427"/>
                </a:cubicBezTo>
                <a:cubicBezTo>
                  <a:pt x="90" y="420"/>
                  <a:pt x="103" y="410"/>
                  <a:pt x="120" y="396"/>
                </a:cubicBezTo>
                <a:cubicBezTo>
                  <a:pt x="140" y="380"/>
                  <a:pt x="161" y="364"/>
                  <a:pt x="171" y="356"/>
                </a:cubicBezTo>
                <a:cubicBezTo>
                  <a:pt x="181" y="361"/>
                  <a:pt x="193" y="364"/>
                  <a:pt x="204" y="366"/>
                </a:cubicBezTo>
                <a:cubicBezTo>
                  <a:pt x="207" y="375"/>
                  <a:pt x="211" y="390"/>
                  <a:pt x="215" y="404"/>
                </a:cubicBezTo>
                <a:cubicBezTo>
                  <a:pt x="219" y="418"/>
                  <a:pt x="222" y="429"/>
                  <a:pt x="225" y="437"/>
                </a:cubicBezTo>
                <a:cubicBezTo>
                  <a:pt x="229" y="449"/>
                  <a:pt x="233" y="461"/>
                  <a:pt x="245" y="461"/>
                </a:cubicBezTo>
                <a:cubicBezTo>
                  <a:pt x="257" y="460"/>
                  <a:pt x="259" y="449"/>
                  <a:pt x="262" y="435"/>
                </a:cubicBezTo>
                <a:cubicBezTo>
                  <a:pt x="264" y="427"/>
                  <a:pt x="266" y="416"/>
                  <a:pt x="269" y="401"/>
                </a:cubicBezTo>
                <a:cubicBezTo>
                  <a:pt x="272" y="386"/>
                  <a:pt x="274" y="371"/>
                  <a:pt x="276" y="362"/>
                </a:cubicBezTo>
                <a:cubicBezTo>
                  <a:pt x="288" y="358"/>
                  <a:pt x="299" y="353"/>
                  <a:pt x="309" y="346"/>
                </a:cubicBezTo>
                <a:cubicBezTo>
                  <a:pt x="320" y="353"/>
                  <a:pt x="340" y="367"/>
                  <a:pt x="361" y="381"/>
                </a:cubicBezTo>
                <a:cubicBezTo>
                  <a:pt x="378" y="393"/>
                  <a:pt x="392" y="402"/>
                  <a:pt x="402" y="408"/>
                </a:cubicBezTo>
                <a:cubicBezTo>
                  <a:pt x="408" y="412"/>
                  <a:pt x="413" y="415"/>
                  <a:pt x="417" y="417"/>
                </a:cubicBezTo>
                <a:cubicBezTo>
                  <a:pt x="422" y="420"/>
                  <a:pt x="431" y="425"/>
                  <a:pt x="439" y="418"/>
                </a:cubicBezTo>
                <a:cubicBezTo>
                  <a:pt x="447" y="409"/>
                  <a:pt x="440" y="400"/>
                  <a:pt x="437" y="395"/>
                </a:cubicBezTo>
                <a:cubicBezTo>
                  <a:pt x="435" y="392"/>
                  <a:pt x="432" y="387"/>
                  <a:pt x="427" y="381"/>
                </a:cubicBezTo>
                <a:cubicBezTo>
                  <a:pt x="420" y="371"/>
                  <a:pt x="410" y="357"/>
                  <a:pt x="396" y="341"/>
                </a:cubicBezTo>
                <a:cubicBezTo>
                  <a:pt x="374" y="312"/>
                  <a:pt x="351" y="284"/>
                  <a:pt x="351" y="283"/>
                </a:cubicBezTo>
                <a:cubicBezTo>
                  <a:pt x="346" y="278"/>
                  <a:pt x="338" y="277"/>
                  <a:pt x="332" y="281"/>
                </a:cubicBezTo>
                <a:cubicBezTo>
                  <a:pt x="329" y="284"/>
                  <a:pt x="327" y="288"/>
                  <a:pt x="327" y="292"/>
                </a:cubicBezTo>
                <a:cubicBezTo>
                  <a:pt x="327" y="295"/>
                  <a:pt x="328" y="298"/>
                  <a:pt x="330" y="300"/>
                </a:cubicBezTo>
                <a:cubicBezTo>
                  <a:pt x="347" y="321"/>
                  <a:pt x="364" y="342"/>
                  <a:pt x="378" y="361"/>
                </a:cubicBezTo>
                <a:cubicBezTo>
                  <a:pt x="359" y="348"/>
                  <a:pt x="337" y="333"/>
                  <a:pt x="317" y="319"/>
                </a:cubicBezTo>
                <a:cubicBezTo>
                  <a:pt x="312" y="315"/>
                  <a:pt x="305" y="315"/>
                  <a:pt x="301" y="319"/>
                </a:cubicBezTo>
                <a:cubicBezTo>
                  <a:pt x="290" y="328"/>
                  <a:pt x="275" y="335"/>
                  <a:pt x="261" y="338"/>
                </a:cubicBezTo>
                <a:cubicBezTo>
                  <a:pt x="256" y="339"/>
                  <a:pt x="252" y="343"/>
                  <a:pt x="251" y="349"/>
                </a:cubicBezTo>
                <a:cubicBezTo>
                  <a:pt x="248" y="367"/>
                  <a:pt x="245" y="385"/>
                  <a:pt x="242" y="401"/>
                </a:cubicBezTo>
                <a:cubicBezTo>
                  <a:pt x="237" y="386"/>
                  <a:pt x="232" y="367"/>
                  <a:pt x="228" y="351"/>
                </a:cubicBezTo>
                <a:cubicBezTo>
                  <a:pt x="226" y="345"/>
                  <a:pt x="222" y="341"/>
                  <a:pt x="216" y="341"/>
                </a:cubicBezTo>
                <a:cubicBezTo>
                  <a:pt x="201" y="339"/>
                  <a:pt x="188" y="335"/>
                  <a:pt x="175" y="329"/>
                </a:cubicBezTo>
                <a:cubicBezTo>
                  <a:pt x="170" y="326"/>
                  <a:pt x="165" y="327"/>
                  <a:pt x="161" y="330"/>
                </a:cubicBezTo>
                <a:cubicBezTo>
                  <a:pt x="140" y="346"/>
                  <a:pt x="119" y="364"/>
                  <a:pt x="100" y="378"/>
                </a:cubicBezTo>
                <a:cubicBezTo>
                  <a:pt x="113" y="359"/>
                  <a:pt x="128" y="337"/>
                  <a:pt x="142" y="317"/>
                </a:cubicBezTo>
                <a:cubicBezTo>
                  <a:pt x="144" y="314"/>
                  <a:pt x="144" y="312"/>
                  <a:pt x="144" y="309"/>
                </a:cubicBezTo>
                <a:cubicBezTo>
                  <a:pt x="144" y="306"/>
                  <a:pt x="143" y="303"/>
                  <a:pt x="141" y="301"/>
                </a:cubicBezTo>
                <a:cubicBezTo>
                  <a:pt x="132" y="289"/>
                  <a:pt x="125" y="274"/>
                  <a:pt x="122" y="261"/>
                </a:cubicBezTo>
                <a:cubicBezTo>
                  <a:pt x="121" y="255"/>
                  <a:pt x="117" y="251"/>
                  <a:pt x="111" y="250"/>
                </a:cubicBezTo>
                <a:cubicBezTo>
                  <a:pt x="94" y="248"/>
                  <a:pt x="75" y="245"/>
                  <a:pt x="60" y="242"/>
                </a:cubicBezTo>
                <a:cubicBezTo>
                  <a:pt x="75" y="237"/>
                  <a:pt x="93" y="232"/>
                  <a:pt x="110" y="228"/>
                </a:cubicBezTo>
                <a:cubicBezTo>
                  <a:pt x="115" y="227"/>
                  <a:pt x="119" y="222"/>
                  <a:pt x="120" y="216"/>
                </a:cubicBezTo>
                <a:cubicBezTo>
                  <a:pt x="121" y="201"/>
                  <a:pt x="126" y="188"/>
                  <a:pt x="132" y="175"/>
                </a:cubicBezTo>
                <a:cubicBezTo>
                  <a:pt x="133" y="173"/>
                  <a:pt x="134" y="171"/>
                  <a:pt x="134" y="169"/>
                </a:cubicBezTo>
                <a:cubicBezTo>
                  <a:pt x="134" y="166"/>
                  <a:pt x="133" y="163"/>
                  <a:pt x="131" y="161"/>
                </a:cubicBezTo>
                <a:cubicBezTo>
                  <a:pt x="114" y="140"/>
                  <a:pt x="97" y="119"/>
                  <a:pt x="82" y="100"/>
                </a:cubicBezTo>
                <a:cubicBezTo>
                  <a:pt x="101" y="113"/>
                  <a:pt x="123" y="128"/>
                  <a:pt x="144" y="142"/>
                </a:cubicBezTo>
                <a:cubicBezTo>
                  <a:pt x="149" y="146"/>
                  <a:pt x="155" y="145"/>
                  <a:pt x="160" y="141"/>
                </a:cubicBezTo>
                <a:cubicBezTo>
                  <a:pt x="171" y="133"/>
                  <a:pt x="186" y="126"/>
                  <a:pt x="200" y="123"/>
                </a:cubicBezTo>
                <a:cubicBezTo>
                  <a:pt x="205" y="122"/>
                  <a:pt x="209" y="117"/>
                  <a:pt x="210" y="112"/>
                </a:cubicBezTo>
                <a:cubicBezTo>
                  <a:pt x="213" y="94"/>
                  <a:pt x="216" y="75"/>
                  <a:pt x="219" y="59"/>
                </a:cubicBezTo>
                <a:cubicBezTo>
                  <a:pt x="223" y="75"/>
                  <a:pt x="228" y="93"/>
                  <a:pt x="233" y="110"/>
                </a:cubicBezTo>
                <a:cubicBezTo>
                  <a:pt x="234" y="115"/>
                  <a:pt x="239" y="119"/>
                  <a:pt x="244" y="120"/>
                </a:cubicBezTo>
                <a:cubicBezTo>
                  <a:pt x="259" y="121"/>
                  <a:pt x="273" y="126"/>
                  <a:pt x="285" y="132"/>
                </a:cubicBezTo>
                <a:cubicBezTo>
                  <a:pt x="290" y="135"/>
                  <a:pt x="296" y="134"/>
                  <a:pt x="300" y="131"/>
                </a:cubicBezTo>
                <a:cubicBezTo>
                  <a:pt x="320" y="114"/>
                  <a:pt x="342" y="97"/>
                  <a:pt x="361" y="82"/>
                </a:cubicBezTo>
                <a:cubicBezTo>
                  <a:pt x="348" y="102"/>
                  <a:pt x="333" y="123"/>
                  <a:pt x="319" y="144"/>
                </a:cubicBezTo>
                <a:cubicBezTo>
                  <a:pt x="317" y="146"/>
                  <a:pt x="316" y="149"/>
                  <a:pt x="316" y="152"/>
                </a:cubicBezTo>
                <a:cubicBezTo>
                  <a:pt x="316" y="155"/>
                  <a:pt x="317" y="158"/>
                  <a:pt x="319" y="160"/>
                </a:cubicBezTo>
                <a:cubicBezTo>
                  <a:pt x="328" y="171"/>
                  <a:pt x="335" y="186"/>
                  <a:pt x="338" y="200"/>
                </a:cubicBezTo>
                <a:cubicBezTo>
                  <a:pt x="339" y="205"/>
                  <a:pt x="343" y="209"/>
                  <a:pt x="349" y="210"/>
                </a:cubicBezTo>
                <a:cubicBezTo>
                  <a:pt x="367" y="213"/>
                  <a:pt x="385" y="216"/>
                  <a:pt x="401" y="219"/>
                </a:cubicBezTo>
                <a:cubicBezTo>
                  <a:pt x="386" y="223"/>
                  <a:pt x="367" y="228"/>
                  <a:pt x="351" y="233"/>
                </a:cubicBezTo>
                <a:cubicBezTo>
                  <a:pt x="345" y="234"/>
                  <a:pt x="341" y="240"/>
                  <a:pt x="341" y="246"/>
                </a:cubicBezTo>
                <a:cubicBezTo>
                  <a:pt x="341" y="247"/>
                  <a:pt x="341" y="248"/>
                  <a:pt x="341" y="249"/>
                </a:cubicBezTo>
                <a:cubicBezTo>
                  <a:pt x="343" y="256"/>
                  <a:pt x="350" y="260"/>
                  <a:pt x="357" y="259"/>
                </a:cubicBezTo>
                <a:cubicBezTo>
                  <a:pt x="358" y="259"/>
                  <a:pt x="381" y="252"/>
                  <a:pt x="404" y="246"/>
                </a:cubicBezTo>
                <a:cubicBezTo>
                  <a:pt x="418" y="242"/>
                  <a:pt x="429" y="239"/>
                  <a:pt x="437" y="236"/>
                </a:cubicBezTo>
                <a:cubicBezTo>
                  <a:pt x="449" y="232"/>
                  <a:pt x="461" y="228"/>
                  <a:pt x="461" y="217"/>
                </a:cubicBezTo>
                <a:cubicBezTo>
                  <a:pt x="461" y="216"/>
                  <a:pt x="461" y="216"/>
                  <a:pt x="461" y="216"/>
                </a:cubicBezTo>
                <a:cubicBezTo>
                  <a:pt x="460" y="204"/>
                  <a:pt x="449" y="202"/>
                  <a:pt x="435" y="199"/>
                </a:cubicBezTo>
                <a:cubicBezTo>
                  <a:pt x="427" y="197"/>
                  <a:pt x="416" y="194"/>
                  <a:pt x="401" y="192"/>
                </a:cubicBezTo>
                <a:cubicBezTo>
                  <a:pt x="386" y="189"/>
                  <a:pt x="371" y="187"/>
                  <a:pt x="362" y="185"/>
                </a:cubicBezTo>
                <a:cubicBezTo>
                  <a:pt x="358" y="173"/>
                  <a:pt x="353" y="162"/>
                  <a:pt x="346" y="151"/>
                </a:cubicBezTo>
                <a:cubicBezTo>
                  <a:pt x="353" y="141"/>
                  <a:pt x="367" y="120"/>
                  <a:pt x="381" y="100"/>
                </a:cubicBezTo>
                <a:cubicBezTo>
                  <a:pt x="393" y="83"/>
                  <a:pt x="402" y="69"/>
                  <a:pt x="408" y="59"/>
                </a:cubicBezTo>
                <a:cubicBezTo>
                  <a:pt x="412" y="52"/>
                  <a:pt x="415" y="48"/>
                  <a:pt x="417" y="44"/>
                </a:cubicBezTo>
                <a:cubicBezTo>
                  <a:pt x="419" y="41"/>
                  <a:pt x="422" y="36"/>
                  <a:pt x="422" y="31"/>
                </a:cubicBezTo>
                <a:cubicBezTo>
                  <a:pt x="422" y="28"/>
                  <a:pt x="421" y="25"/>
                  <a:pt x="418" y="22"/>
                </a:cubicBezTo>
                <a:cubicBezTo>
                  <a:pt x="409" y="14"/>
                  <a:pt x="400" y="20"/>
                  <a:pt x="395" y="23"/>
                </a:cubicBezTo>
                <a:cubicBezTo>
                  <a:pt x="392" y="26"/>
                  <a:pt x="387" y="29"/>
                  <a:pt x="381" y="33"/>
                </a:cubicBezTo>
                <a:cubicBezTo>
                  <a:pt x="371" y="41"/>
                  <a:pt x="357" y="51"/>
                  <a:pt x="341" y="64"/>
                </a:cubicBezTo>
                <a:cubicBezTo>
                  <a:pt x="320" y="81"/>
                  <a:pt x="300" y="97"/>
                  <a:pt x="290" y="105"/>
                </a:cubicBezTo>
                <a:cubicBezTo>
                  <a:pt x="279" y="100"/>
                  <a:pt x="268" y="97"/>
                  <a:pt x="256" y="95"/>
                </a:cubicBezTo>
                <a:cubicBezTo>
                  <a:pt x="254" y="86"/>
                  <a:pt x="250" y="71"/>
                  <a:pt x="246" y="56"/>
                </a:cubicBezTo>
                <a:cubicBezTo>
                  <a:pt x="242" y="43"/>
                  <a:pt x="239" y="32"/>
                  <a:pt x="236" y="24"/>
                </a:cubicBezTo>
                <a:cubicBezTo>
                  <a:pt x="232" y="11"/>
                  <a:pt x="228" y="0"/>
                  <a:pt x="216" y="0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5" name="Freeform 172"/>
          <p:cNvSpPr>
            <a:spLocks noChangeAspect="1"/>
          </p:cNvSpPr>
          <p:nvPr userDrawn="1"/>
        </p:nvSpPr>
        <p:spPr bwMode="auto">
          <a:xfrm>
            <a:off x="11340334" y="3836721"/>
            <a:ext cx="395565" cy="393192"/>
          </a:xfrm>
          <a:custGeom>
            <a:avLst/>
            <a:gdLst/>
            <a:ahLst/>
            <a:cxnLst>
              <a:cxn ang="0">
                <a:pos x="428" y="13"/>
              </a:cxn>
              <a:cxn ang="0">
                <a:pos x="428" y="250"/>
              </a:cxn>
              <a:cxn ang="0">
                <a:pos x="346" y="251"/>
              </a:cxn>
              <a:cxn ang="0">
                <a:pos x="298" y="167"/>
              </a:cxn>
              <a:cxn ang="0">
                <a:pos x="337" y="159"/>
              </a:cxn>
              <a:cxn ang="0">
                <a:pos x="347" y="146"/>
              </a:cxn>
              <a:cxn ang="0">
                <a:pos x="347" y="144"/>
              </a:cxn>
              <a:cxn ang="0">
                <a:pos x="328" y="31"/>
              </a:cxn>
              <a:cxn ang="0">
                <a:pos x="323" y="22"/>
              </a:cxn>
              <a:cxn ang="0">
                <a:pos x="313" y="20"/>
              </a:cxn>
              <a:cxn ang="0">
                <a:pos x="11" y="73"/>
              </a:cxn>
              <a:cxn ang="0">
                <a:pos x="1" y="81"/>
              </a:cxn>
              <a:cxn ang="0">
                <a:pos x="3" y="93"/>
              </a:cxn>
              <a:cxn ang="0">
                <a:pos x="33" y="140"/>
              </a:cxn>
              <a:cxn ang="0">
                <a:pos x="47" y="145"/>
              </a:cxn>
              <a:cxn ang="0">
                <a:pos x="68" y="142"/>
              </a:cxn>
              <a:cxn ang="0">
                <a:pos x="75" y="182"/>
              </a:cxn>
              <a:cxn ang="0">
                <a:pos x="91" y="192"/>
              </a:cxn>
              <a:cxn ang="0">
                <a:pos x="203" y="173"/>
              </a:cxn>
              <a:cxn ang="0">
                <a:pos x="295" y="318"/>
              </a:cxn>
              <a:cxn ang="0">
                <a:pos x="306" y="324"/>
              </a:cxn>
              <a:cxn ang="0">
                <a:pos x="428" y="324"/>
              </a:cxn>
              <a:cxn ang="0">
                <a:pos x="428" y="438"/>
              </a:cxn>
              <a:cxn ang="0">
                <a:pos x="441" y="451"/>
              </a:cxn>
              <a:cxn ang="0">
                <a:pos x="454" y="438"/>
              </a:cxn>
              <a:cxn ang="0">
                <a:pos x="454" y="311"/>
              </a:cxn>
              <a:cxn ang="0">
                <a:pos x="441" y="297"/>
              </a:cxn>
              <a:cxn ang="0">
                <a:pos x="314" y="297"/>
              </a:cxn>
              <a:cxn ang="0">
                <a:pos x="221" y="151"/>
              </a:cxn>
              <a:cxn ang="0">
                <a:pos x="207" y="145"/>
              </a:cxn>
              <a:cxn ang="0">
                <a:pos x="99" y="164"/>
              </a:cxn>
              <a:cxn ang="0">
                <a:pos x="92" y="124"/>
              </a:cxn>
              <a:cxn ang="0">
                <a:pos x="77" y="113"/>
              </a:cxn>
              <a:cxn ang="0">
                <a:pos x="51" y="118"/>
              </a:cxn>
              <a:cxn ang="0">
                <a:pos x="36" y="96"/>
              </a:cxn>
              <a:cxn ang="0">
                <a:pos x="304" y="48"/>
              </a:cxn>
              <a:cxn ang="0">
                <a:pos x="319" y="136"/>
              </a:cxn>
              <a:cxn ang="0">
                <a:pos x="274" y="145"/>
              </a:cxn>
              <a:cxn ang="0">
                <a:pos x="265" y="152"/>
              </a:cxn>
              <a:cxn ang="0">
                <a:pos x="264" y="158"/>
              </a:cxn>
              <a:cxn ang="0">
                <a:pos x="265" y="165"/>
              </a:cxn>
              <a:cxn ang="0">
                <a:pos x="327" y="271"/>
              </a:cxn>
              <a:cxn ang="0">
                <a:pos x="338" y="278"/>
              </a:cxn>
              <a:cxn ang="0">
                <a:pos x="441" y="277"/>
              </a:cxn>
              <a:cxn ang="0">
                <a:pos x="454" y="264"/>
              </a:cxn>
              <a:cxn ang="0">
                <a:pos x="454" y="13"/>
              </a:cxn>
              <a:cxn ang="0">
                <a:pos x="441" y="0"/>
              </a:cxn>
              <a:cxn ang="0">
                <a:pos x="428" y="13"/>
              </a:cxn>
            </a:cxnLst>
            <a:rect l="0" t="0" r="r" b="b"/>
            <a:pathLst>
              <a:path w="454" h="451">
                <a:moveTo>
                  <a:pt x="428" y="13"/>
                </a:moveTo>
                <a:cubicBezTo>
                  <a:pt x="428" y="13"/>
                  <a:pt x="428" y="227"/>
                  <a:pt x="428" y="250"/>
                </a:cubicBezTo>
                <a:cubicBezTo>
                  <a:pt x="409" y="251"/>
                  <a:pt x="357" y="251"/>
                  <a:pt x="346" y="251"/>
                </a:cubicBezTo>
                <a:cubicBezTo>
                  <a:pt x="340" y="241"/>
                  <a:pt x="310" y="189"/>
                  <a:pt x="298" y="167"/>
                </a:cubicBezTo>
                <a:cubicBezTo>
                  <a:pt x="314" y="164"/>
                  <a:pt x="337" y="159"/>
                  <a:pt x="337" y="159"/>
                </a:cubicBezTo>
                <a:cubicBezTo>
                  <a:pt x="343" y="158"/>
                  <a:pt x="347" y="152"/>
                  <a:pt x="347" y="146"/>
                </a:cubicBezTo>
                <a:cubicBezTo>
                  <a:pt x="347" y="145"/>
                  <a:pt x="347" y="145"/>
                  <a:pt x="347" y="144"/>
                </a:cubicBezTo>
                <a:cubicBezTo>
                  <a:pt x="328" y="31"/>
                  <a:pt x="328" y="31"/>
                  <a:pt x="328" y="31"/>
                </a:cubicBezTo>
                <a:cubicBezTo>
                  <a:pt x="328" y="27"/>
                  <a:pt x="326" y="24"/>
                  <a:pt x="323" y="22"/>
                </a:cubicBezTo>
                <a:cubicBezTo>
                  <a:pt x="320" y="20"/>
                  <a:pt x="316" y="19"/>
                  <a:pt x="313" y="20"/>
                </a:cubicBezTo>
                <a:cubicBezTo>
                  <a:pt x="11" y="73"/>
                  <a:pt x="11" y="73"/>
                  <a:pt x="11" y="73"/>
                </a:cubicBezTo>
                <a:cubicBezTo>
                  <a:pt x="7" y="74"/>
                  <a:pt x="3" y="77"/>
                  <a:pt x="1" y="81"/>
                </a:cubicBezTo>
                <a:cubicBezTo>
                  <a:pt x="0" y="85"/>
                  <a:pt x="0" y="90"/>
                  <a:pt x="3" y="93"/>
                </a:cubicBezTo>
                <a:cubicBezTo>
                  <a:pt x="33" y="140"/>
                  <a:pt x="33" y="140"/>
                  <a:pt x="33" y="140"/>
                </a:cubicBezTo>
                <a:cubicBezTo>
                  <a:pt x="36" y="144"/>
                  <a:pt x="41" y="146"/>
                  <a:pt x="47" y="145"/>
                </a:cubicBezTo>
                <a:cubicBezTo>
                  <a:pt x="47" y="145"/>
                  <a:pt x="58" y="143"/>
                  <a:pt x="68" y="142"/>
                </a:cubicBezTo>
                <a:cubicBezTo>
                  <a:pt x="71" y="156"/>
                  <a:pt x="75" y="182"/>
                  <a:pt x="75" y="182"/>
                </a:cubicBezTo>
                <a:cubicBezTo>
                  <a:pt x="76" y="189"/>
                  <a:pt x="83" y="194"/>
                  <a:pt x="91" y="192"/>
                </a:cubicBezTo>
                <a:cubicBezTo>
                  <a:pt x="91" y="192"/>
                  <a:pt x="188" y="175"/>
                  <a:pt x="203" y="173"/>
                </a:cubicBezTo>
                <a:cubicBezTo>
                  <a:pt x="212" y="186"/>
                  <a:pt x="295" y="318"/>
                  <a:pt x="295" y="318"/>
                </a:cubicBezTo>
                <a:cubicBezTo>
                  <a:pt x="297" y="322"/>
                  <a:pt x="302" y="324"/>
                  <a:pt x="306" y="324"/>
                </a:cubicBezTo>
                <a:cubicBezTo>
                  <a:pt x="306" y="324"/>
                  <a:pt x="406" y="324"/>
                  <a:pt x="428" y="324"/>
                </a:cubicBezTo>
                <a:cubicBezTo>
                  <a:pt x="428" y="345"/>
                  <a:pt x="428" y="438"/>
                  <a:pt x="428" y="438"/>
                </a:cubicBezTo>
                <a:cubicBezTo>
                  <a:pt x="428" y="445"/>
                  <a:pt x="434" y="451"/>
                  <a:pt x="441" y="451"/>
                </a:cubicBezTo>
                <a:cubicBezTo>
                  <a:pt x="448" y="451"/>
                  <a:pt x="454" y="445"/>
                  <a:pt x="454" y="438"/>
                </a:cubicBezTo>
                <a:cubicBezTo>
                  <a:pt x="454" y="311"/>
                  <a:pt x="454" y="311"/>
                  <a:pt x="454" y="311"/>
                </a:cubicBezTo>
                <a:cubicBezTo>
                  <a:pt x="454" y="303"/>
                  <a:pt x="448" y="297"/>
                  <a:pt x="441" y="297"/>
                </a:cubicBezTo>
                <a:cubicBezTo>
                  <a:pt x="441" y="297"/>
                  <a:pt x="327" y="297"/>
                  <a:pt x="314" y="297"/>
                </a:cubicBezTo>
                <a:cubicBezTo>
                  <a:pt x="306" y="286"/>
                  <a:pt x="221" y="151"/>
                  <a:pt x="221" y="151"/>
                </a:cubicBezTo>
                <a:cubicBezTo>
                  <a:pt x="218" y="146"/>
                  <a:pt x="213" y="144"/>
                  <a:pt x="207" y="145"/>
                </a:cubicBezTo>
                <a:cubicBezTo>
                  <a:pt x="207" y="145"/>
                  <a:pt x="120" y="160"/>
                  <a:pt x="99" y="164"/>
                </a:cubicBezTo>
                <a:cubicBezTo>
                  <a:pt x="96" y="149"/>
                  <a:pt x="92" y="124"/>
                  <a:pt x="92" y="124"/>
                </a:cubicBezTo>
                <a:cubicBezTo>
                  <a:pt x="91" y="117"/>
                  <a:pt x="84" y="112"/>
                  <a:pt x="77" y="113"/>
                </a:cubicBezTo>
                <a:cubicBezTo>
                  <a:pt x="77" y="113"/>
                  <a:pt x="60" y="116"/>
                  <a:pt x="51" y="118"/>
                </a:cubicBezTo>
                <a:cubicBezTo>
                  <a:pt x="47" y="112"/>
                  <a:pt x="43" y="106"/>
                  <a:pt x="36" y="96"/>
                </a:cubicBezTo>
                <a:cubicBezTo>
                  <a:pt x="69" y="90"/>
                  <a:pt x="282" y="52"/>
                  <a:pt x="304" y="48"/>
                </a:cubicBezTo>
                <a:cubicBezTo>
                  <a:pt x="307" y="66"/>
                  <a:pt x="316" y="118"/>
                  <a:pt x="319" y="136"/>
                </a:cubicBezTo>
                <a:cubicBezTo>
                  <a:pt x="303" y="139"/>
                  <a:pt x="274" y="145"/>
                  <a:pt x="274" y="145"/>
                </a:cubicBezTo>
                <a:cubicBezTo>
                  <a:pt x="270" y="146"/>
                  <a:pt x="266" y="149"/>
                  <a:pt x="265" y="152"/>
                </a:cubicBezTo>
                <a:cubicBezTo>
                  <a:pt x="264" y="154"/>
                  <a:pt x="264" y="156"/>
                  <a:pt x="264" y="158"/>
                </a:cubicBezTo>
                <a:cubicBezTo>
                  <a:pt x="264" y="160"/>
                  <a:pt x="264" y="162"/>
                  <a:pt x="265" y="165"/>
                </a:cubicBezTo>
                <a:cubicBezTo>
                  <a:pt x="327" y="271"/>
                  <a:pt x="327" y="271"/>
                  <a:pt x="327" y="271"/>
                </a:cubicBezTo>
                <a:cubicBezTo>
                  <a:pt x="329" y="275"/>
                  <a:pt x="333" y="278"/>
                  <a:pt x="338" y="278"/>
                </a:cubicBezTo>
                <a:cubicBezTo>
                  <a:pt x="441" y="277"/>
                  <a:pt x="441" y="277"/>
                  <a:pt x="441" y="277"/>
                </a:cubicBezTo>
                <a:cubicBezTo>
                  <a:pt x="448" y="277"/>
                  <a:pt x="454" y="271"/>
                  <a:pt x="454" y="264"/>
                </a:cubicBezTo>
                <a:cubicBezTo>
                  <a:pt x="454" y="13"/>
                  <a:pt x="454" y="13"/>
                  <a:pt x="454" y="13"/>
                </a:cubicBezTo>
                <a:cubicBezTo>
                  <a:pt x="454" y="6"/>
                  <a:pt x="448" y="0"/>
                  <a:pt x="441" y="0"/>
                </a:cubicBezTo>
                <a:cubicBezTo>
                  <a:pt x="434" y="0"/>
                  <a:pt x="428" y="6"/>
                  <a:pt x="428" y="13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6" name="Freeform 48"/>
          <p:cNvSpPr>
            <a:spLocks noChangeAspect="1"/>
          </p:cNvSpPr>
          <p:nvPr userDrawn="1"/>
        </p:nvSpPr>
        <p:spPr bwMode="auto">
          <a:xfrm>
            <a:off x="3424348" y="1185552"/>
            <a:ext cx="276964" cy="393192"/>
          </a:xfrm>
          <a:custGeom>
            <a:avLst/>
            <a:gdLst/>
            <a:ahLst/>
            <a:cxnLst>
              <a:cxn ang="0">
                <a:pos x="245" y="8"/>
              </a:cxn>
              <a:cxn ang="0">
                <a:pos x="208" y="64"/>
              </a:cxn>
              <a:cxn ang="0">
                <a:pos x="107" y="64"/>
              </a:cxn>
              <a:cxn ang="0">
                <a:pos x="70" y="8"/>
              </a:cxn>
              <a:cxn ang="0">
                <a:pos x="54" y="2"/>
              </a:cxn>
              <a:cxn ang="0">
                <a:pos x="45" y="15"/>
              </a:cxn>
              <a:cxn ang="0">
                <a:pos x="45" y="17"/>
              </a:cxn>
              <a:cxn ang="0">
                <a:pos x="52" y="71"/>
              </a:cxn>
              <a:cxn ang="0">
                <a:pos x="8" y="90"/>
              </a:cxn>
              <a:cxn ang="0">
                <a:pos x="0" y="102"/>
              </a:cxn>
              <a:cxn ang="0">
                <a:pos x="0" y="105"/>
              </a:cxn>
              <a:cxn ang="0">
                <a:pos x="13" y="116"/>
              </a:cxn>
              <a:cxn ang="0">
                <a:pos x="65" y="116"/>
              </a:cxn>
              <a:cxn ang="0">
                <a:pos x="99" y="215"/>
              </a:cxn>
              <a:cxn ang="0">
                <a:pos x="44" y="430"/>
              </a:cxn>
              <a:cxn ang="0">
                <a:pos x="44" y="434"/>
              </a:cxn>
              <a:cxn ang="0">
                <a:pos x="51" y="445"/>
              </a:cxn>
              <a:cxn ang="0">
                <a:pos x="67" y="443"/>
              </a:cxn>
              <a:cxn ang="0">
                <a:pos x="169" y="340"/>
              </a:cxn>
              <a:cxn ang="0">
                <a:pos x="169" y="321"/>
              </a:cxn>
              <a:cxn ang="0">
                <a:pos x="150" y="321"/>
              </a:cxn>
              <a:cxn ang="0">
                <a:pos x="82" y="390"/>
              </a:cxn>
              <a:cxn ang="0">
                <a:pos x="126" y="217"/>
              </a:cxn>
              <a:cxn ang="0">
                <a:pos x="126" y="214"/>
              </a:cxn>
              <a:cxn ang="0">
                <a:pos x="126" y="210"/>
              </a:cxn>
              <a:cxn ang="0">
                <a:pos x="87" y="99"/>
              </a:cxn>
              <a:cxn ang="0">
                <a:pos x="74" y="90"/>
              </a:cxn>
              <a:cxn ang="0">
                <a:pos x="80" y="79"/>
              </a:cxn>
              <a:cxn ang="0">
                <a:pos x="80" y="78"/>
              </a:cxn>
              <a:cxn ang="0">
                <a:pos x="78" y="69"/>
              </a:cxn>
              <a:cxn ang="0">
                <a:pos x="89" y="85"/>
              </a:cxn>
              <a:cxn ang="0">
                <a:pos x="100" y="91"/>
              </a:cxn>
              <a:cxn ang="0">
                <a:pos x="215" y="91"/>
              </a:cxn>
              <a:cxn ang="0">
                <a:pos x="226" y="85"/>
              </a:cxn>
              <a:cxn ang="0">
                <a:pos x="236" y="69"/>
              </a:cxn>
              <a:cxn ang="0">
                <a:pos x="235" y="78"/>
              </a:cxn>
              <a:cxn ang="0">
                <a:pos x="235" y="79"/>
              </a:cxn>
              <a:cxn ang="0">
                <a:pos x="240" y="90"/>
              </a:cxn>
              <a:cxn ang="0">
                <a:pos x="228" y="99"/>
              </a:cxn>
              <a:cxn ang="0">
                <a:pos x="189" y="210"/>
              </a:cxn>
              <a:cxn ang="0">
                <a:pos x="188" y="214"/>
              </a:cxn>
              <a:cxn ang="0">
                <a:pos x="189" y="217"/>
              </a:cxn>
              <a:cxn ang="0">
                <a:pos x="245" y="437"/>
              </a:cxn>
              <a:cxn ang="0">
                <a:pos x="261" y="447"/>
              </a:cxn>
              <a:cxn ang="0">
                <a:pos x="271" y="434"/>
              </a:cxn>
              <a:cxn ang="0">
                <a:pos x="270" y="430"/>
              </a:cxn>
              <a:cxn ang="0">
                <a:pos x="216" y="215"/>
              </a:cxn>
              <a:cxn ang="0">
                <a:pos x="250" y="116"/>
              </a:cxn>
              <a:cxn ang="0">
                <a:pos x="302" y="116"/>
              </a:cxn>
              <a:cxn ang="0">
                <a:pos x="315" y="105"/>
              </a:cxn>
              <a:cxn ang="0">
                <a:pos x="315" y="102"/>
              </a:cxn>
              <a:cxn ang="0">
                <a:pos x="307" y="90"/>
              </a:cxn>
              <a:cxn ang="0">
                <a:pos x="263" y="71"/>
              </a:cxn>
              <a:cxn ang="0">
                <a:pos x="269" y="17"/>
              </a:cxn>
              <a:cxn ang="0">
                <a:pos x="270" y="15"/>
              </a:cxn>
              <a:cxn ang="0">
                <a:pos x="261" y="2"/>
              </a:cxn>
              <a:cxn ang="0">
                <a:pos x="245" y="8"/>
              </a:cxn>
            </a:cxnLst>
            <a:rect l="0" t="0" r="r" b="b"/>
            <a:pathLst>
              <a:path w="315" h="448">
                <a:moveTo>
                  <a:pt x="245" y="8"/>
                </a:moveTo>
                <a:cubicBezTo>
                  <a:pt x="245" y="8"/>
                  <a:pt x="214" y="54"/>
                  <a:pt x="208" y="64"/>
                </a:cubicBezTo>
                <a:cubicBezTo>
                  <a:pt x="196" y="64"/>
                  <a:pt x="119" y="64"/>
                  <a:pt x="107" y="64"/>
                </a:cubicBezTo>
                <a:cubicBezTo>
                  <a:pt x="101" y="54"/>
                  <a:pt x="70" y="8"/>
                  <a:pt x="70" y="8"/>
                </a:cubicBezTo>
                <a:cubicBezTo>
                  <a:pt x="66" y="2"/>
                  <a:pt x="60" y="0"/>
                  <a:pt x="54" y="2"/>
                </a:cubicBezTo>
                <a:cubicBezTo>
                  <a:pt x="49" y="4"/>
                  <a:pt x="45" y="9"/>
                  <a:pt x="45" y="15"/>
                </a:cubicBezTo>
                <a:cubicBezTo>
                  <a:pt x="45" y="16"/>
                  <a:pt x="45" y="16"/>
                  <a:pt x="45" y="17"/>
                </a:cubicBezTo>
                <a:cubicBezTo>
                  <a:pt x="45" y="17"/>
                  <a:pt x="50" y="57"/>
                  <a:pt x="52" y="71"/>
                </a:cubicBezTo>
                <a:cubicBezTo>
                  <a:pt x="39" y="76"/>
                  <a:pt x="8" y="90"/>
                  <a:pt x="8" y="90"/>
                </a:cubicBezTo>
                <a:cubicBezTo>
                  <a:pt x="3" y="92"/>
                  <a:pt x="0" y="97"/>
                  <a:pt x="0" y="102"/>
                </a:cubicBezTo>
                <a:cubicBezTo>
                  <a:pt x="0" y="103"/>
                  <a:pt x="0" y="104"/>
                  <a:pt x="0" y="105"/>
                </a:cubicBezTo>
                <a:cubicBezTo>
                  <a:pt x="1" y="111"/>
                  <a:pt x="7" y="116"/>
                  <a:pt x="13" y="116"/>
                </a:cubicBezTo>
                <a:cubicBezTo>
                  <a:pt x="13" y="116"/>
                  <a:pt x="51" y="116"/>
                  <a:pt x="65" y="116"/>
                </a:cubicBezTo>
                <a:cubicBezTo>
                  <a:pt x="70" y="131"/>
                  <a:pt x="97" y="208"/>
                  <a:pt x="99" y="215"/>
                </a:cubicBezTo>
                <a:cubicBezTo>
                  <a:pt x="97" y="222"/>
                  <a:pt x="44" y="430"/>
                  <a:pt x="44" y="430"/>
                </a:cubicBezTo>
                <a:cubicBezTo>
                  <a:pt x="44" y="431"/>
                  <a:pt x="44" y="433"/>
                  <a:pt x="44" y="434"/>
                </a:cubicBezTo>
                <a:cubicBezTo>
                  <a:pt x="44" y="438"/>
                  <a:pt x="46" y="443"/>
                  <a:pt x="51" y="445"/>
                </a:cubicBezTo>
                <a:cubicBezTo>
                  <a:pt x="56" y="448"/>
                  <a:pt x="62" y="447"/>
                  <a:pt x="67" y="443"/>
                </a:cubicBezTo>
                <a:cubicBezTo>
                  <a:pt x="169" y="340"/>
                  <a:pt x="169" y="340"/>
                  <a:pt x="169" y="340"/>
                </a:cubicBezTo>
                <a:cubicBezTo>
                  <a:pt x="174" y="335"/>
                  <a:pt x="174" y="326"/>
                  <a:pt x="169" y="321"/>
                </a:cubicBezTo>
                <a:cubicBezTo>
                  <a:pt x="164" y="316"/>
                  <a:pt x="155" y="316"/>
                  <a:pt x="150" y="321"/>
                </a:cubicBezTo>
                <a:cubicBezTo>
                  <a:pt x="150" y="321"/>
                  <a:pt x="112" y="359"/>
                  <a:pt x="82" y="390"/>
                </a:cubicBezTo>
                <a:cubicBezTo>
                  <a:pt x="97" y="331"/>
                  <a:pt x="126" y="217"/>
                  <a:pt x="126" y="217"/>
                </a:cubicBezTo>
                <a:cubicBezTo>
                  <a:pt x="126" y="216"/>
                  <a:pt x="126" y="215"/>
                  <a:pt x="126" y="214"/>
                </a:cubicBezTo>
                <a:cubicBezTo>
                  <a:pt x="126" y="212"/>
                  <a:pt x="126" y="211"/>
                  <a:pt x="126" y="210"/>
                </a:cubicBezTo>
                <a:cubicBezTo>
                  <a:pt x="87" y="99"/>
                  <a:pt x="87" y="99"/>
                  <a:pt x="87" y="99"/>
                </a:cubicBezTo>
                <a:cubicBezTo>
                  <a:pt x="85" y="93"/>
                  <a:pt x="80" y="90"/>
                  <a:pt x="74" y="90"/>
                </a:cubicBezTo>
                <a:cubicBezTo>
                  <a:pt x="78" y="87"/>
                  <a:pt x="80" y="83"/>
                  <a:pt x="80" y="79"/>
                </a:cubicBezTo>
                <a:cubicBezTo>
                  <a:pt x="80" y="79"/>
                  <a:pt x="80" y="78"/>
                  <a:pt x="80" y="78"/>
                </a:cubicBezTo>
                <a:cubicBezTo>
                  <a:pt x="80" y="78"/>
                  <a:pt x="79" y="71"/>
                  <a:pt x="78" y="69"/>
                </a:cubicBezTo>
                <a:cubicBezTo>
                  <a:pt x="82" y="75"/>
                  <a:pt x="89" y="85"/>
                  <a:pt x="89" y="85"/>
                </a:cubicBezTo>
                <a:cubicBezTo>
                  <a:pt x="91" y="88"/>
                  <a:pt x="96" y="91"/>
                  <a:pt x="100" y="91"/>
                </a:cubicBezTo>
                <a:cubicBezTo>
                  <a:pt x="215" y="91"/>
                  <a:pt x="215" y="91"/>
                  <a:pt x="215" y="91"/>
                </a:cubicBezTo>
                <a:cubicBezTo>
                  <a:pt x="219" y="91"/>
                  <a:pt x="223" y="88"/>
                  <a:pt x="226" y="85"/>
                </a:cubicBezTo>
                <a:cubicBezTo>
                  <a:pt x="226" y="85"/>
                  <a:pt x="232" y="75"/>
                  <a:pt x="236" y="69"/>
                </a:cubicBezTo>
                <a:cubicBezTo>
                  <a:pt x="236" y="71"/>
                  <a:pt x="235" y="78"/>
                  <a:pt x="235" y="78"/>
                </a:cubicBezTo>
                <a:cubicBezTo>
                  <a:pt x="235" y="78"/>
                  <a:pt x="235" y="79"/>
                  <a:pt x="235" y="79"/>
                </a:cubicBezTo>
                <a:cubicBezTo>
                  <a:pt x="235" y="83"/>
                  <a:pt x="237" y="87"/>
                  <a:pt x="240" y="90"/>
                </a:cubicBezTo>
                <a:cubicBezTo>
                  <a:pt x="235" y="90"/>
                  <a:pt x="230" y="93"/>
                  <a:pt x="228" y="99"/>
                </a:cubicBezTo>
                <a:cubicBezTo>
                  <a:pt x="189" y="210"/>
                  <a:pt x="189" y="210"/>
                  <a:pt x="189" y="210"/>
                </a:cubicBezTo>
                <a:cubicBezTo>
                  <a:pt x="189" y="211"/>
                  <a:pt x="188" y="212"/>
                  <a:pt x="188" y="214"/>
                </a:cubicBezTo>
                <a:cubicBezTo>
                  <a:pt x="188" y="215"/>
                  <a:pt x="189" y="216"/>
                  <a:pt x="189" y="217"/>
                </a:cubicBezTo>
                <a:cubicBezTo>
                  <a:pt x="245" y="437"/>
                  <a:pt x="245" y="437"/>
                  <a:pt x="245" y="437"/>
                </a:cubicBezTo>
                <a:cubicBezTo>
                  <a:pt x="246" y="444"/>
                  <a:pt x="254" y="448"/>
                  <a:pt x="261" y="447"/>
                </a:cubicBezTo>
                <a:cubicBezTo>
                  <a:pt x="267" y="445"/>
                  <a:pt x="271" y="440"/>
                  <a:pt x="271" y="434"/>
                </a:cubicBezTo>
                <a:cubicBezTo>
                  <a:pt x="271" y="433"/>
                  <a:pt x="271" y="431"/>
                  <a:pt x="270" y="430"/>
                </a:cubicBezTo>
                <a:cubicBezTo>
                  <a:pt x="270" y="430"/>
                  <a:pt x="218" y="222"/>
                  <a:pt x="216" y="215"/>
                </a:cubicBezTo>
                <a:cubicBezTo>
                  <a:pt x="218" y="208"/>
                  <a:pt x="245" y="131"/>
                  <a:pt x="250" y="116"/>
                </a:cubicBezTo>
                <a:cubicBezTo>
                  <a:pt x="263" y="116"/>
                  <a:pt x="302" y="116"/>
                  <a:pt x="302" y="116"/>
                </a:cubicBezTo>
                <a:cubicBezTo>
                  <a:pt x="308" y="116"/>
                  <a:pt x="313" y="111"/>
                  <a:pt x="315" y="105"/>
                </a:cubicBezTo>
                <a:cubicBezTo>
                  <a:pt x="315" y="104"/>
                  <a:pt x="315" y="103"/>
                  <a:pt x="315" y="102"/>
                </a:cubicBezTo>
                <a:cubicBezTo>
                  <a:pt x="315" y="97"/>
                  <a:pt x="312" y="92"/>
                  <a:pt x="307" y="90"/>
                </a:cubicBezTo>
                <a:cubicBezTo>
                  <a:pt x="307" y="90"/>
                  <a:pt x="275" y="76"/>
                  <a:pt x="263" y="71"/>
                </a:cubicBezTo>
                <a:cubicBezTo>
                  <a:pt x="265" y="57"/>
                  <a:pt x="269" y="17"/>
                  <a:pt x="269" y="17"/>
                </a:cubicBezTo>
                <a:cubicBezTo>
                  <a:pt x="269" y="16"/>
                  <a:pt x="270" y="16"/>
                  <a:pt x="270" y="15"/>
                </a:cubicBezTo>
                <a:cubicBezTo>
                  <a:pt x="270" y="9"/>
                  <a:pt x="266" y="4"/>
                  <a:pt x="261" y="2"/>
                </a:cubicBezTo>
                <a:cubicBezTo>
                  <a:pt x="255" y="0"/>
                  <a:pt x="248" y="2"/>
                  <a:pt x="245" y="8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77" name="TextBox 276"/>
          <p:cNvSpPr txBox="1"/>
          <p:nvPr userDrawn="1"/>
        </p:nvSpPr>
        <p:spPr>
          <a:xfrm>
            <a:off x="3143304" y="1669178"/>
            <a:ext cx="810056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nergy &amp;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nfrastructure</a:t>
            </a:r>
          </a:p>
        </p:txBody>
      </p:sp>
      <p:sp>
        <p:nvSpPr>
          <p:cNvPr id="278" name="Freeform 52"/>
          <p:cNvSpPr>
            <a:spLocks noChangeAspect="1"/>
          </p:cNvSpPr>
          <p:nvPr userDrawn="1"/>
        </p:nvSpPr>
        <p:spPr bwMode="auto">
          <a:xfrm>
            <a:off x="4303854" y="1185552"/>
            <a:ext cx="380589" cy="393192"/>
          </a:xfrm>
          <a:custGeom>
            <a:avLst/>
            <a:gdLst/>
            <a:ahLst/>
            <a:cxnLst>
              <a:cxn ang="0">
                <a:pos x="348" y="0"/>
              </a:cxn>
              <a:cxn ang="0">
                <a:pos x="335" y="12"/>
              </a:cxn>
              <a:cxn ang="0">
                <a:pos x="317" y="204"/>
              </a:cxn>
              <a:cxn ang="0">
                <a:pos x="233" y="119"/>
              </a:cxn>
              <a:cxn ang="0">
                <a:pos x="218" y="116"/>
              </a:cxn>
              <a:cxn ang="0">
                <a:pos x="210" y="128"/>
              </a:cxn>
              <a:cxn ang="0">
                <a:pos x="210" y="202"/>
              </a:cxn>
              <a:cxn ang="0">
                <a:pos x="128" y="119"/>
              </a:cxn>
              <a:cxn ang="0">
                <a:pos x="113" y="116"/>
              </a:cxn>
              <a:cxn ang="0">
                <a:pos x="105" y="128"/>
              </a:cxn>
              <a:cxn ang="0">
                <a:pos x="105" y="201"/>
              </a:cxn>
              <a:cxn ang="0">
                <a:pos x="23" y="119"/>
              </a:cxn>
              <a:cxn ang="0">
                <a:pos x="9" y="116"/>
              </a:cxn>
              <a:cxn ang="0">
                <a:pos x="0" y="128"/>
              </a:cxn>
              <a:cxn ang="0">
                <a:pos x="0" y="426"/>
              </a:cxn>
              <a:cxn ang="0">
                <a:pos x="14" y="439"/>
              </a:cxn>
              <a:cxn ang="0">
                <a:pos x="275" y="439"/>
              </a:cxn>
              <a:cxn ang="0">
                <a:pos x="288" y="426"/>
              </a:cxn>
              <a:cxn ang="0">
                <a:pos x="275" y="412"/>
              </a:cxn>
              <a:cxn ang="0">
                <a:pos x="27" y="412"/>
              </a:cxn>
              <a:cxn ang="0">
                <a:pos x="27" y="161"/>
              </a:cxn>
              <a:cxn ang="0">
                <a:pos x="109" y="243"/>
              </a:cxn>
              <a:cxn ang="0">
                <a:pos x="123" y="246"/>
              </a:cxn>
              <a:cxn ang="0">
                <a:pos x="132" y="234"/>
              </a:cxn>
              <a:cxn ang="0">
                <a:pos x="132" y="161"/>
              </a:cxn>
              <a:cxn ang="0">
                <a:pos x="214" y="243"/>
              </a:cxn>
              <a:cxn ang="0">
                <a:pos x="229" y="246"/>
              </a:cxn>
              <a:cxn ang="0">
                <a:pos x="237" y="234"/>
              </a:cxn>
              <a:cxn ang="0">
                <a:pos x="237" y="161"/>
              </a:cxn>
              <a:cxn ang="0">
                <a:pos x="318" y="243"/>
              </a:cxn>
              <a:cxn ang="0">
                <a:pos x="332" y="246"/>
              </a:cxn>
              <a:cxn ang="0">
                <a:pos x="341" y="235"/>
              </a:cxn>
              <a:cxn ang="0">
                <a:pos x="360" y="26"/>
              </a:cxn>
              <a:cxn ang="0">
                <a:pos x="375" y="26"/>
              </a:cxn>
              <a:cxn ang="0">
                <a:pos x="398" y="426"/>
              </a:cxn>
              <a:cxn ang="0">
                <a:pos x="412" y="439"/>
              </a:cxn>
              <a:cxn ang="0">
                <a:pos x="424" y="425"/>
              </a:cxn>
              <a:cxn ang="0">
                <a:pos x="401" y="12"/>
              </a:cxn>
              <a:cxn ang="0">
                <a:pos x="388" y="0"/>
              </a:cxn>
              <a:cxn ang="0">
                <a:pos x="348" y="0"/>
              </a:cxn>
            </a:cxnLst>
            <a:rect l="0" t="0" r="r" b="b"/>
            <a:pathLst>
              <a:path w="425" h="439">
                <a:moveTo>
                  <a:pt x="348" y="0"/>
                </a:moveTo>
                <a:cubicBezTo>
                  <a:pt x="341" y="0"/>
                  <a:pt x="336" y="5"/>
                  <a:pt x="335" y="12"/>
                </a:cubicBezTo>
                <a:cubicBezTo>
                  <a:pt x="335" y="12"/>
                  <a:pt x="321" y="161"/>
                  <a:pt x="317" y="204"/>
                </a:cubicBezTo>
                <a:cubicBezTo>
                  <a:pt x="291" y="178"/>
                  <a:pt x="233" y="119"/>
                  <a:pt x="233" y="119"/>
                </a:cubicBezTo>
                <a:cubicBezTo>
                  <a:pt x="229" y="115"/>
                  <a:pt x="223" y="114"/>
                  <a:pt x="218" y="116"/>
                </a:cubicBezTo>
                <a:cubicBezTo>
                  <a:pt x="213" y="118"/>
                  <a:pt x="210" y="123"/>
                  <a:pt x="210" y="128"/>
                </a:cubicBezTo>
                <a:cubicBezTo>
                  <a:pt x="210" y="128"/>
                  <a:pt x="210" y="171"/>
                  <a:pt x="210" y="202"/>
                </a:cubicBezTo>
                <a:cubicBezTo>
                  <a:pt x="182" y="174"/>
                  <a:pt x="128" y="119"/>
                  <a:pt x="128" y="119"/>
                </a:cubicBezTo>
                <a:cubicBezTo>
                  <a:pt x="124" y="115"/>
                  <a:pt x="118" y="114"/>
                  <a:pt x="113" y="116"/>
                </a:cubicBezTo>
                <a:cubicBezTo>
                  <a:pt x="108" y="118"/>
                  <a:pt x="105" y="123"/>
                  <a:pt x="105" y="128"/>
                </a:cubicBezTo>
                <a:cubicBezTo>
                  <a:pt x="105" y="128"/>
                  <a:pt x="105" y="170"/>
                  <a:pt x="105" y="201"/>
                </a:cubicBezTo>
                <a:cubicBezTo>
                  <a:pt x="77" y="173"/>
                  <a:pt x="23" y="119"/>
                  <a:pt x="23" y="119"/>
                </a:cubicBezTo>
                <a:cubicBezTo>
                  <a:pt x="19" y="115"/>
                  <a:pt x="14" y="114"/>
                  <a:pt x="9" y="116"/>
                </a:cubicBezTo>
                <a:cubicBezTo>
                  <a:pt x="4" y="118"/>
                  <a:pt x="0" y="123"/>
                  <a:pt x="0" y="128"/>
                </a:cubicBezTo>
                <a:cubicBezTo>
                  <a:pt x="0" y="426"/>
                  <a:pt x="0" y="426"/>
                  <a:pt x="0" y="426"/>
                </a:cubicBezTo>
                <a:cubicBezTo>
                  <a:pt x="0" y="433"/>
                  <a:pt x="6" y="439"/>
                  <a:pt x="14" y="439"/>
                </a:cubicBezTo>
                <a:cubicBezTo>
                  <a:pt x="275" y="439"/>
                  <a:pt x="275" y="439"/>
                  <a:pt x="275" y="439"/>
                </a:cubicBezTo>
                <a:cubicBezTo>
                  <a:pt x="282" y="439"/>
                  <a:pt x="288" y="433"/>
                  <a:pt x="288" y="426"/>
                </a:cubicBezTo>
                <a:cubicBezTo>
                  <a:pt x="288" y="418"/>
                  <a:pt x="282" y="412"/>
                  <a:pt x="275" y="412"/>
                </a:cubicBezTo>
                <a:cubicBezTo>
                  <a:pt x="275" y="412"/>
                  <a:pt x="51" y="412"/>
                  <a:pt x="27" y="412"/>
                </a:cubicBezTo>
                <a:cubicBezTo>
                  <a:pt x="27" y="391"/>
                  <a:pt x="27" y="210"/>
                  <a:pt x="27" y="161"/>
                </a:cubicBezTo>
                <a:cubicBezTo>
                  <a:pt x="55" y="189"/>
                  <a:pt x="109" y="243"/>
                  <a:pt x="109" y="243"/>
                </a:cubicBezTo>
                <a:cubicBezTo>
                  <a:pt x="113" y="247"/>
                  <a:pt x="118" y="248"/>
                  <a:pt x="123" y="246"/>
                </a:cubicBezTo>
                <a:cubicBezTo>
                  <a:pt x="128" y="244"/>
                  <a:pt x="132" y="239"/>
                  <a:pt x="132" y="234"/>
                </a:cubicBezTo>
                <a:cubicBezTo>
                  <a:pt x="132" y="234"/>
                  <a:pt x="132" y="192"/>
                  <a:pt x="132" y="161"/>
                </a:cubicBezTo>
                <a:cubicBezTo>
                  <a:pt x="159" y="189"/>
                  <a:pt x="214" y="243"/>
                  <a:pt x="214" y="243"/>
                </a:cubicBezTo>
                <a:cubicBezTo>
                  <a:pt x="218" y="247"/>
                  <a:pt x="224" y="248"/>
                  <a:pt x="229" y="246"/>
                </a:cubicBezTo>
                <a:cubicBezTo>
                  <a:pt x="234" y="244"/>
                  <a:pt x="237" y="239"/>
                  <a:pt x="237" y="234"/>
                </a:cubicBezTo>
                <a:cubicBezTo>
                  <a:pt x="237" y="234"/>
                  <a:pt x="237" y="192"/>
                  <a:pt x="237" y="161"/>
                </a:cubicBezTo>
                <a:cubicBezTo>
                  <a:pt x="265" y="189"/>
                  <a:pt x="318" y="243"/>
                  <a:pt x="318" y="243"/>
                </a:cubicBezTo>
                <a:cubicBezTo>
                  <a:pt x="322" y="247"/>
                  <a:pt x="327" y="248"/>
                  <a:pt x="332" y="246"/>
                </a:cubicBezTo>
                <a:cubicBezTo>
                  <a:pt x="337" y="245"/>
                  <a:pt x="340" y="240"/>
                  <a:pt x="341" y="235"/>
                </a:cubicBezTo>
                <a:cubicBezTo>
                  <a:pt x="341" y="235"/>
                  <a:pt x="358" y="48"/>
                  <a:pt x="360" y="26"/>
                </a:cubicBezTo>
                <a:cubicBezTo>
                  <a:pt x="367" y="26"/>
                  <a:pt x="369" y="26"/>
                  <a:pt x="375" y="26"/>
                </a:cubicBezTo>
                <a:cubicBezTo>
                  <a:pt x="376" y="50"/>
                  <a:pt x="398" y="426"/>
                  <a:pt x="398" y="426"/>
                </a:cubicBezTo>
                <a:cubicBezTo>
                  <a:pt x="398" y="434"/>
                  <a:pt x="404" y="439"/>
                  <a:pt x="412" y="439"/>
                </a:cubicBezTo>
                <a:cubicBezTo>
                  <a:pt x="419" y="439"/>
                  <a:pt x="425" y="432"/>
                  <a:pt x="424" y="425"/>
                </a:cubicBezTo>
                <a:cubicBezTo>
                  <a:pt x="401" y="12"/>
                  <a:pt x="401" y="12"/>
                  <a:pt x="401" y="12"/>
                </a:cubicBezTo>
                <a:cubicBezTo>
                  <a:pt x="400" y="5"/>
                  <a:pt x="395" y="0"/>
                  <a:pt x="388" y="0"/>
                </a:cubicBezTo>
                <a:lnTo>
                  <a:pt x="348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79" name="TextBox 278"/>
          <p:cNvSpPr txBox="1"/>
          <p:nvPr userDrawn="1"/>
        </p:nvSpPr>
        <p:spPr>
          <a:xfrm>
            <a:off x="4196931" y="1669178"/>
            <a:ext cx="590226" cy="12311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ndustry</a:t>
            </a:r>
          </a:p>
        </p:txBody>
      </p:sp>
      <p:sp>
        <p:nvSpPr>
          <p:cNvPr id="280" name="Freeform 68"/>
          <p:cNvSpPr>
            <a:spLocks noChangeAspect="1"/>
          </p:cNvSpPr>
          <p:nvPr userDrawn="1"/>
        </p:nvSpPr>
        <p:spPr bwMode="auto">
          <a:xfrm>
            <a:off x="1438331" y="1185552"/>
            <a:ext cx="448619" cy="393192"/>
          </a:xfrm>
          <a:custGeom>
            <a:avLst/>
            <a:gdLst/>
            <a:ahLst/>
            <a:cxnLst>
              <a:cxn ang="0">
                <a:pos x="99" y="0"/>
              </a:cxn>
              <a:cxn ang="0">
                <a:pos x="86" y="14"/>
              </a:cxn>
              <a:cxn ang="0">
                <a:pos x="86" y="117"/>
              </a:cxn>
              <a:cxn ang="0">
                <a:pos x="68" y="117"/>
              </a:cxn>
              <a:cxn ang="0">
                <a:pos x="55" y="130"/>
              </a:cxn>
              <a:cxn ang="0">
                <a:pos x="55" y="293"/>
              </a:cxn>
              <a:cxn ang="0">
                <a:pos x="13" y="293"/>
              </a:cxn>
              <a:cxn ang="0">
                <a:pos x="0" y="306"/>
              </a:cxn>
              <a:cxn ang="0">
                <a:pos x="13" y="320"/>
              </a:cxn>
              <a:cxn ang="0">
                <a:pos x="68" y="320"/>
              </a:cxn>
              <a:cxn ang="0">
                <a:pos x="81" y="306"/>
              </a:cxn>
              <a:cxn ang="0">
                <a:pos x="81" y="143"/>
              </a:cxn>
              <a:cxn ang="0">
                <a:pos x="99" y="143"/>
              </a:cxn>
              <a:cxn ang="0">
                <a:pos x="112" y="130"/>
              </a:cxn>
              <a:cxn ang="0">
                <a:pos x="112" y="27"/>
              </a:cxn>
              <a:cxn ang="0">
                <a:pos x="184" y="27"/>
              </a:cxn>
              <a:cxn ang="0">
                <a:pos x="184" y="207"/>
              </a:cxn>
              <a:cxn ang="0">
                <a:pos x="198" y="220"/>
              </a:cxn>
              <a:cxn ang="0">
                <a:pos x="231" y="220"/>
              </a:cxn>
              <a:cxn ang="0">
                <a:pos x="231" y="270"/>
              </a:cxn>
              <a:cxn ang="0">
                <a:pos x="244" y="284"/>
              </a:cxn>
              <a:cxn ang="0">
                <a:pos x="298" y="284"/>
              </a:cxn>
              <a:cxn ang="0">
                <a:pos x="311" y="270"/>
              </a:cxn>
              <a:cxn ang="0">
                <a:pos x="311" y="83"/>
              </a:cxn>
              <a:cxn ang="0">
                <a:pos x="340" y="83"/>
              </a:cxn>
              <a:cxn ang="0">
                <a:pos x="340" y="307"/>
              </a:cxn>
              <a:cxn ang="0">
                <a:pos x="353" y="320"/>
              </a:cxn>
              <a:cxn ang="0">
                <a:pos x="366" y="307"/>
              </a:cxn>
              <a:cxn ang="0">
                <a:pos x="366" y="70"/>
              </a:cxn>
              <a:cxn ang="0">
                <a:pos x="353" y="57"/>
              </a:cxn>
              <a:cxn ang="0">
                <a:pos x="298" y="57"/>
              </a:cxn>
              <a:cxn ang="0">
                <a:pos x="285" y="70"/>
              </a:cxn>
              <a:cxn ang="0">
                <a:pos x="285" y="257"/>
              </a:cxn>
              <a:cxn ang="0">
                <a:pos x="257" y="257"/>
              </a:cxn>
              <a:cxn ang="0">
                <a:pos x="257" y="207"/>
              </a:cxn>
              <a:cxn ang="0">
                <a:pos x="244" y="193"/>
              </a:cxn>
              <a:cxn ang="0">
                <a:pos x="211" y="193"/>
              </a:cxn>
              <a:cxn ang="0">
                <a:pos x="211" y="14"/>
              </a:cxn>
              <a:cxn ang="0">
                <a:pos x="198" y="0"/>
              </a:cxn>
              <a:cxn ang="0">
                <a:pos x="99" y="0"/>
              </a:cxn>
            </a:cxnLst>
            <a:rect l="0" t="0" r="r" b="b"/>
            <a:pathLst>
              <a:path w="366" h="320">
                <a:moveTo>
                  <a:pt x="99" y="0"/>
                </a:moveTo>
                <a:cubicBezTo>
                  <a:pt x="92" y="0"/>
                  <a:pt x="86" y="6"/>
                  <a:pt x="86" y="14"/>
                </a:cubicBezTo>
                <a:cubicBezTo>
                  <a:pt x="86" y="14"/>
                  <a:pt x="86" y="96"/>
                  <a:pt x="86" y="117"/>
                </a:cubicBezTo>
                <a:cubicBezTo>
                  <a:pt x="77" y="117"/>
                  <a:pt x="68" y="117"/>
                  <a:pt x="68" y="117"/>
                </a:cubicBezTo>
                <a:cubicBezTo>
                  <a:pt x="61" y="117"/>
                  <a:pt x="55" y="123"/>
                  <a:pt x="55" y="130"/>
                </a:cubicBezTo>
                <a:cubicBezTo>
                  <a:pt x="55" y="130"/>
                  <a:pt x="55" y="271"/>
                  <a:pt x="55" y="293"/>
                </a:cubicBezTo>
                <a:cubicBezTo>
                  <a:pt x="40" y="293"/>
                  <a:pt x="13" y="293"/>
                  <a:pt x="13" y="293"/>
                </a:cubicBezTo>
                <a:cubicBezTo>
                  <a:pt x="6" y="293"/>
                  <a:pt x="0" y="299"/>
                  <a:pt x="0" y="306"/>
                </a:cubicBezTo>
                <a:cubicBezTo>
                  <a:pt x="0" y="314"/>
                  <a:pt x="6" y="320"/>
                  <a:pt x="13" y="320"/>
                </a:cubicBezTo>
                <a:cubicBezTo>
                  <a:pt x="68" y="320"/>
                  <a:pt x="68" y="320"/>
                  <a:pt x="68" y="320"/>
                </a:cubicBezTo>
                <a:cubicBezTo>
                  <a:pt x="75" y="320"/>
                  <a:pt x="81" y="314"/>
                  <a:pt x="81" y="306"/>
                </a:cubicBezTo>
                <a:cubicBezTo>
                  <a:pt x="81" y="306"/>
                  <a:pt x="81" y="165"/>
                  <a:pt x="81" y="143"/>
                </a:cubicBezTo>
                <a:cubicBezTo>
                  <a:pt x="90" y="143"/>
                  <a:pt x="99" y="143"/>
                  <a:pt x="99" y="143"/>
                </a:cubicBezTo>
                <a:cubicBezTo>
                  <a:pt x="106" y="143"/>
                  <a:pt x="112" y="137"/>
                  <a:pt x="112" y="130"/>
                </a:cubicBezTo>
                <a:cubicBezTo>
                  <a:pt x="112" y="130"/>
                  <a:pt x="112" y="47"/>
                  <a:pt x="112" y="27"/>
                </a:cubicBezTo>
                <a:cubicBezTo>
                  <a:pt x="129" y="27"/>
                  <a:pt x="168" y="27"/>
                  <a:pt x="184" y="27"/>
                </a:cubicBezTo>
                <a:cubicBezTo>
                  <a:pt x="184" y="49"/>
                  <a:pt x="184" y="207"/>
                  <a:pt x="184" y="207"/>
                </a:cubicBezTo>
                <a:cubicBezTo>
                  <a:pt x="184" y="214"/>
                  <a:pt x="190" y="220"/>
                  <a:pt x="198" y="220"/>
                </a:cubicBezTo>
                <a:cubicBezTo>
                  <a:pt x="198" y="220"/>
                  <a:pt x="217" y="220"/>
                  <a:pt x="231" y="220"/>
                </a:cubicBezTo>
                <a:cubicBezTo>
                  <a:pt x="231" y="236"/>
                  <a:pt x="231" y="270"/>
                  <a:pt x="231" y="270"/>
                </a:cubicBezTo>
                <a:cubicBezTo>
                  <a:pt x="231" y="278"/>
                  <a:pt x="237" y="284"/>
                  <a:pt x="244" y="284"/>
                </a:cubicBezTo>
                <a:cubicBezTo>
                  <a:pt x="298" y="284"/>
                  <a:pt x="298" y="284"/>
                  <a:pt x="298" y="284"/>
                </a:cubicBezTo>
                <a:cubicBezTo>
                  <a:pt x="305" y="284"/>
                  <a:pt x="311" y="278"/>
                  <a:pt x="311" y="270"/>
                </a:cubicBezTo>
                <a:cubicBezTo>
                  <a:pt x="311" y="270"/>
                  <a:pt x="311" y="106"/>
                  <a:pt x="311" y="83"/>
                </a:cubicBezTo>
                <a:cubicBezTo>
                  <a:pt x="322" y="83"/>
                  <a:pt x="330" y="83"/>
                  <a:pt x="340" y="83"/>
                </a:cubicBezTo>
                <a:cubicBezTo>
                  <a:pt x="340" y="107"/>
                  <a:pt x="340" y="307"/>
                  <a:pt x="340" y="307"/>
                </a:cubicBezTo>
                <a:cubicBezTo>
                  <a:pt x="340" y="314"/>
                  <a:pt x="346" y="320"/>
                  <a:pt x="353" y="320"/>
                </a:cubicBezTo>
                <a:cubicBezTo>
                  <a:pt x="361" y="320"/>
                  <a:pt x="366" y="314"/>
                  <a:pt x="366" y="307"/>
                </a:cubicBezTo>
                <a:cubicBezTo>
                  <a:pt x="366" y="70"/>
                  <a:pt x="366" y="70"/>
                  <a:pt x="366" y="70"/>
                </a:cubicBezTo>
                <a:cubicBezTo>
                  <a:pt x="366" y="63"/>
                  <a:pt x="361" y="57"/>
                  <a:pt x="353" y="57"/>
                </a:cubicBezTo>
                <a:cubicBezTo>
                  <a:pt x="298" y="57"/>
                  <a:pt x="298" y="57"/>
                  <a:pt x="298" y="57"/>
                </a:cubicBezTo>
                <a:cubicBezTo>
                  <a:pt x="291" y="57"/>
                  <a:pt x="285" y="63"/>
                  <a:pt x="285" y="70"/>
                </a:cubicBezTo>
                <a:cubicBezTo>
                  <a:pt x="285" y="70"/>
                  <a:pt x="285" y="234"/>
                  <a:pt x="285" y="257"/>
                </a:cubicBezTo>
                <a:cubicBezTo>
                  <a:pt x="275" y="257"/>
                  <a:pt x="267" y="257"/>
                  <a:pt x="257" y="257"/>
                </a:cubicBezTo>
                <a:cubicBezTo>
                  <a:pt x="257" y="241"/>
                  <a:pt x="257" y="207"/>
                  <a:pt x="257" y="207"/>
                </a:cubicBezTo>
                <a:cubicBezTo>
                  <a:pt x="257" y="199"/>
                  <a:pt x="251" y="193"/>
                  <a:pt x="244" y="193"/>
                </a:cubicBezTo>
                <a:cubicBezTo>
                  <a:pt x="244" y="193"/>
                  <a:pt x="224" y="193"/>
                  <a:pt x="211" y="193"/>
                </a:cubicBezTo>
                <a:cubicBezTo>
                  <a:pt x="211" y="171"/>
                  <a:pt x="211" y="14"/>
                  <a:pt x="211" y="14"/>
                </a:cubicBezTo>
                <a:cubicBezTo>
                  <a:pt x="211" y="6"/>
                  <a:pt x="205" y="0"/>
                  <a:pt x="198" y="0"/>
                </a:cubicBezTo>
                <a:lnTo>
                  <a:pt x="99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1" name="TextBox 280"/>
          <p:cNvSpPr txBox="1"/>
          <p:nvPr userDrawn="1"/>
        </p:nvSpPr>
        <p:spPr>
          <a:xfrm>
            <a:off x="1342302" y="1669178"/>
            <a:ext cx="652743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Buildings</a:t>
            </a:r>
          </a:p>
        </p:txBody>
      </p:sp>
      <p:sp>
        <p:nvSpPr>
          <p:cNvPr id="282" name="Freeform 60"/>
          <p:cNvSpPr>
            <a:spLocks noChangeAspect="1"/>
          </p:cNvSpPr>
          <p:nvPr userDrawn="1"/>
        </p:nvSpPr>
        <p:spPr bwMode="auto">
          <a:xfrm>
            <a:off x="2317350" y="1222064"/>
            <a:ext cx="493975" cy="353487"/>
          </a:xfrm>
          <a:custGeom>
            <a:avLst/>
            <a:gdLst/>
            <a:ahLst/>
            <a:cxnLst>
              <a:cxn ang="0">
                <a:pos x="318" y="316"/>
              </a:cxn>
              <a:cxn ang="0">
                <a:pos x="117" y="97"/>
              </a:cxn>
              <a:cxn ang="0">
                <a:pos x="148" y="254"/>
              </a:cxn>
              <a:cxn ang="0">
                <a:pos x="153" y="130"/>
              </a:cxn>
              <a:cxn ang="0">
                <a:pos x="214" y="140"/>
              </a:cxn>
              <a:cxn ang="0">
                <a:pos x="224" y="278"/>
              </a:cxn>
              <a:cxn ang="0">
                <a:pos x="255" y="164"/>
              </a:cxn>
              <a:cxn ang="0">
                <a:pos x="281" y="164"/>
              </a:cxn>
              <a:cxn ang="0">
                <a:pos x="276" y="315"/>
              </a:cxn>
              <a:cxn ang="0">
                <a:pos x="208" y="300"/>
              </a:cxn>
              <a:cxn ang="0">
                <a:pos x="198" y="163"/>
              </a:cxn>
              <a:cxn ang="0">
                <a:pos x="174" y="271"/>
              </a:cxn>
              <a:cxn ang="0">
                <a:pos x="157" y="283"/>
              </a:cxn>
              <a:cxn ang="0">
                <a:pos x="91" y="257"/>
              </a:cxn>
              <a:cxn ang="0">
                <a:pos x="96" y="71"/>
              </a:cxn>
              <a:cxn ang="0">
                <a:pos x="333" y="120"/>
              </a:cxn>
              <a:cxn ang="0">
                <a:pos x="343" y="290"/>
              </a:cxn>
              <a:cxn ang="0">
                <a:pos x="435" y="51"/>
              </a:cxn>
              <a:cxn ang="0">
                <a:pos x="222" y="33"/>
              </a:cxn>
              <a:cxn ang="0">
                <a:pos x="217" y="56"/>
              </a:cxn>
              <a:cxn ang="0">
                <a:pos x="160" y="52"/>
              </a:cxn>
              <a:cxn ang="0">
                <a:pos x="75" y="244"/>
              </a:cxn>
              <a:cxn ang="0">
                <a:pos x="62" y="257"/>
              </a:cxn>
              <a:cxn ang="0">
                <a:pos x="0" y="244"/>
              </a:cxn>
              <a:cxn ang="0">
                <a:pos x="49" y="232"/>
              </a:cxn>
              <a:cxn ang="0">
                <a:pos x="60" y="39"/>
              </a:cxn>
              <a:cxn ang="0">
                <a:pos x="163" y="26"/>
              </a:cxn>
              <a:cxn ang="0">
                <a:pos x="196" y="22"/>
              </a:cxn>
              <a:cxn ang="0">
                <a:pos x="299" y="0"/>
              </a:cxn>
              <a:cxn ang="0">
                <a:pos x="450" y="27"/>
              </a:cxn>
              <a:cxn ang="0">
                <a:pos x="461" y="228"/>
              </a:cxn>
              <a:cxn ang="0">
                <a:pos x="338" y="326"/>
              </a:cxn>
              <a:cxn ang="0">
                <a:pos x="325" y="328"/>
              </a:cxn>
            </a:cxnLst>
            <a:rect l="0" t="0" r="r" b="b"/>
            <a:pathLst>
              <a:path w="461" h="329">
                <a:moveTo>
                  <a:pt x="325" y="328"/>
                </a:moveTo>
                <a:cubicBezTo>
                  <a:pt x="320" y="325"/>
                  <a:pt x="318" y="321"/>
                  <a:pt x="318" y="316"/>
                </a:cubicBezTo>
                <a:cubicBezTo>
                  <a:pt x="318" y="143"/>
                  <a:pt x="318" y="143"/>
                  <a:pt x="318" y="143"/>
                </a:cubicBezTo>
                <a:cubicBezTo>
                  <a:pt x="117" y="97"/>
                  <a:pt x="117" y="97"/>
                  <a:pt x="117" y="97"/>
                </a:cubicBezTo>
                <a:cubicBezTo>
                  <a:pt x="117" y="246"/>
                  <a:pt x="117" y="246"/>
                  <a:pt x="117" y="246"/>
                </a:cubicBezTo>
                <a:cubicBezTo>
                  <a:pt x="148" y="254"/>
                  <a:pt x="148" y="254"/>
                  <a:pt x="148" y="254"/>
                </a:cubicBezTo>
                <a:cubicBezTo>
                  <a:pt x="148" y="141"/>
                  <a:pt x="148" y="141"/>
                  <a:pt x="148" y="141"/>
                </a:cubicBezTo>
                <a:cubicBezTo>
                  <a:pt x="148" y="137"/>
                  <a:pt x="149" y="133"/>
                  <a:pt x="153" y="130"/>
                </a:cubicBezTo>
                <a:cubicBezTo>
                  <a:pt x="156" y="128"/>
                  <a:pt x="160" y="127"/>
                  <a:pt x="164" y="128"/>
                </a:cubicBezTo>
                <a:cubicBezTo>
                  <a:pt x="214" y="140"/>
                  <a:pt x="214" y="140"/>
                  <a:pt x="214" y="140"/>
                </a:cubicBezTo>
                <a:cubicBezTo>
                  <a:pt x="220" y="141"/>
                  <a:pt x="224" y="147"/>
                  <a:pt x="224" y="153"/>
                </a:cubicBezTo>
                <a:cubicBezTo>
                  <a:pt x="224" y="278"/>
                  <a:pt x="224" y="278"/>
                  <a:pt x="224" y="278"/>
                </a:cubicBezTo>
                <a:cubicBezTo>
                  <a:pt x="255" y="287"/>
                  <a:pt x="255" y="287"/>
                  <a:pt x="255" y="287"/>
                </a:cubicBezTo>
                <a:cubicBezTo>
                  <a:pt x="255" y="164"/>
                  <a:pt x="255" y="164"/>
                  <a:pt x="255" y="164"/>
                </a:cubicBezTo>
                <a:cubicBezTo>
                  <a:pt x="255" y="157"/>
                  <a:pt x="261" y="151"/>
                  <a:pt x="268" y="151"/>
                </a:cubicBezTo>
                <a:cubicBezTo>
                  <a:pt x="275" y="151"/>
                  <a:pt x="281" y="157"/>
                  <a:pt x="281" y="164"/>
                </a:cubicBezTo>
                <a:cubicBezTo>
                  <a:pt x="281" y="304"/>
                  <a:pt x="281" y="304"/>
                  <a:pt x="281" y="304"/>
                </a:cubicBezTo>
                <a:cubicBezTo>
                  <a:pt x="281" y="308"/>
                  <a:pt x="280" y="312"/>
                  <a:pt x="276" y="315"/>
                </a:cubicBezTo>
                <a:cubicBezTo>
                  <a:pt x="273" y="317"/>
                  <a:pt x="269" y="318"/>
                  <a:pt x="265" y="317"/>
                </a:cubicBezTo>
                <a:cubicBezTo>
                  <a:pt x="208" y="300"/>
                  <a:pt x="208" y="300"/>
                  <a:pt x="208" y="300"/>
                </a:cubicBezTo>
                <a:cubicBezTo>
                  <a:pt x="202" y="298"/>
                  <a:pt x="198" y="293"/>
                  <a:pt x="198" y="287"/>
                </a:cubicBezTo>
                <a:cubicBezTo>
                  <a:pt x="198" y="163"/>
                  <a:pt x="198" y="163"/>
                  <a:pt x="198" y="163"/>
                </a:cubicBezTo>
                <a:cubicBezTo>
                  <a:pt x="174" y="157"/>
                  <a:pt x="174" y="157"/>
                  <a:pt x="174" y="157"/>
                </a:cubicBezTo>
                <a:cubicBezTo>
                  <a:pt x="174" y="271"/>
                  <a:pt x="174" y="271"/>
                  <a:pt x="174" y="271"/>
                </a:cubicBezTo>
                <a:cubicBezTo>
                  <a:pt x="174" y="275"/>
                  <a:pt x="172" y="278"/>
                  <a:pt x="169" y="281"/>
                </a:cubicBezTo>
                <a:cubicBezTo>
                  <a:pt x="165" y="283"/>
                  <a:pt x="161" y="284"/>
                  <a:pt x="157" y="283"/>
                </a:cubicBezTo>
                <a:cubicBezTo>
                  <a:pt x="101" y="269"/>
                  <a:pt x="101" y="269"/>
                  <a:pt x="101" y="269"/>
                </a:cubicBezTo>
                <a:cubicBezTo>
                  <a:pt x="95" y="268"/>
                  <a:pt x="91" y="262"/>
                  <a:pt x="91" y="257"/>
                </a:cubicBezTo>
                <a:cubicBezTo>
                  <a:pt x="91" y="81"/>
                  <a:pt x="91" y="81"/>
                  <a:pt x="91" y="81"/>
                </a:cubicBezTo>
                <a:cubicBezTo>
                  <a:pt x="91" y="77"/>
                  <a:pt x="93" y="73"/>
                  <a:pt x="96" y="71"/>
                </a:cubicBezTo>
                <a:cubicBezTo>
                  <a:pt x="99" y="68"/>
                  <a:pt x="103" y="68"/>
                  <a:pt x="107" y="68"/>
                </a:cubicBezTo>
                <a:cubicBezTo>
                  <a:pt x="333" y="120"/>
                  <a:pt x="333" y="120"/>
                  <a:pt x="333" y="120"/>
                </a:cubicBezTo>
                <a:cubicBezTo>
                  <a:pt x="339" y="121"/>
                  <a:pt x="343" y="126"/>
                  <a:pt x="343" y="132"/>
                </a:cubicBezTo>
                <a:cubicBezTo>
                  <a:pt x="343" y="290"/>
                  <a:pt x="343" y="290"/>
                  <a:pt x="343" y="290"/>
                </a:cubicBezTo>
                <a:cubicBezTo>
                  <a:pt x="435" y="221"/>
                  <a:pt x="435" y="221"/>
                  <a:pt x="435" y="221"/>
                </a:cubicBezTo>
                <a:cubicBezTo>
                  <a:pt x="435" y="51"/>
                  <a:pt x="435" y="51"/>
                  <a:pt x="435" y="51"/>
                </a:cubicBezTo>
                <a:cubicBezTo>
                  <a:pt x="300" y="26"/>
                  <a:pt x="300" y="26"/>
                  <a:pt x="300" y="26"/>
                </a:cubicBezTo>
                <a:cubicBezTo>
                  <a:pt x="222" y="33"/>
                  <a:pt x="222" y="33"/>
                  <a:pt x="222" y="33"/>
                </a:cubicBezTo>
                <a:cubicBezTo>
                  <a:pt x="222" y="47"/>
                  <a:pt x="222" y="47"/>
                  <a:pt x="222" y="47"/>
                </a:cubicBezTo>
                <a:cubicBezTo>
                  <a:pt x="222" y="50"/>
                  <a:pt x="220" y="54"/>
                  <a:pt x="217" y="56"/>
                </a:cubicBezTo>
                <a:cubicBezTo>
                  <a:pt x="214" y="59"/>
                  <a:pt x="211" y="60"/>
                  <a:pt x="207" y="59"/>
                </a:cubicBezTo>
                <a:cubicBezTo>
                  <a:pt x="160" y="52"/>
                  <a:pt x="160" y="52"/>
                  <a:pt x="160" y="52"/>
                </a:cubicBezTo>
                <a:cubicBezTo>
                  <a:pt x="75" y="64"/>
                  <a:pt x="75" y="64"/>
                  <a:pt x="75" y="64"/>
                </a:cubicBezTo>
                <a:cubicBezTo>
                  <a:pt x="75" y="244"/>
                  <a:pt x="75" y="244"/>
                  <a:pt x="75" y="244"/>
                </a:cubicBezTo>
                <a:cubicBezTo>
                  <a:pt x="75" y="248"/>
                  <a:pt x="73" y="251"/>
                  <a:pt x="71" y="254"/>
                </a:cubicBezTo>
                <a:cubicBezTo>
                  <a:pt x="68" y="256"/>
                  <a:pt x="65" y="257"/>
                  <a:pt x="62" y="257"/>
                </a:cubicBezTo>
                <a:cubicBezTo>
                  <a:pt x="13" y="257"/>
                  <a:pt x="13" y="257"/>
                  <a:pt x="13" y="257"/>
                </a:cubicBezTo>
                <a:cubicBezTo>
                  <a:pt x="5" y="257"/>
                  <a:pt x="0" y="252"/>
                  <a:pt x="0" y="244"/>
                </a:cubicBezTo>
                <a:cubicBezTo>
                  <a:pt x="0" y="237"/>
                  <a:pt x="5" y="232"/>
                  <a:pt x="13" y="232"/>
                </a:cubicBezTo>
                <a:cubicBezTo>
                  <a:pt x="49" y="232"/>
                  <a:pt x="49" y="232"/>
                  <a:pt x="49" y="232"/>
                </a:cubicBezTo>
                <a:cubicBezTo>
                  <a:pt x="49" y="52"/>
                  <a:pt x="49" y="52"/>
                  <a:pt x="49" y="52"/>
                </a:cubicBezTo>
                <a:cubicBezTo>
                  <a:pt x="49" y="46"/>
                  <a:pt x="53" y="40"/>
                  <a:pt x="60" y="39"/>
                </a:cubicBezTo>
                <a:cubicBezTo>
                  <a:pt x="159" y="26"/>
                  <a:pt x="159" y="26"/>
                  <a:pt x="159" y="26"/>
                </a:cubicBezTo>
                <a:cubicBezTo>
                  <a:pt x="160" y="26"/>
                  <a:pt x="161" y="26"/>
                  <a:pt x="163" y="26"/>
                </a:cubicBezTo>
                <a:cubicBezTo>
                  <a:pt x="196" y="32"/>
                  <a:pt x="196" y="32"/>
                  <a:pt x="196" y="32"/>
                </a:cubicBezTo>
                <a:cubicBezTo>
                  <a:pt x="196" y="22"/>
                  <a:pt x="196" y="22"/>
                  <a:pt x="196" y="22"/>
                </a:cubicBezTo>
                <a:cubicBezTo>
                  <a:pt x="196" y="15"/>
                  <a:pt x="201" y="9"/>
                  <a:pt x="208" y="9"/>
                </a:cubicBezTo>
                <a:cubicBezTo>
                  <a:pt x="299" y="0"/>
                  <a:pt x="299" y="0"/>
                  <a:pt x="299" y="0"/>
                </a:cubicBezTo>
                <a:cubicBezTo>
                  <a:pt x="300" y="0"/>
                  <a:pt x="302" y="0"/>
                  <a:pt x="303" y="0"/>
                </a:cubicBezTo>
                <a:cubicBezTo>
                  <a:pt x="450" y="27"/>
                  <a:pt x="450" y="27"/>
                  <a:pt x="450" y="27"/>
                </a:cubicBezTo>
                <a:cubicBezTo>
                  <a:pt x="457" y="28"/>
                  <a:pt x="461" y="34"/>
                  <a:pt x="461" y="40"/>
                </a:cubicBezTo>
                <a:cubicBezTo>
                  <a:pt x="461" y="228"/>
                  <a:pt x="461" y="228"/>
                  <a:pt x="461" y="228"/>
                </a:cubicBezTo>
                <a:cubicBezTo>
                  <a:pt x="461" y="232"/>
                  <a:pt x="459" y="236"/>
                  <a:pt x="456" y="238"/>
                </a:cubicBezTo>
                <a:cubicBezTo>
                  <a:pt x="338" y="326"/>
                  <a:pt x="338" y="326"/>
                  <a:pt x="338" y="326"/>
                </a:cubicBezTo>
                <a:cubicBezTo>
                  <a:pt x="336" y="328"/>
                  <a:pt x="333" y="329"/>
                  <a:pt x="330" y="329"/>
                </a:cubicBezTo>
                <a:cubicBezTo>
                  <a:pt x="328" y="329"/>
                  <a:pt x="327" y="329"/>
                  <a:pt x="325" y="328"/>
                </a:cubicBezTo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3" name="TextBox 282"/>
          <p:cNvSpPr txBox="1"/>
          <p:nvPr userDrawn="1"/>
        </p:nvSpPr>
        <p:spPr>
          <a:xfrm>
            <a:off x="2286368" y="1669178"/>
            <a:ext cx="647613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Data </a:t>
            </a:r>
            <a:r>
              <a:rPr lang="en-US" sz="800" b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entres</a:t>
            </a: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&amp; networks</a:t>
            </a:r>
          </a:p>
        </p:txBody>
      </p:sp>
      <p:sp>
        <p:nvSpPr>
          <p:cNvPr id="284" name="Freeform 64"/>
          <p:cNvSpPr>
            <a:spLocks noChangeAspect="1"/>
          </p:cNvSpPr>
          <p:nvPr userDrawn="1"/>
        </p:nvSpPr>
        <p:spPr bwMode="auto">
          <a:xfrm>
            <a:off x="5258275" y="1185552"/>
            <a:ext cx="358929" cy="393192"/>
          </a:xfrm>
          <a:custGeom>
            <a:avLst/>
            <a:gdLst/>
            <a:ahLst/>
            <a:cxnLst>
              <a:cxn ang="0">
                <a:pos x="146" y="5"/>
              </a:cxn>
              <a:cxn ang="0">
                <a:pos x="6" y="132"/>
              </a:cxn>
              <a:cxn ang="0">
                <a:pos x="5" y="151"/>
              </a:cxn>
              <a:cxn ang="0">
                <a:pos x="23" y="152"/>
              </a:cxn>
              <a:cxn ang="0">
                <a:pos x="155" y="33"/>
              </a:cxn>
              <a:cxn ang="0">
                <a:pos x="283" y="149"/>
              </a:cxn>
              <a:cxn ang="0">
                <a:pos x="283" y="313"/>
              </a:cxn>
              <a:cxn ang="0">
                <a:pos x="45" y="313"/>
              </a:cxn>
              <a:cxn ang="0">
                <a:pos x="45" y="228"/>
              </a:cxn>
              <a:cxn ang="0">
                <a:pos x="56" y="202"/>
              </a:cxn>
              <a:cxn ang="0">
                <a:pos x="100" y="187"/>
              </a:cxn>
              <a:cxn ang="0">
                <a:pos x="152" y="229"/>
              </a:cxn>
              <a:cxn ang="0">
                <a:pos x="152" y="272"/>
              </a:cxn>
              <a:cxn ang="0">
                <a:pos x="165" y="285"/>
              </a:cxn>
              <a:cxn ang="0">
                <a:pos x="178" y="272"/>
              </a:cxn>
              <a:cxn ang="0">
                <a:pos x="178" y="229"/>
              </a:cxn>
              <a:cxn ang="0">
                <a:pos x="159" y="182"/>
              </a:cxn>
              <a:cxn ang="0">
                <a:pos x="100" y="161"/>
              </a:cxn>
              <a:cxn ang="0">
                <a:pos x="36" y="184"/>
              </a:cxn>
              <a:cxn ang="0">
                <a:pos x="18" y="229"/>
              </a:cxn>
              <a:cxn ang="0">
                <a:pos x="18" y="229"/>
              </a:cxn>
              <a:cxn ang="0">
                <a:pos x="18" y="326"/>
              </a:cxn>
              <a:cxn ang="0">
                <a:pos x="22" y="335"/>
              </a:cxn>
              <a:cxn ang="0">
                <a:pos x="32" y="339"/>
              </a:cxn>
              <a:cxn ang="0">
                <a:pos x="296" y="339"/>
              </a:cxn>
              <a:cxn ang="0">
                <a:pos x="309" y="326"/>
              </a:cxn>
              <a:cxn ang="0">
                <a:pos x="309" y="143"/>
              </a:cxn>
              <a:cxn ang="0">
                <a:pos x="305" y="133"/>
              </a:cxn>
              <a:cxn ang="0">
                <a:pos x="164" y="5"/>
              </a:cxn>
              <a:cxn ang="0">
                <a:pos x="146" y="5"/>
              </a:cxn>
            </a:cxnLst>
            <a:rect l="0" t="0" r="r" b="b"/>
            <a:pathLst>
              <a:path w="309" h="339">
                <a:moveTo>
                  <a:pt x="146" y="5"/>
                </a:moveTo>
                <a:cubicBezTo>
                  <a:pt x="6" y="132"/>
                  <a:pt x="6" y="132"/>
                  <a:pt x="6" y="132"/>
                </a:cubicBezTo>
                <a:cubicBezTo>
                  <a:pt x="0" y="137"/>
                  <a:pt x="0" y="146"/>
                  <a:pt x="5" y="151"/>
                </a:cubicBezTo>
                <a:cubicBezTo>
                  <a:pt x="10" y="156"/>
                  <a:pt x="18" y="157"/>
                  <a:pt x="23" y="152"/>
                </a:cubicBezTo>
                <a:cubicBezTo>
                  <a:pt x="23" y="152"/>
                  <a:pt x="139" y="47"/>
                  <a:pt x="155" y="33"/>
                </a:cubicBezTo>
                <a:cubicBezTo>
                  <a:pt x="170" y="46"/>
                  <a:pt x="275" y="142"/>
                  <a:pt x="283" y="149"/>
                </a:cubicBezTo>
                <a:cubicBezTo>
                  <a:pt x="283" y="159"/>
                  <a:pt x="283" y="291"/>
                  <a:pt x="283" y="313"/>
                </a:cubicBezTo>
                <a:cubicBezTo>
                  <a:pt x="260" y="313"/>
                  <a:pt x="68" y="313"/>
                  <a:pt x="45" y="313"/>
                </a:cubicBezTo>
                <a:cubicBezTo>
                  <a:pt x="45" y="293"/>
                  <a:pt x="45" y="229"/>
                  <a:pt x="45" y="228"/>
                </a:cubicBezTo>
                <a:cubicBezTo>
                  <a:pt x="45" y="226"/>
                  <a:pt x="45" y="212"/>
                  <a:pt x="56" y="202"/>
                </a:cubicBezTo>
                <a:cubicBezTo>
                  <a:pt x="65" y="192"/>
                  <a:pt x="80" y="187"/>
                  <a:pt x="100" y="187"/>
                </a:cubicBezTo>
                <a:cubicBezTo>
                  <a:pt x="150" y="187"/>
                  <a:pt x="152" y="224"/>
                  <a:pt x="152" y="229"/>
                </a:cubicBezTo>
                <a:cubicBezTo>
                  <a:pt x="152" y="272"/>
                  <a:pt x="152" y="272"/>
                  <a:pt x="152" y="272"/>
                </a:cubicBezTo>
                <a:cubicBezTo>
                  <a:pt x="152" y="279"/>
                  <a:pt x="158" y="285"/>
                  <a:pt x="165" y="285"/>
                </a:cubicBezTo>
                <a:cubicBezTo>
                  <a:pt x="172" y="285"/>
                  <a:pt x="178" y="279"/>
                  <a:pt x="178" y="272"/>
                </a:cubicBezTo>
                <a:cubicBezTo>
                  <a:pt x="178" y="229"/>
                  <a:pt x="178" y="229"/>
                  <a:pt x="178" y="229"/>
                </a:cubicBezTo>
                <a:cubicBezTo>
                  <a:pt x="178" y="228"/>
                  <a:pt x="178" y="202"/>
                  <a:pt x="159" y="182"/>
                </a:cubicBezTo>
                <a:cubicBezTo>
                  <a:pt x="145" y="168"/>
                  <a:pt x="125" y="161"/>
                  <a:pt x="100" y="161"/>
                </a:cubicBezTo>
                <a:cubicBezTo>
                  <a:pt x="72" y="161"/>
                  <a:pt x="51" y="169"/>
                  <a:pt x="36" y="184"/>
                </a:cubicBezTo>
                <a:cubicBezTo>
                  <a:pt x="18" y="203"/>
                  <a:pt x="18" y="228"/>
                  <a:pt x="18" y="229"/>
                </a:cubicBezTo>
                <a:cubicBezTo>
                  <a:pt x="18" y="229"/>
                  <a:pt x="18" y="229"/>
                  <a:pt x="18" y="229"/>
                </a:cubicBezTo>
                <a:cubicBezTo>
                  <a:pt x="18" y="326"/>
                  <a:pt x="18" y="326"/>
                  <a:pt x="18" y="326"/>
                </a:cubicBezTo>
                <a:cubicBezTo>
                  <a:pt x="18" y="329"/>
                  <a:pt x="20" y="333"/>
                  <a:pt x="22" y="335"/>
                </a:cubicBezTo>
                <a:cubicBezTo>
                  <a:pt x="25" y="338"/>
                  <a:pt x="28" y="339"/>
                  <a:pt x="32" y="339"/>
                </a:cubicBezTo>
                <a:cubicBezTo>
                  <a:pt x="296" y="339"/>
                  <a:pt x="296" y="339"/>
                  <a:pt x="296" y="339"/>
                </a:cubicBezTo>
                <a:cubicBezTo>
                  <a:pt x="304" y="339"/>
                  <a:pt x="309" y="333"/>
                  <a:pt x="309" y="326"/>
                </a:cubicBezTo>
                <a:cubicBezTo>
                  <a:pt x="309" y="143"/>
                  <a:pt x="309" y="143"/>
                  <a:pt x="309" y="143"/>
                </a:cubicBezTo>
                <a:cubicBezTo>
                  <a:pt x="309" y="139"/>
                  <a:pt x="308" y="135"/>
                  <a:pt x="305" y="133"/>
                </a:cubicBezTo>
                <a:cubicBezTo>
                  <a:pt x="164" y="5"/>
                  <a:pt x="164" y="5"/>
                  <a:pt x="164" y="5"/>
                </a:cubicBezTo>
                <a:cubicBezTo>
                  <a:pt x="159" y="0"/>
                  <a:pt x="151" y="0"/>
                  <a:pt x="146" y="5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5" name="TextBox 284"/>
          <p:cNvSpPr txBox="1"/>
          <p:nvPr userDrawn="1"/>
        </p:nvSpPr>
        <p:spPr>
          <a:xfrm>
            <a:off x="5158129" y="1669178"/>
            <a:ext cx="549831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esidential</a:t>
            </a:r>
          </a:p>
        </p:txBody>
      </p:sp>
      <p:sp>
        <p:nvSpPr>
          <p:cNvPr id="286" name="Freeform 148"/>
          <p:cNvSpPr>
            <a:spLocks noChangeAspect="1"/>
          </p:cNvSpPr>
          <p:nvPr userDrawn="1"/>
        </p:nvSpPr>
        <p:spPr bwMode="auto">
          <a:xfrm>
            <a:off x="9432242" y="1260845"/>
            <a:ext cx="446842" cy="340106"/>
          </a:xfrm>
          <a:custGeom>
            <a:avLst/>
            <a:gdLst/>
            <a:ahLst/>
            <a:cxnLst>
              <a:cxn ang="0">
                <a:pos x="84" y="0"/>
              </a:cxn>
              <a:cxn ang="0">
                <a:pos x="0" y="91"/>
              </a:cxn>
              <a:cxn ang="0">
                <a:pos x="12" y="103"/>
              </a:cxn>
              <a:cxn ang="0">
                <a:pos x="36" y="127"/>
              </a:cxn>
              <a:cxn ang="0">
                <a:pos x="12" y="151"/>
              </a:cxn>
              <a:cxn ang="0">
                <a:pos x="0" y="163"/>
              </a:cxn>
              <a:cxn ang="0">
                <a:pos x="84" y="255"/>
              </a:cxn>
              <a:cxn ang="0">
                <a:pos x="180" y="255"/>
              </a:cxn>
              <a:cxn ang="0">
                <a:pos x="192" y="243"/>
              </a:cxn>
              <a:cxn ang="0">
                <a:pos x="192" y="209"/>
              </a:cxn>
              <a:cxn ang="0">
                <a:pos x="300" y="209"/>
              </a:cxn>
              <a:cxn ang="0">
                <a:pos x="301" y="209"/>
              </a:cxn>
              <a:cxn ang="0">
                <a:pos x="335" y="175"/>
              </a:cxn>
              <a:cxn ang="0">
                <a:pos x="302" y="142"/>
              </a:cxn>
              <a:cxn ang="0">
                <a:pos x="300" y="142"/>
              </a:cxn>
              <a:cxn ang="0">
                <a:pos x="184" y="142"/>
              </a:cxn>
              <a:cxn ang="0">
                <a:pos x="172" y="154"/>
              </a:cxn>
              <a:cxn ang="0">
                <a:pos x="184" y="166"/>
              </a:cxn>
              <a:cxn ang="0">
                <a:pos x="300" y="166"/>
              </a:cxn>
              <a:cxn ang="0">
                <a:pos x="301" y="166"/>
              </a:cxn>
              <a:cxn ang="0">
                <a:pos x="311" y="175"/>
              </a:cxn>
              <a:cxn ang="0">
                <a:pos x="302" y="184"/>
              </a:cxn>
              <a:cxn ang="0">
                <a:pos x="300" y="184"/>
              </a:cxn>
              <a:cxn ang="0">
                <a:pos x="180" y="184"/>
              </a:cxn>
              <a:cxn ang="0">
                <a:pos x="167" y="196"/>
              </a:cxn>
              <a:cxn ang="0">
                <a:pos x="167" y="230"/>
              </a:cxn>
              <a:cxn ang="0">
                <a:pos x="84" y="230"/>
              </a:cxn>
              <a:cxn ang="0">
                <a:pos x="25" y="174"/>
              </a:cxn>
              <a:cxn ang="0">
                <a:pos x="60" y="127"/>
              </a:cxn>
              <a:cxn ang="0">
                <a:pos x="25" y="81"/>
              </a:cxn>
              <a:cxn ang="0">
                <a:pos x="84" y="24"/>
              </a:cxn>
              <a:cxn ang="0">
                <a:pos x="167" y="24"/>
              </a:cxn>
              <a:cxn ang="0">
                <a:pos x="167" y="58"/>
              </a:cxn>
              <a:cxn ang="0">
                <a:pos x="180" y="71"/>
              </a:cxn>
              <a:cxn ang="0">
                <a:pos x="300" y="71"/>
              </a:cxn>
              <a:cxn ang="0">
                <a:pos x="302" y="71"/>
              </a:cxn>
              <a:cxn ang="0">
                <a:pos x="311" y="79"/>
              </a:cxn>
              <a:cxn ang="0">
                <a:pos x="302" y="88"/>
              </a:cxn>
              <a:cxn ang="0">
                <a:pos x="300" y="88"/>
              </a:cxn>
              <a:cxn ang="0">
                <a:pos x="184" y="88"/>
              </a:cxn>
              <a:cxn ang="0">
                <a:pos x="172" y="101"/>
              </a:cxn>
              <a:cxn ang="0">
                <a:pos x="184" y="113"/>
              </a:cxn>
              <a:cxn ang="0">
                <a:pos x="300" y="113"/>
              </a:cxn>
              <a:cxn ang="0">
                <a:pos x="302" y="113"/>
              </a:cxn>
              <a:cxn ang="0">
                <a:pos x="335" y="79"/>
              </a:cxn>
              <a:cxn ang="0">
                <a:pos x="302" y="46"/>
              </a:cxn>
              <a:cxn ang="0">
                <a:pos x="300" y="46"/>
              </a:cxn>
              <a:cxn ang="0">
                <a:pos x="192" y="46"/>
              </a:cxn>
              <a:cxn ang="0">
                <a:pos x="192" y="12"/>
              </a:cxn>
              <a:cxn ang="0">
                <a:pos x="180" y="0"/>
              </a:cxn>
              <a:cxn ang="0">
                <a:pos x="84" y="0"/>
              </a:cxn>
            </a:cxnLst>
            <a:rect l="0" t="0" r="r" b="b"/>
            <a:pathLst>
              <a:path w="335" h="255">
                <a:moveTo>
                  <a:pt x="84" y="0"/>
                </a:moveTo>
                <a:cubicBezTo>
                  <a:pt x="31" y="0"/>
                  <a:pt x="0" y="34"/>
                  <a:pt x="0" y="91"/>
                </a:cubicBezTo>
                <a:cubicBezTo>
                  <a:pt x="0" y="98"/>
                  <a:pt x="5" y="103"/>
                  <a:pt x="12" y="103"/>
                </a:cubicBezTo>
                <a:cubicBezTo>
                  <a:pt x="25" y="103"/>
                  <a:pt x="36" y="114"/>
                  <a:pt x="36" y="127"/>
                </a:cubicBezTo>
                <a:cubicBezTo>
                  <a:pt x="36" y="140"/>
                  <a:pt x="25" y="151"/>
                  <a:pt x="12" y="151"/>
                </a:cubicBezTo>
                <a:cubicBezTo>
                  <a:pt x="5" y="151"/>
                  <a:pt x="0" y="157"/>
                  <a:pt x="0" y="163"/>
                </a:cubicBezTo>
                <a:cubicBezTo>
                  <a:pt x="0" y="221"/>
                  <a:pt x="31" y="255"/>
                  <a:pt x="84" y="255"/>
                </a:cubicBezTo>
                <a:cubicBezTo>
                  <a:pt x="180" y="255"/>
                  <a:pt x="180" y="255"/>
                  <a:pt x="180" y="255"/>
                </a:cubicBezTo>
                <a:cubicBezTo>
                  <a:pt x="186" y="255"/>
                  <a:pt x="192" y="249"/>
                  <a:pt x="192" y="243"/>
                </a:cubicBezTo>
                <a:cubicBezTo>
                  <a:pt x="192" y="243"/>
                  <a:pt x="192" y="222"/>
                  <a:pt x="192" y="209"/>
                </a:cubicBezTo>
                <a:cubicBezTo>
                  <a:pt x="212" y="209"/>
                  <a:pt x="300" y="209"/>
                  <a:pt x="300" y="209"/>
                </a:cubicBezTo>
                <a:cubicBezTo>
                  <a:pt x="300" y="209"/>
                  <a:pt x="301" y="209"/>
                  <a:pt x="301" y="209"/>
                </a:cubicBezTo>
                <a:cubicBezTo>
                  <a:pt x="320" y="209"/>
                  <a:pt x="335" y="194"/>
                  <a:pt x="335" y="175"/>
                </a:cubicBezTo>
                <a:cubicBezTo>
                  <a:pt x="335" y="157"/>
                  <a:pt x="320" y="142"/>
                  <a:pt x="302" y="142"/>
                </a:cubicBezTo>
                <a:cubicBezTo>
                  <a:pt x="302" y="142"/>
                  <a:pt x="300" y="142"/>
                  <a:pt x="300" y="142"/>
                </a:cubicBezTo>
                <a:cubicBezTo>
                  <a:pt x="184" y="142"/>
                  <a:pt x="184" y="142"/>
                  <a:pt x="184" y="142"/>
                </a:cubicBezTo>
                <a:cubicBezTo>
                  <a:pt x="177" y="142"/>
                  <a:pt x="172" y="147"/>
                  <a:pt x="172" y="154"/>
                </a:cubicBezTo>
                <a:cubicBezTo>
                  <a:pt x="172" y="161"/>
                  <a:pt x="177" y="166"/>
                  <a:pt x="184" y="166"/>
                </a:cubicBezTo>
                <a:cubicBezTo>
                  <a:pt x="184" y="166"/>
                  <a:pt x="300" y="166"/>
                  <a:pt x="300" y="166"/>
                </a:cubicBezTo>
                <a:cubicBezTo>
                  <a:pt x="301" y="166"/>
                  <a:pt x="301" y="166"/>
                  <a:pt x="301" y="166"/>
                </a:cubicBezTo>
                <a:cubicBezTo>
                  <a:pt x="307" y="166"/>
                  <a:pt x="311" y="170"/>
                  <a:pt x="311" y="175"/>
                </a:cubicBezTo>
                <a:cubicBezTo>
                  <a:pt x="311" y="180"/>
                  <a:pt x="307" y="184"/>
                  <a:pt x="302" y="184"/>
                </a:cubicBezTo>
                <a:cubicBezTo>
                  <a:pt x="302" y="184"/>
                  <a:pt x="300" y="184"/>
                  <a:pt x="300" y="184"/>
                </a:cubicBezTo>
                <a:cubicBezTo>
                  <a:pt x="180" y="184"/>
                  <a:pt x="180" y="184"/>
                  <a:pt x="180" y="184"/>
                </a:cubicBezTo>
                <a:cubicBezTo>
                  <a:pt x="173" y="184"/>
                  <a:pt x="167" y="190"/>
                  <a:pt x="167" y="196"/>
                </a:cubicBezTo>
                <a:cubicBezTo>
                  <a:pt x="167" y="196"/>
                  <a:pt x="167" y="217"/>
                  <a:pt x="167" y="230"/>
                </a:cubicBezTo>
                <a:cubicBezTo>
                  <a:pt x="149" y="230"/>
                  <a:pt x="84" y="230"/>
                  <a:pt x="84" y="230"/>
                </a:cubicBezTo>
                <a:cubicBezTo>
                  <a:pt x="40" y="230"/>
                  <a:pt x="27" y="202"/>
                  <a:pt x="25" y="174"/>
                </a:cubicBezTo>
                <a:cubicBezTo>
                  <a:pt x="45" y="168"/>
                  <a:pt x="60" y="150"/>
                  <a:pt x="60" y="127"/>
                </a:cubicBezTo>
                <a:cubicBezTo>
                  <a:pt x="60" y="105"/>
                  <a:pt x="45" y="86"/>
                  <a:pt x="25" y="81"/>
                </a:cubicBezTo>
                <a:cubicBezTo>
                  <a:pt x="27" y="53"/>
                  <a:pt x="40" y="24"/>
                  <a:pt x="84" y="24"/>
                </a:cubicBezTo>
                <a:cubicBezTo>
                  <a:pt x="84" y="24"/>
                  <a:pt x="149" y="24"/>
                  <a:pt x="167" y="24"/>
                </a:cubicBezTo>
                <a:cubicBezTo>
                  <a:pt x="167" y="38"/>
                  <a:pt x="167" y="58"/>
                  <a:pt x="167" y="58"/>
                </a:cubicBezTo>
                <a:cubicBezTo>
                  <a:pt x="167" y="65"/>
                  <a:pt x="173" y="71"/>
                  <a:pt x="180" y="71"/>
                </a:cubicBezTo>
                <a:cubicBezTo>
                  <a:pt x="300" y="71"/>
                  <a:pt x="300" y="71"/>
                  <a:pt x="300" y="71"/>
                </a:cubicBezTo>
                <a:cubicBezTo>
                  <a:pt x="300" y="71"/>
                  <a:pt x="302" y="71"/>
                  <a:pt x="302" y="71"/>
                </a:cubicBezTo>
                <a:cubicBezTo>
                  <a:pt x="307" y="71"/>
                  <a:pt x="311" y="75"/>
                  <a:pt x="311" y="79"/>
                </a:cubicBezTo>
                <a:cubicBezTo>
                  <a:pt x="311" y="84"/>
                  <a:pt x="307" y="88"/>
                  <a:pt x="302" y="88"/>
                </a:cubicBezTo>
                <a:cubicBezTo>
                  <a:pt x="301" y="88"/>
                  <a:pt x="300" y="88"/>
                  <a:pt x="300" y="88"/>
                </a:cubicBezTo>
                <a:cubicBezTo>
                  <a:pt x="184" y="88"/>
                  <a:pt x="184" y="88"/>
                  <a:pt x="184" y="88"/>
                </a:cubicBezTo>
                <a:cubicBezTo>
                  <a:pt x="177" y="88"/>
                  <a:pt x="172" y="94"/>
                  <a:pt x="172" y="101"/>
                </a:cubicBezTo>
                <a:cubicBezTo>
                  <a:pt x="172" y="107"/>
                  <a:pt x="177" y="113"/>
                  <a:pt x="184" y="113"/>
                </a:cubicBezTo>
                <a:cubicBezTo>
                  <a:pt x="300" y="113"/>
                  <a:pt x="300" y="113"/>
                  <a:pt x="300" y="113"/>
                </a:cubicBezTo>
                <a:cubicBezTo>
                  <a:pt x="300" y="113"/>
                  <a:pt x="302" y="113"/>
                  <a:pt x="302" y="113"/>
                </a:cubicBezTo>
                <a:cubicBezTo>
                  <a:pt x="320" y="113"/>
                  <a:pt x="335" y="98"/>
                  <a:pt x="335" y="79"/>
                </a:cubicBezTo>
                <a:cubicBezTo>
                  <a:pt x="335" y="61"/>
                  <a:pt x="320" y="46"/>
                  <a:pt x="302" y="46"/>
                </a:cubicBezTo>
                <a:cubicBezTo>
                  <a:pt x="301" y="46"/>
                  <a:pt x="300" y="46"/>
                  <a:pt x="300" y="46"/>
                </a:cubicBezTo>
                <a:cubicBezTo>
                  <a:pt x="300" y="46"/>
                  <a:pt x="212" y="46"/>
                  <a:pt x="192" y="46"/>
                </a:cubicBezTo>
                <a:cubicBezTo>
                  <a:pt x="192" y="33"/>
                  <a:pt x="192" y="12"/>
                  <a:pt x="192" y="12"/>
                </a:cubicBezTo>
                <a:cubicBezTo>
                  <a:pt x="192" y="5"/>
                  <a:pt x="186" y="0"/>
                  <a:pt x="180" y="0"/>
                </a:cubicBezTo>
                <a:lnTo>
                  <a:pt x="84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87" name="TextBox 286"/>
          <p:cNvSpPr txBox="1"/>
          <p:nvPr userDrawn="1"/>
        </p:nvSpPr>
        <p:spPr>
          <a:xfrm>
            <a:off x="9229945" y="1669178"/>
            <a:ext cx="851437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ower management</a:t>
            </a:r>
          </a:p>
        </p:txBody>
      </p:sp>
      <p:sp>
        <p:nvSpPr>
          <p:cNvPr id="288" name="Freeform 184"/>
          <p:cNvSpPr>
            <a:spLocks noChangeAspect="1"/>
          </p:cNvSpPr>
          <p:nvPr userDrawn="1"/>
        </p:nvSpPr>
        <p:spPr bwMode="auto">
          <a:xfrm>
            <a:off x="8409152" y="1207759"/>
            <a:ext cx="489929" cy="393192"/>
          </a:xfrm>
          <a:custGeom>
            <a:avLst/>
            <a:gdLst/>
            <a:ahLst/>
            <a:cxnLst>
              <a:cxn ang="0">
                <a:pos x="69" y="73"/>
              </a:cxn>
              <a:cxn ang="0">
                <a:pos x="95" y="73"/>
              </a:cxn>
              <a:cxn ang="0">
                <a:pos x="95" y="343"/>
              </a:cxn>
              <a:cxn ang="0">
                <a:pos x="0" y="343"/>
              </a:cxn>
              <a:cxn ang="0">
                <a:pos x="0" y="72"/>
              </a:cxn>
              <a:cxn ang="0">
                <a:pos x="31" y="72"/>
              </a:cxn>
              <a:cxn ang="0">
                <a:pos x="31" y="34"/>
              </a:cxn>
              <a:cxn ang="0">
                <a:pos x="82" y="0"/>
              </a:cxn>
              <a:cxn ang="0">
                <a:pos x="127" y="11"/>
              </a:cxn>
              <a:cxn ang="0">
                <a:pos x="139" y="48"/>
              </a:cxn>
              <a:cxn ang="0">
                <a:pos x="139" y="284"/>
              </a:cxn>
              <a:cxn ang="0">
                <a:pos x="207" y="284"/>
              </a:cxn>
              <a:cxn ang="0">
                <a:pos x="207" y="228"/>
              </a:cxn>
              <a:cxn ang="0">
                <a:pos x="181" y="207"/>
              </a:cxn>
              <a:cxn ang="0">
                <a:pos x="181" y="66"/>
              </a:cxn>
              <a:cxn ang="0">
                <a:pos x="278" y="67"/>
              </a:cxn>
              <a:cxn ang="0">
                <a:pos x="278" y="207"/>
              </a:cxn>
              <a:cxn ang="0">
                <a:pos x="254" y="229"/>
              </a:cxn>
              <a:cxn ang="0">
                <a:pos x="254" y="275"/>
              </a:cxn>
              <a:cxn ang="0">
                <a:pos x="254" y="283"/>
              </a:cxn>
              <a:cxn ang="0">
                <a:pos x="352" y="283"/>
              </a:cxn>
              <a:cxn ang="0">
                <a:pos x="316" y="340"/>
              </a:cxn>
              <a:cxn ang="0">
                <a:pos x="428" y="340"/>
              </a:cxn>
              <a:cxn ang="0">
                <a:pos x="385" y="281"/>
              </a:cxn>
              <a:cxn ang="0">
                <a:pos x="428" y="222"/>
              </a:cxn>
              <a:cxn ang="0">
                <a:pos x="316" y="222"/>
              </a:cxn>
              <a:cxn ang="0">
                <a:pos x="336" y="250"/>
              </a:cxn>
            </a:cxnLst>
            <a:rect l="0" t="0" r="r" b="b"/>
            <a:pathLst>
              <a:path w="428" h="343">
                <a:moveTo>
                  <a:pt x="69" y="73"/>
                </a:moveTo>
                <a:cubicBezTo>
                  <a:pt x="95" y="73"/>
                  <a:pt x="95" y="73"/>
                  <a:pt x="95" y="73"/>
                </a:cubicBezTo>
                <a:cubicBezTo>
                  <a:pt x="95" y="343"/>
                  <a:pt x="95" y="343"/>
                  <a:pt x="95" y="343"/>
                </a:cubicBezTo>
                <a:cubicBezTo>
                  <a:pt x="0" y="343"/>
                  <a:pt x="0" y="343"/>
                  <a:pt x="0" y="343"/>
                </a:cubicBezTo>
                <a:cubicBezTo>
                  <a:pt x="0" y="72"/>
                  <a:pt x="0" y="72"/>
                  <a:pt x="0" y="72"/>
                </a:cubicBezTo>
                <a:cubicBezTo>
                  <a:pt x="31" y="72"/>
                  <a:pt x="31" y="72"/>
                  <a:pt x="31" y="72"/>
                </a:cubicBezTo>
                <a:cubicBezTo>
                  <a:pt x="31" y="34"/>
                  <a:pt x="31" y="34"/>
                  <a:pt x="31" y="34"/>
                </a:cubicBezTo>
                <a:cubicBezTo>
                  <a:pt x="31" y="34"/>
                  <a:pt x="33" y="0"/>
                  <a:pt x="82" y="0"/>
                </a:cubicBezTo>
                <a:cubicBezTo>
                  <a:pt x="106" y="0"/>
                  <a:pt x="118" y="4"/>
                  <a:pt x="127" y="11"/>
                </a:cubicBezTo>
                <a:cubicBezTo>
                  <a:pt x="135" y="18"/>
                  <a:pt x="139" y="28"/>
                  <a:pt x="139" y="48"/>
                </a:cubicBezTo>
                <a:cubicBezTo>
                  <a:pt x="139" y="284"/>
                  <a:pt x="139" y="284"/>
                  <a:pt x="139" y="284"/>
                </a:cubicBezTo>
                <a:cubicBezTo>
                  <a:pt x="207" y="284"/>
                  <a:pt x="207" y="284"/>
                  <a:pt x="207" y="284"/>
                </a:cubicBezTo>
                <a:cubicBezTo>
                  <a:pt x="207" y="228"/>
                  <a:pt x="207" y="228"/>
                  <a:pt x="207" y="228"/>
                </a:cubicBezTo>
                <a:cubicBezTo>
                  <a:pt x="181" y="207"/>
                  <a:pt x="181" y="207"/>
                  <a:pt x="181" y="207"/>
                </a:cubicBezTo>
                <a:cubicBezTo>
                  <a:pt x="181" y="66"/>
                  <a:pt x="181" y="66"/>
                  <a:pt x="181" y="66"/>
                </a:cubicBezTo>
                <a:cubicBezTo>
                  <a:pt x="181" y="66"/>
                  <a:pt x="226" y="28"/>
                  <a:pt x="278" y="67"/>
                </a:cubicBezTo>
                <a:cubicBezTo>
                  <a:pt x="278" y="207"/>
                  <a:pt x="278" y="207"/>
                  <a:pt x="278" y="207"/>
                </a:cubicBezTo>
                <a:cubicBezTo>
                  <a:pt x="254" y="229"/>
                  <a:pt x="254" y="229"/>
                  <a:pt x="254" y="229"/>
                </a:cubicBezTo>
                <a:cubicBezTo>
                  <a:pt x="254" y="275"/>
                  <a:pt x="254" y="275"/>
                  <a:pt x="254" y="275"/>
                </a:cubicBezTo>
                <a:cubicBezTo>
                  <a:pt x="254" y="283"/>
                  <a:pt x="254" y="283"/>
                  <a:pt x="254" y="283"/>
                </a:cubicBezTo>
                <a:cubicBezTo>
                  <a:pt x="352" y="283"/>
                  <a:pt x="352" y="283"/>
                  <a:pt x="352" y="283"/>
                </a:cubicBezTo>
                <a:cubicBezTo>
                  <a:pt x="316" y="340"/>
                  <a:pt x="316" y="340"/>
                  <a:pt x="316" y="340"/>
                </a:cubicBezTo>
                <a:cubicBezTo>
                  <a:pt x="428" y="340"/>
                  <a:pt x="428" y="340"/>
                  <a:pt x="428" y="340"/>
                </a:cubicBezTo>
                <a:cubicBezTo>
                  <a:pt x="385" y="281"/>
                  <a:pt x="385" y="281"/>
                  <a:pt x="385" y="281"/>
                </a:cubicBezTo>
                <a:cubicBezTo>
                  <a:pt x="428" y="222"/>
                  <a:pt x="428" y="222"/>
                  <a:pt x="428" y="222"/>
                </a:cubicBezTo>
                <a:cubicBezTo>
                  <a:pt x="316" y="222"/>
                  <a:pt x="316" y="222"/>
                  <a:pt x="316" y="222"/>
                </a:cubicBezTo>
                <a:cubicBezTo>
                  <a:pt x="336" y="250"/>
                  <a:pt x="336" y="250"/>
                  <a:pt x="336" y="250"/>
                </a:cubicBezTo>
              </a:path>
            </a:pathLst>
          </a:custGeom>
          <a:noFill/>
          <a:ln w="30163" cap="rnd">
            <a:solidFill>
              <a:schemeClr val="bg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89" name="TextBox 288"/>
          <p:cNvSpPr txBox="1"/>
          <p:nvPr userDrawn="1"/>
        </p:nvSpPr>
        <p:spPr>
          <a:xfrm>
            <a:off x="7988861" y="1669178"/>
            <a:ext cx="1379552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rocess/machine management</a:t>
            </a:r>
          </a:p>
        </p:txBody>
      </p:sp>
      <p:sp>
        <p:nvSpPr>
          <p:cNvPr id="290" name="Freeform 132"/>
          <p:cNvSpPr>
            <a:spLocks noChangeAspect="1"/>
          </p:cNvSpPr>
          <p:nvPr userDrawn="1"/>
        </p:nvSpPr>
        <p:spPr bwMode="auto">
          <a:xfrm>
            <a:off x="7526968" y="1207759"/>
            <a:ext cx="386910" cy="393192"/>
          </a:xfrm>
          <a:custGeom>
            <a:avLst/>
            <a:gdLst/>
            <a:ahLst/>
            <a:cxnLst>
              <a:cxn ang="0">
                <a:pos x="283" y="18"/>
              </a:cxn>
              <a:cxn ang="0">
                <a:pos x="255" y="0"/>
              </a:cxn>
              <a:cxn ang="0">
                <a:pos x="0" y="0"/>
              </a:cxn>
              <a:cxn ang="0">
                <a:pos x="0" y="277"/>
              </a:cxn>
              <a:cxn ang="0">
                <a:pos x="56" y="313"/>
              </a:cxn>
              <a:cxn ang="0">
                <a:pos x="56" y="45"/>
              </a:cxn>
              <a:cxn ang="0">
                <a:pos x="308" y="45"/>
              </a:cxn>
              <a:cxn ang="0">
                <a:pos x="308" y="313"/>
              </a:cxn>
              <a:cxn ang="0">
                <a:pos x="229" y="313"/>
              </a:cxn>
              <a:cxn ang="0">
                <a:pos x="229" y="267"/>
              </a:cxn>
              <a:cxn ang="0">
                <a:pos x="278" y="267"/>
              </a:cxn>
              <a:cxn ang="0">
                <a:pos x="278" y="172"/>
              </a:cxn>
              <a:cxn ang="0">
                <a:pos x="142" y="172"/>
              </a:cxn>
              <a:cxn ang="0">
                <a:pos x="142" y="267"/>
              </a:cxn>
              <a:cxn ang="0">
                <a:pos x="197" y="267"/>
              </a:cxn>
              <a:cxn ang="0">
                <a:pos x="172" y="313"/>
              </a:cxn>
              <a:cxn ang="0">
                <a:pos x="97" y="313"/>
              </a:cxn>
            </a:cxnLst>
            <a:rect l="0" t="0" r="r" b="b"/>
            <a:pathLst>
              <a:path w="308" h="313">
                <a:moveTo>
                  <a:pt x="283" y="18"/>
                </a:moveTo>
                <a:lnTo>
                  <a:pt x="255" y="0"/>
                </a:lnTo>
                <a:lnTo>
                  <a:pt x="0" y="0"/>
                </a:lnTo>
                <a:lnTo>
                  <a:pt x="0" y="277"/>
                </a:lnTo>
                <a:lnTo>
                  <a:pt x="56" y="313"/>
                </a:lnTo>
                <a:lnTo>
                  <a:pt x="56" y="45"/>
                </a:lnTo>
                <a:lnTo>
                  <a:pt x="308" y="45"/>
                </a:lnTo>
                <a:lnTo>
                  <a:pt x="308" y="313"/>
                </a:lnTo>
                <a:lnTo>
                  <a:pt x="229" y="313"/>
                </a:lnTo>
                <a:lnTo>
                  <a:pt x="229" y="267"/>
                </a:lnTo>
                <a:lnTo>
                  <a:pt x="278" y="267"/>
                </a:lnTo>
                <a:lnTo>
                  <a:pt x="278" y="172"/>
                </a:lnTo>
                <a:lnTo>
                  <a:pt x="142" y="172"/>
                </a:lnTo>
                <a:lnTo>
                  <a:pt x="142" y="267"/>
                </a:lnTo>
                <a:lnTo>
                  <a:pt x="197" y="267"/>
                </a:lnTo>
                <a:lnTo>
                  <a:pt x="172" y="313"/>
                </a:lnTo>
                <a:lnTo>
                  <a:pt x="97" y="313"/>
                </a:lnTo>
              </a:path>
            </a:pathLst>
          </a:custGeom>
          <a:noFill/>
          <a:ln w="31750" cap="rnd">
            <a:solidFill>
              <a:schemeClr val="bg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91" name="TextBox 290"/>
          <p:cNvSpPr txBox="1"/>
          <p:nvPr userDrawn="1"/>
        </p:nvSpPr>
        <p:spPr>
          <a:xfrm>
            <a:off x="7191939" y="1669178"/>
            <a:ext cx="1070334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T room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nagement</a:t>
            </a:r>
          </a:p>
        </p:txBody>
      </p:sp>
      <p:sp>
        <p:nvSpPr>
          <p:cNvPr id="292" name="Freeform 180"/>
          <p:cNvSpPr>
            <a:spLocks noChangeAspect="1"/>
          </p:cNvSpPr>
          <p:nvPr userDrawn="1"/>
        </p:nvSpPr>
        <p:spPr bwMode="auto">
          <a:xfrm>
            <a:off x="10338924" y="1207759"/>
            <a:ext cx="350298" cy="393192"/>
          </a:xfrm>
          <a:custGeom>
            <a:avLst/>
            <a:gdLst/>
            <a:ahLst/>
            <a:cxnLst>
              <a:cxn ang="0">
                <a:pos x="192" y="296"/>
              </a:cxn>
              <a:cxn ang="0">
                <a:pos x="152" y="369"/>
              </a:cxn>
              <a:cxn ang="0">
                <a:pos x="0" y="336"/>
              </a:cxn>
              <a:cxn ang="0">
                <a:pos x="112" y="300"/>
              </a:cxn>
              <a:cxn ang="0">
                <a:pos x="132" y="219"/>
              </a:cxn>
              <a:cxn ang="0">
                <a:pos x="138" y="150"/>
              </a:cxn>
              <a:cxn ang="0">
                <a:pos x="113" y="189"/>
              </a:cxn>
              <a:cxn ang="0">
                <a:pos x="66" y="198"/>
              </a:cxn>
              <a:cxn ang="0">
                <a:pos x="57" y="152"/>
              </a:cxn>
              <a:cxn ang="0">
                <a:pos x="103" y="84"/>
              </a:cxn>
              <a:cxn ang="0">
                <a:pos x="114" y="82"/>
              </a:cxn>
              <a:cxn ang="0">
                <a:pos x="227" y="99"/>
              </a:cxn>
              <a:cxn ang="0">
                <a:pos x="116" y="108"/>
              </a:cxn>
              <a:cxn ang="0">
                <a:pos x="79" y="166"/>
              </a:cxn>
              <a:cxn ang="0">
                <a:pos x="81" y="176"/>
              </a:cxn>
              <a:cxn ang="0">
                <a:pos x="91" y="174"/>
              </a:cxn>
              <a:cxn ang="0">
                <a:pos x="116" y="134"/>
              </a:cxn>
              <a:cxn ang="0">
                <a:pos x="130" y="124"/>
              </a:cxn>
              <a:cxn ang="0">
                <a:pos x="138" y="123"/>
              </a:cxn>
              <a:cxn ang="0">
                <a:pos x="185" y="126"/>
              </a:cxn>
              <a:cxn ang="0">
                <a:pos x="196" y="145"/>
              </a:cxn>
              <a:cxn ang="0">
                <a:pos x="135" y="316"/>
              </a:cxn>
              <a:cxn ang="0">
                <a:pos x="34" y="329"/>
              </a:cxn>
              <a:cxn ang="0">
                <a:pos x="27" y="336"/>
              </a:cxn>
              <a:cxn ang="0">
                <a:pos x="143" y="343"/>
              </a:cxn>
              <a:cxn ang="0">
                <a:pos x="190" y="251"/>
              </a:cxn>
              <a:cxn ang="0">
                <a:pos x="280" y="414"/>
              </a:cxn>
              <a:cxn ang="0">
                <a:pos x="287" y="420"/>
              </a:cxn>
              <a:cxn ang="0">
                <a:pos x="294" y="413"/>
              </a:cxn>
              <a:cxn ang="0">
                <a:pos x="215" y="234"/>
              </a:cxn>
              <a:cxn ang="0">
                <a:pos x="244" y="165"/>
              </a:cxn>
              <a:cxn ang="0">
                <a:pos x="266" y="163"/>
              </a:cxn>
              <a:cxn ang="0">
                <a:pos x="299" y="199"/>
              </a:cxn>
              <a:cxn ang="0">
                <a:pos x="310" y="205"/>
              </a:cxn>
              <a:cxn ang="0">
                <a:pos x="369" y="202"/>
              </a:cxn>
              <a:cxn ang="0">
                <a:pos x="365" y="191"/>
              </a:cxn>
              <a:cxn ang="0">
                <a:pos x="323" y="191"/>
              </a:cxn>
              <a:cxn ang="0">
                <a:pos x="262" y="127"/>
              </a:cxn>
              <a:cxn ang="0">
                <a:pos x="250" y="100"/>
              </a:cxn>
              <a:cxn ang="0">
                <a:pos x="271" y="77"/>
              </a:cxn>
              <a:cxn ang="0">
                <a:pos x="297" y="51"/>
              </a:cxn>
              <a:cxn ang="0">
                <a:pos x="249" y="51"/>
              </a:cxn>
              <a:cxn ang="0">
                <a:pos x="253" y="65"/>
              </a:cxn>
              <a:cxn ang="0">
                <a:pos x="231" y="79"/>
              </a:cxn>
              <a:cxn ang="0">
                <a:pos x="273" y="0"/>
              </a:cxn>
              <a:cxn ang="0">
                <a:pos x="309" y="87"/>
              </a:cxn>
              <a:cxn ang="0">
                <a:pos x="278" y="105"/>
              </a:cxn>
              <a:cxn ang="0">
                <a:pos x="282" y="110"/>
              </a:cxn>
              <a:cxn ang="0">
                <a:pos x="365" y="164"/>
              </a:cxn>
              <a:cxn ang="0">
                <a:pos x="365" y="231"/>
              </a:cxn>
              <a:cxn ang="0">
                <a:pos x="292" y="227"/>
              </a:cxn>
              <a:cxn ang="0">
                <a:pos x="273" y="210"/>
              </a:cxn>
              <a:cxn ang="0">
                <a:pos x="259" y="195"/>
              </a:cxn>
              <a:cxn ang="0">
                <a:pos x="318" y="400"/>
              </a:cxn>
              <a:cxn ang="0">
                <a:pos x="321" y="413"/>
              </a:cxn>
              <a:cxn ang="0">
                <a:pos x="287" y="447"/>
              </a:cxn>
              <a:cxn ang="0">
                <a:pos x="256" y="426"/>
              </a:cxn>
            </a:cxnLst>
            <a:rect l="0" t="0" r="r" b="b"/>
            <a:pathLst>
              <a:path w="398" h="447">
                <a:moveTo>
                  <a:pt x="256" y="426"/>
                </a:moveTo>
                <a:cubicBezTo>
                  <a:pt x="192" y="296"/>
                  <a:pt x="192" y="296"/>
                  <a:pt x="192" y="296"/>
                </a:cubicBezTo>
                <a:cubicBezTo>
                  <a:pt x="164" y="361"/>
                  <a:pt x="164" y="361"/>
                  <a:pt x="164" y="361"/>
                </a:cubicBezTo>
                <a:cubicBezTo>
                  <a:pt x="162" y="366"/>
                  <a:pt x="157" y="369"/>
                  <a:pt x="152" y="369"/>
                </a:cubicBezTo>
                <a:cubicBezTo>
                  <a:pt x="34" y="370"/>
                  <a:pt x="34" y="370"/>
                  <a:pt x="34" y="370"/>
                </a:cubicBezTo>
                <a:cubicBezTo>
                  <a:pt x="15" y="370"/>
                  <a:pt x="0" y="355"/>
                  <a:pt x="0" y="336"/>
                </a:cubicBezTo>
                <a:cubicBezTo>
                  <a:pt x="0" y="318"/>
                  <a:pt x="15" y="303"/>
                  <a:pt x="34" y="303"/>
                </a:cubicBezTo>
                <a:cubicBezTo>
                  <a:pt x="112" y="300"/>
                  <a:pt x="112" y="300"/>
                  <a:pt x="112" y="300"/>
                </a:cubicBezTo>
                <a:cubicBezTo>
                  <a:pt x="131" y="221"/>
                  <a:pt x="131" y="221"/>
                  <a:pt x="131" y="221"/>
                </a:cubicBezTo>
                <a:cubicBezTo>
                  <a:pt x="131" y="220"/>
                  <a:pt x="132" y="220"/>
                  <a:pt x="132" y="219"/>
                </a:cubicBezTo>
                <a:cubicBezTo>
                  <a:pt x="164" y="151"/>
                  <a:pt x="164" y="151"/>
                  <a:pt x="164" y="151"/>
                </a:cubicBezTo>
                <a:cubicBezTo>
                  <a:pt x="138" y="150"/>
                  <a:pt x="138" y="150"/>
                  <a:pt x="138" y="150"/>
                </a:cubicBezTo>
                <a:cubicBezTo>
                  <a:pt x="113" y="189"/>
                  <a:pt x="113" y="189"/>
                  <a:pt x="113" y="189"/>
                </a:cubicBezTo>
                <a:cubicBezTo>
                  <a:pt x="113" y="189"/>
                  <a:pt x="113" y="189"/>
                  <a:pt x="113" y="189"/>
                </a:cubicBezTo>
                <a:cubicBezTo>
                  <a:pt x="106" y="199"/>
                  <a:pt x="96" y="204"/>
                  <a:pt x="85" y="204"/>
                </a:cubicBezTo>
                <a:cubicBezTo>
                  <a:pt x="79" y="204"/>
                  <a:pt x="72" y="202"/>
                  <a:pt x="66" y="198"/>
                </a:cubicBezTo>
                <a:cubicBezTo>
                  <a:pt x="57" y="192"/>
                  <a:pt x="51" y="181"/>
                  <a:pt x="51" y="170"/>
                </a:cubicBezTo>
                <a:cubicBezTo>
                  <a:pt x="51" y="164"/>
                  <a:pt x="53" y="157"/>
                  <a:pt x="57" y="152"/>
                </a:cubicBezTo>
                <a:cubicBezTo>
                  <a:pt x="95" y="92"/>
                  <a:pt x="95" y="92"/>
                  <a:pt x="95" y="92"/>
                </a:cubicBezTo>
                <a:cubicBezTo>
                  <a:pt x="97" y="89"/>
                  <a:pt x="100" y="86"/>
                  <a:pt x="103" y="84"/>
                </a:cubicBezTo>
                <a:cubicBezTo>
                  <a:pt x="106" y="83"/>
                  <a:pt x="110" y="82"/>
                  <a:pt x="113" y="82"/>
                </a:cubicBezTo>
                <a:cubicBezTo>
                  <a:pt x="114" y="82"/>
                  <a:pt x="114" y="82"/>
                  <a:pt x="114" y="82"/>
                </a:cubicBezTo>
                <a:cubicBezTo>
                  <a:pt x="215" y="85"/>
                  <a:pt x="215" y="85"/>
                  <a:pt x="215" y="85"/>
                </a:cubicBezTo>
                <a:cubicBezTo>
                  <a:pt x="222" y="85"/>
                  <a:pt x="228" y="91"/>
                  <a:pt x="227" y="99"/>
                </a:cubicBezTo>
                <a:cubicBezTo>
                  <a:pt x="227" y="106"/>
                  <a:pt x="221" y="112"/>
                  <a:pt x="214" y="112"/>
                </a:cubicBezTo>
                <a:cubicBezTo>
                  <a:pt x="116" y="108"/>
                  <a:pt x="116" y="108"/>
                  <a:pt x="116" y="108"/>
                </a:cubicBezTo>
                <a:cubicBezTo>
                  <a:pt x="79" y="166"/>
                  <a:pt x="79" y="166"/>
                  <a:pt x="79" y="166"/>
                </a:cubicBezTo>
                <a:cubicBezTo>
                  <a:pt x="79" y="166"/>
                  <a:pt x="79" y="166"/>
                  <a:pt x="79" y="166"/>
                </a:cubicBezTo>
                <a:cubicBezTo>
                  <a:pt x="78" y="168"/>
                  <a:pt x="78" y="169"/>
                  <a:pt x="78" y="170"/>
                </a:cubicBezTo>
                <a:cubicBezTo>
                  <a:pt x="78" y="173"/>
                  <a:pt x="79" y="175"/>
                  <a:pt x="81" y="176"/>
                </a:cubicBezTo>
                <a:cubicBezTo>
                  <a:pt x="82" y="177"/>
                  <a:pt x="84" y="177"/>
                  <a:pt x="85" y="177"/>
                </a:cubicBezTo>
                <a:cubicBezTo>
                  <a:pt x="87" y="177"/>
                  <a:pt x="89" y="176"/>
                  <a:pt x="91" y="174"/>
                </a:cubicBezTo>
                <a:cubicBezTo>
                  <a:pt x="116" y="134"/>
                  <a:pt x="116" y="134"/>
                  <a:pt x="116" y="134"/>
                </a:cubicBezTo>
                <a:cubicBezTo>
                  <a:pt x="116" y="134"/>
                  <a:pt x="116" y="134"/>
                  <a:pt x="116" y="134"/>
                </a:cubicBezTo>
                <a:cubicBezTo>
                  <a:pt x="117" y="132"/>
                  <a:pt x="118" y="131"/>
                  <a:pt x="120" y="128"/>
                </a:cubicBezTo>
                <a:cubicBezTo>
                  <a:pt x="123" y="126"/>
                  <a:pt x="126" y="124"/>
                  <a:pt x="130" y="124"/>
                </a:cubicBezTo>
                <a:cubicBezTo>
                  <a:pt x="132" y="123"/>
                  <a:pt x="134" y="123"/>
                  <a:pt x="136" y="123"/>
                </a:cubicBezTo>
                <a:cubicBezTo>
                  <a:pt x="137" y="123"/>
                  <a:pt x="137" y="123"/>
                  <a:pt x="138" y="123"/>
                </a:cubicBezTo>
                <a:cubicBezTo>
                  <a:pt x="138" y="123"/>
                  <a:pt x="138" y="123"/>
                  <a:pt x="138" y="123"/>
                </a:cubicBezTo>
                <a:cubicBezTo>
                  <a:pt x="185" y="126"/>
                  <a:pt x="185" y="126"/>
                  <a:pt x="185" y="126"/>
                </a:cubicBezTo>
                <a:cubicBezTo>
                  <a:pt x="190" y="126"/>
                  <a:pt x="194" y="129"/>
                  <a:pt x="196" y="133"/>
                </a:cubicBezTo>
                <a:cubicBezTo>
                  <a:pt x="198" y="137"/>
                  <a:pt x="198" y="141"/>
                  <a:pt x="196" y="145"/>
                </a:cubicBezTo>
                <a:cubicBezTo>
                  <a:pt x="157" y="229"/>
                  <a:pt x="157" y="229"/>
                  <a:pt x="157" y="229"/>
                </a:cubicBezTo>
                <a:cubicBezTo>
                  <a:pt x="135" y="316"/>
                  <a:pt x="135" y="316"/>
                  <a:pt x="135" y="316"/>
                </a:cubicBezTo>
                <a:cubicBezTo>
                  <a:pt x="134" y="322"/>
                  <a:pt x="129" y="326"/>
                  <a:pt x="123" y="326"/>
                </a:cubicBezTo>
                <a:cubicBezTo>
                  <a:pt x="34" y="329"/>
                  <a:pt x="34" y="329"/>
                  <a:pt x="34" y="329"/>
                </a:cubicBezTo>
                <a:cubicBezTo>
                  <a:pt x="34" y="329"/>
                  <a:pt x="34" y="329"/>
                  <a:pt x="34" y="329"/>
                </a:cubicBezTo>
                <a:cubicBezTo>
                  <a:pt x="30" y="329"/>
                  <a:pt x="27" y="332"/>
                  <a:pt x="27" y="336"/>
                </a:cubicBezTo>
                <a:cubicBezTo>
                  <a:pt x="27" y="340"/>
                  <a:pt x="30" y="343"/>
                  <a:pt x="34" y="343"/>
                </a:cubicBezTo>
                <a:cubicBezTo>
                  <a:pt x="143" y="343"/>
                  <a:pt x="143" y="343"/>
                  <a:pt x="143" y="343"/>
                </a:cubicBezTo>
                <a:cubicBezTo>
                  <a:pt x="178" y="259"/>
                  <a:pt x="178" y="259"/>
                  <a:pt x="178" y="259"/>
                </a:cubicBezTo>
                <a:cubicBezTo>
                  <a:pt x="180" y="255"/>
                  <a:pt x="185" y="251"/>
                  <a:pt x="190" y="251"/>
                </a:cubicBezTo>
                <a:cubicBezTo>
                  <a:pt x="195" y="251"/>
                  <a:pt x="200" y="254"/>
                  <a:pt x="203" y="259"/>
                </a:cubicBezTo>
                <a:cubicBezTo>
                  <a:pt x="280" y="414"/>
                  <a:pt x="280" y="414"/>
                  <a:pt x="280" y="414"/>
                </a:cubicBezTo>
                <a:cubicBezTo>
                  <a:pt x="281" y="416"/>
                  <a:pt x="281" y="416"/>
                  <a:pt x="281" y="416"/>
                </a:cubicBezTo>
                <a:cubicBezTo>
                  <a:pt x="282" y="418"/>
                  <a:pt x="284" y="420"/>
                  <a:pt x="287" y="420"/>
                </a:cubicBezTo>
                <a:cubicBezTo>
                  <a:pt x="288" y="420"/>
                  <a:pt x="289" y="420"/>
                  <a:pt x="290" y="419"/>
                </a:cubicBezTo>
                <a:cubicBezTo>
                  <a:pt x="292" y="418"/>
                  <a:pt x="294" y="416"/>
                  <a:pt x="294" y="413"/>
                </a:cubicBezTo>
                <a:cubicBezTo>
                  <a:pt x="294" y="412"/>
                  <a:pt x="294" y="411"/>
                  <a:pt x="293" y="411"/>
                </a:cubicBezTo>
                <a:cubicBezTo>
                  <a:pt x="215" y="234"/>
                  <a:pt x="215" y="234"/>
                  <a:pt x="215" y="234"/>
                </a:cubicBezTo>
                <a:cubicBezTo>
                  <a:pt x="213" y="230"/>
                  <a:pt x="213" y="226"/>
                  <a:pt x="215" y="222"/>
                </a:cubicBezTo>
                <a:cubicBezTo>
                  <a:pt x="244" y="165"/>
                  <a:pt x="244" y="165"/>
                  <a:pt x="244" y="165"/>
                </a:cubicBezTo>
                <a:cubicBezTo>
                  <a:pt x="246" y="162"/>
                  <a:pt x="250" y="159"/>
                  <a:pt x="254" y="158"/>
                </a:cubicBezTo>
                <a:cubicBezTo>
                  <a:pt x="259" y="158"/>
                  <a:pt x="263" y="159"/>
                  <a:pt x="266" y="163"/>
                </a:cubicBezTo>
                <a:cubicBezTo>
                  <a:pt x="266" y="163"/>
                  <a:pt x="283" y="181"/>
                  <a:pt x="292" y="192"/>
                </a:cubicBezTo>
                <a:cubicBezTo>
                  <a:pt x="296" y="195"/>
                  <a:pt x="298" y="198"/>
                  <a:pt x="299" y="199"/>
                </a:cubicBezTo>
                <a:cubicBezTo>
                  <a:pt x="300" y="200"/>
                  <a:pt x="302" y="202"/>
                  <a:pt x="304" y="203"/>
                </a:cubicBezTo>
                <a:cubicBezTo>
                  <a:pt x="306" y="204"/>
                  <a:pt x="308" y="205"/>
                  <a:pt x="310" y="205"/>
                </a:cubicBezTo>
                <a:cubicBezTo>
                  <a:pt x="365" y="205"/>
                  <a:pt x="365" y="205"/>
                  <a:pt x="365" y="205"/>
                </a:cubicBezTo>
                <a:cubicBezTo>
                  <a:pt x="366" y="205"/>
                  <a:pt x="368" y="204"/>
                  <a:pt x="369" y="202"/>
                </a:cubicBezTo>
                <a:cubicBezTo>
                  <a:pt x="371" y="201"/>
                  <a:pt x="372" y="199"/>
                  <a:pt x="372" y="198"/>
                </a:cubicBezTo>
                <a:cubicBezTo>
                  <a:pt x="372" y="194"/>
                  <a:pt x="368" y="191"/>
                  <a:pt x="365" y="191"/>
                </a:cubicBezTo>
                <a:cubicBezTo>
                  <a:pt x="358" y="191"/>
                  <a:pt x="348" y="191"/>
                  <a:pt x="339" y="191"/>
                </a:cubicBezTo>
                <a:cubicBezTo>
                  <a:pt x="331" y="191"/>
                  <a:pt x="324" y="191"/>
                  <a:pt x="323" y="191"/>
                </a:cubicBezTo>
                <a:cubicBezTo>
                  <a:pt x="320" y="191"/>
                  <a:pt x="316" y="189"/>
                  <a:pt x="313" y="186"/>
                </a:cubicBezTo>
                <a:cubicBezTo>
                  <a:pt x="262" y="127"/>
                  <a:pt x="262" y="127"/>
                  <a:pt x="262" y="127"/>
                </a:cubicBezTo>
                <a:cubicBezTo>
                  <a:pt x="252" y="116"/>
                  <a:pt x="252" y="116"/>
                  <a:pt x="252" y="116"/>
                </a:cubicBezTo>
                <a:cubicBezTo>
                  <a:pt x="248" y="111"/>
                  <a:pt x="247" y="105"/>
                  <a:pt x="250" y="100"/>
                </a:cubicBezTo>
                <a:cubicBezTo>
                  <a:pt x="261" y="83"/>
                  <a:pt x="261" y="83"/>
                  <a:pt x="261" y="83"/>
                </a:cubicBezTo>
                <a:cubicBezTo>
                  <a:pt x="263" y="79"/>
                  <a:pt x="267" y="77"/>
                  <a:pt x="271" y="77"/>
                </a:cubicBezTo>
                <a:cubicBezTo>
                  <a:pt x="278" y="76"/>
                  <a:pt x="285" y="73"/>
                  <a:pt x="290" y="68"/>
                </a:cubicBezTo>
                <a:cubicBezTo>
                  <a:pt x="295" y="63"/>
                  <a:pt x="297" y="58"/>
                  <a:pt x="297" y="51"/>
                </a:cubicBezTo>
                <a:cubicBezTo>
                  <a:pt x="297" y="38"/>
                  <a:pt x="286" y="27"/>
                  <a:pt x="273" y="27"/>
                </a:cubicBezTo>
                <a:cubicBezTo>
                  <a:pt x="260" y="27"/>
                  <a:pt x="249" y="38"/>
                  <a:pt x="249" y="51"/>
                </a:cubicBezTo>
                <a:cubicBezTo>
                  <a:pt x="249" y="56"/>
                  <a:pt x="250" y="61"/>
                  <a:pt x="253" y="65"/>
                </a:cubicBezTo>
                <a:cubicBezTo>
                  <a:pt x="253" y="65"/>
                  <a:pt x="253" y="65"/>
                  <a:pt x="253" y="65"/>
                </a:cubicBezTo>
                <a:cubicBezTo>
                  <a:pt x="257" y="71"/>
                  <a:pt x="255" y="79"/>
                  <a:pt x="249" y="83"/>
                </a:cubicBezTo>
                <a:cubicBezTo>
                  <a:pt x="243" y="87"/>
                  <a:pt x="235" y="86"/>
                  <a:pt x="231" y="79"/>
                </a:cubicBezTo>
                <a:cubicBezTo>
                  <a:pt x="225" y="71"/>
                  <a:pt x="222" y="61"/>
                  <a:pt x="222" y="51"/>
                </a:cubicBezTo>
                <a:cubicBezTo>
                  <a:pt x="222" y="23"/>
                  <a:pt x="245" y="0"/>
                  <a:pt x="273" y="0"/>
                </a:cubicBezTo>
                <a:cubicBezTo>
                  <a:pt x="301" y="0"/>
                  <a:pt x="324" y="23"/>
                  <a:pt x="324" y="51"/>
                </a:cubicBezTo>
                <a:cubicBezTo>
                  <a:pt x="324" y="65"/>
                  <a:pt x="318" y="78"/>
                  <a:pt x="309" y="87"/>
                </a:cubicBezTo>
                <a:cubicBezTo>
                  <a:pt x="301" y="94"/>
                  <a:pt x="291" y="100"/>
                  <a:pt x="280" y="102"/>
                </a:cubicBezTo>
                <a:cubicBezTo>
                  <a:pt x="278" y="105"/>
                  <a:pt x="278" y="105"/>
                  <a:pt x="278" y="105"/>
                </a:cubicBezTo>
                <a:cubicBezTo>
                  <a:pt x="282" y="109"/>
                  <a:pt x="282" y="109"/>
                  <a:pt x="282" y="109"/>
                </a:cubicBezTo>
                <a:cubicBezTo>
                  <a:pt x="282" y="110"/>
                  <a:pt x="282" y="110"/>
                  <a:pt x="282" y="110"/>
                </a:cubicBezTo>
                <a:cubicBezTo>
                  <a:pt x="330" y="164"/>
                  <a:pt x="330" y="164"/>
                  <a:pt x="330" y="164"/>
                </a:cubicBezTo>
                <a:cubicBezTo>
                  <a:pt x="339" y="164"/>
                  <a:pt x="356" y="164"/>
                  <a:pt x="365" y="164"/>
                </a:cubicBezTo>
                <a:cubicBezTo>
                  <a:pt x="383" y="164"/>
                  <a:pt x="398" y="179"/>
                  <a:pt x="398" y="198"/>
                </a:cubicBezTo>
                <a:cubicBezTo>
                  <a:pt x="398" y="216"/>
                  <a:pt x="383" y="231"/>
                  <a:pt x="365" y="231"/>
                </a:cubicBezTo>
                <a:cubicBezTo>
                  <a:pt x="310" y="231"/>
                  <a:pt x="310" y="231"/>
                  <a:pt x="310" y="231"/>
                </a:cubicBezTo>
                <a:cubicBezTo>
                  <a:pt x="303" y="231"/>
                  <a:pt x="297" y="229"/>
                  <a:pt x="292" y="227"/>
                </a:cubicBezTo>
                <a:cubicBezTo>
                  <a:pt x="287" y="224"/>
                  <a:pt x="283" y="221"/>
                  <a:pt x="279" y="217"/>
                </a:cubicBezTo>
                <a:cubicBezTo>
                  <a:pt x="278" y="216"/>
                  <a:pt x="276" y="213"/>
                  <a:pt x="273" y="210"/>
                </a:cubicBezTo>
                <a:cubicBezTo>
                  <a:pt x="269" y="206"/>
                  <a:pt x="265" y="202"/>
                  <a:pt x="261" y="197"/>
                </a:cubicBezTo>
                <a:cubicBezTo>
                  <a:pt x="261" y="197"/>
                  <a:pt x="260" y="196"/>
                  <a:pt x="259" y="195"/>
                </a:cubicBezTo>
                <a:cubicBezTo>
                  <a:pt x="242" y="229"/>
                  <a:pt x="242" y="229"/>
                  <a:pt x="242" y="229"/>
                </a:cubicBezTo>
                <a:cubicBezTo>
                  <a:pt x="318" y="400"/>
                  <a:pt x="318" y="400"/>
                  <a:pt x="318" y="400"/>
                </a:cubicBezTo>
                <a:cubicBezTo>
                  <a:pt x="318" y="401"/>
                  <a:pt x="318" y="401"/>
                  <a:pt x="318" y="401"/>
                </a:cubicBezTo>
                <a:cubicBezTo>
                  <a:pt x="320" y="405"/>
                  <a:pt x="321" y="409"/>
                  <a:pt x="321" y="413"/>
                </a:cubicBezTo>
                <a:cubicBezTo>
                  <a:pt x="321" y="426"/>
                  <a:pt x="313" y="439"/>
                  <a:pt x="299" y="444"/>
                </a:cubicBezTo>
                <a:cubicBezTo>
                  <a:pt x="295" y="446"/>
                  <a:pt x="291" y="447"/>
                  <a:pt x="287" y="447"/>
                </a:cubicBezTo>
                <a:cubicBezTo>
                  <a:pt x="287" y="447"/>
                  <a:pt x="287" y="447"/>
                  <a:pt x="287" y="447"/>
                </a:cubicBezTo>
                <a:cubicBezTo>
                  <a:pt x="274" y="447"/>
                  <a:pt x="261" y="439"/>
                  <a:pt x="256" y="426"/>
                </a:cubicBezTo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293" name="TextBox 292"/>
          <p:cNvSpPr txBox="1"/>
          <p:nvPr userDrawn="1"/>
        </p:nvSpPr>
        <p:spPr>
          <a:xfrm>
            <a:off x="10094001" y="1669178"/>
            <a:ext cx="923940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Security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nagement</a:t>
            </a:r>
          </a:p>
        </p:txBody>
      </p:sp>
      <p:sp>
        <p:nvSpPr>
          <p:cNvPr id="294" name="Freeform 124"/>
          <p:cNvSpPr>
            <a:spLocks noChangeAspect="1"/>
          </p:cNvSpPr>
          <p:nvPr userDrawn="1"/>
        </p:nvSpPr>
        <p:spPr bwMode="auto">
          <a:xfrm>
            <a:off x="2418235" y="2195360"/>
            <a:ext cx="367063" cy="393192"/>
          </a:xfrm>
          <a:custGeom>
            <a:avLst/>
            <a:gdLst/>
            <a:ahLst/>
            <a:cxnLst>
              <a:cxn ang="0">
                <a:pos x="388" y="4"/>
              </a:cxn>
              <a:cxn ang="0">
                <a:pos x="312" y="62"/>
              </a:cxn>
              <a:cxn ang="0">
                <a:pos x="307" y="77"/>
              </a:cxn>
              <a:cxn ang="0">
                <a:pos x="320" y="86"/>
              </a:cxn>
              <a:cxn ang="0">
                <a:pos x="382" y="86"/>
              </a:cxn>
              <a:cxn ang="0">
                <a:pos x="239" y="194"/>
              </a:cxn>
              <a:cxn ang="0">
                <a:pos x="233" y="205"/>
              </a:cxn>
              <a:cxn ang="0">
                <a:pos x="234" y="209"/>
              </a:cxn>
              <a:cxn ang="0">
                <a:pos x="247" y="218"/>
              </a:cxn>
              <a:cxn ang="0">
                <a:pos x="321" y="218"/>
              </a:cxn>
              <a:cxn ang="0">
                <a:pos x="111" y="366"/>
              </a:cxn>
              <a:cxn ang="0">
                <a:pos x="210" y="260"/>
              </a:cxn>
              <a:cxn ang="0">
                <a:pos x="214" y="251"/>
              </a:cxn>
              <a:cxn ang="0">
                <a:pos x="213" y="246"/>
              </a:cxn>
              <a:cxn ang="0">
                <a:pos x="200" y="238"/>
              </a:cxn>
              <a:cxn ang="0">
                <a:pos x="124" y="238"/>
              </a:cxn>
              <a:cxn ang="0">
                <a:pos x="255" y="131"/>
              </a:cxn>
              <a:cxn ang="0">
                <a:pos x="260" y="120"/>
              </a:cxn>
              <a:cxn ang="0">
                <a:pos x="259" y="116"/>
              </a:cxn>
              <a:cxn ang="0">
                <a:pos x="247" y="107"/>
              </a:cxn>
              <a:cxn ang="0">
                <a:pos x="177" y="107"/>
              </a:cxn>
              <a:cxn ang="0">
                <a:pos x="279" y="29"/>
              </a:cxn>
              <a:cxn ang="0">
                <a:pos x="285" y="18"/>
              </a:cxn>
              <a:cxn ang="0">
                <a:pos x="282" y="10"/>
              </a:cxn>
              <a:cxn ang="0">
                <a:pos x="263" y="7"/>
              </a:cxn>
              <a:cxn ang="0">
                <a:pos x="130" y="110"/>
              </a:cxn>
              <a:cxn ang="0">
                <a:pos x="125" y="125"/>
              </a:cxn>
              <a:cxn ang="0">
                <a:pos x="138" y="134"/>
              </a:cxn>
              <a:cxn ang="0">
                <a:pos x="210" y="134"/>
              </a:cxn>
              <a:cxn ang="0">
                <a:pos x="79" y="241"/>
              </a:cxn>
              <a:cxn ang="0">
                <a:pos x="74" y="251"/>
              </a:cxn>
              <a:cxn ang="0">
                <a:pos x="74" y="256"/>
              </a:cxn>
              <a:cxn ang="0">
                <a:pos x="87" y="264"/>
              </a:cxn>
              <a:cxn ang="0">
                <a:pos x="170" y="264"/>
              </a:cxn>
              <a:cxn ang="0">
                <a:pos x="3" y="442"/>
              </a:cxn>
              <a:cxn ang="0">
                <a:pos x="0" y="452"/>
              </a:cxn>
              <a:cxn ang="0">
                <a:pos x="3" y="460"/>
              </a:cxn>
              <a:cxn ang="0">
                <a:pos x="21" y="462"/>
              </a:cxn>
              <a:cxn ang="0">
                <a:pos x="371" y="216"/>
              </a:cxn>
              <a:cxn ang="0">
                <a:pos x="376" y="201"/>
              </a:cxn>
              <a:cxn ang="0">
                <a:pos x="364" y="191"/>
              </a:cxn>
              <a:cxn ang="0">
                <a:pos x="287" y="191"/>
              </a:cxn>
              <a:cxn ang="0">
                <a:pos x="430" y="84"/>
              </a:cxn>
              <a:cxn ang="0">
                <a:pos x="435" y="73"/>
              </a:cxn>
              <a:cxn ang="0">
                <a:pos x="434" y="69"/>
              </a:cxn>
              <a:cxn ang="0">
                <a:pos x="422" y="60"/>
              </a:cxn>
              <a:cxn ang="0">
                <a:pos x="359" y="60"/>
              </a:cxn>
              <a:cxn ang="0">
                <a:pos x="404" y="26"/>
              </a:cxn>
              <a:cxn ang="0">
                <a:pos x="410" y="15"/>
              </a:cxn>
              <a:cxn ang="0">
                <a:pos x="407" y="7"/>
              </a:cxn>
              <a:cxn ang="0">
                <a:pos x="388" y="4"/>
              </a:cxn>
            </a:cxnLst>
            <a:rect l="0" t="0" r="r" b="b"/>
            <a:pathLst>
              <a:path w="435" h="466">
                <a:moveTo>
                  <a:pt x="388" y="4"/>
                </a:moveTo>
                <a:cubicBezTo>
                  <a:pt x="312" y="62"/>
                  <a:pt x="312" y="62"/>
                  <a:pt x="312" y="62"/>
                </a:cubicBezTo>
                <a:cubicBezTo>
                  <a:pt x="307" y="66"/>
                  <a:pt x="305" y="72"/>
                  <a:pt x="307" y="77"/>
                </a:cubicBezTo>
                <a:cubicBezTo>
                  <a:pt x="309" y="83"/>
                  <a:pt x="314" y="86"/>
                  <a:pt x="320" y="86"/>
                </a:cubicBezTo>
                <a:cubicBezTo>
                  <a:pt x="320" y="86"/>
                  <a:pt x="352" y="86"/>
                  <a:pt x="382" y="86"/>
                </a:cubicBezTo>
                <a:cubicBezTo>
                  <a:pt x="339" y="118"/>
                  <a:pt x="239" y="194"/>
                  <a:pt x="239" y="194"/>
                </a:cubicBezTo>
                <a:cubicBezTo>
                  <a:pt x="235" y="197"/>
                  <a:pt x="233" y="201"/>
                  <a:pt x="233" y="205"/>
                </a:cubicBezTo>
                <a:cubicBezTo>
                  <a:pt x="233" y="206"/>
                  <a:pt x="234" y="207"/>
                  <a:pt x="234" y="209"/>
                </a:cubicBezTo>
                <a:cubicBezTo>
                  <a:pt x="236" y="214"/>
                  <a:pt x="241" y="218"/>
                  <a:pt x="247" y="218"/>
                </a:cubicBezTo>
                <a:cubicBezTo>
                  <a:pt x="247" y="218"/>
                  <a:pt x="287" y="218"/>
                  <a:pt x="321" y="218"/>
                </a:cubicBezTo>
                <a:cubicBezTo>
                  <a:pt x="284" y="244"/>
                  <a:pt x="200" y="304"/>
                  <a:pt x="111" y="366"/>
                </a:cubicBezTo>
                <a:cubicBezTo>
                  <a:pt x="160" y="313"/>
                  <a:pt x="210" y="260"/>
                  <a:pt x="210" y="260"/>
                </a:cubicBezTo>
                <a:cubicBezTo>
                  <a:pt x="212" y="258"/>
                  <a:pt x="214" y="254"/>
                  <a:pt x="214" y="251"/>
                </a:cubicBezTo>
                <a:cubicBezTo>
                  <a:pt x="214" y="249"/>
                  <a:pt x="213" y="248"/>
                  <a:pt x="213" y="246"/>
                </a:cubicBezTo>
                <a:cubicBezTo>
                  <a:pt x="210" y="241"/>
                  <a:pt x="206" y="238"/>
                  <a:pt x="200" y="238"/>
                </a:cubicBezTo>
                <a:cubicBezTo>
                  <a:pt x="200" y="238"/>
                  <a:pt x="158" y="238"/>
                  <a:pt x="124" y="238"/>
                </a:cubicBezTo>
                <a:cubicBezTo>
                  <a:pt x="163" y="206"/>
                  <a:pt x="255" y="131"/>
                  <a:pt x="255" y="131"/>
                </a:cubicBezTo>
                <a:cubicBezTo>
                  <a:pt x="258" y="128"/>
                  <a:pt x="260" y="124"/>
                  <a:pt x="260" y="120"/>
                </a:cubicBezTo>
                <a:cubicBezTo>
                  <a:pt x="260" y="119"/>
                  <a:pt x="260" y="117"/>
                  <a:pt x="259" y="116"/>
                </a:cubicBezTo>
                <a:cubicBezTo>
                  <a:pt x="258" y="111"/>
                  <a:pt x="253" y="107"/>
                  <a:pt x="247" y="107"/>
                </a:cubicBezTo>
                <a:cubicBezTo>
                  <a:pt x="247" y="107"/>
                  <a:pt x="209" y="107"/>
                  <a:pt x="177" y="107"/>
                </a:cubicBezTo>
                <a:cubicBezTo>
                  <a:pt x="214" y="79"/>
                  <a:pt x="279" y="29"/>
                  <a:pt x="279" y="29"/>
                </a:cubicBezTo>
                <a:cubicBezTo>
                  <a:pt x="283" y="26"/>
                  <a:pt x="285" y="22"/>
                  <a:pt x="285" y="18"/>
                </a:cubicBezTo>
                <a:cubicBezTo>
                  <a:pt x="285" y="15"/>
                  <a:pt x="284" y="12"/>
                  <a:pt x="282" y="10"/>
                </a:cubicBezTo>
                <a:cubicBezTo>
                  <a:pt x="277" y="4"/>
                  <a:pt x="269" y="3"/>
                  <a:pt x="263" y="7"/>
                </a:cubicBezTo>
                <a:cubicBezTo>
                  <a:pt x="130" y="110"/>
                  <a:pt x="130" y="110"/>
                  <a:pt x="130" y="110"/>
                </a:cubicBezTo>
                <a:cubicBezTo>
                  <a:pt x="125" y="113"/>
                  <a:pt x="123" y="119"/>
                  <a:pt x="125" y="125"/>
                </a:cubicBezTo>
                <a:cubicBezTo>
                  <a:pt x="127" y="130"/>
                  <a:pt x="132" y="134"/>
                  <a:pt x="138" y="134"/>
                </a:cubicBezTo>
                <a:cubicBezTo>
                  <a:pt x="138" y="134"/>
                  <a:pt x="177" y="134"/>
                  <a:pt x="210" y="134"/>
                </a:cubicBezTo>
                <a:cubicBezTo>
                  <a:pt x="171" y="166"/>
                  <a:pt x="79" y="241"/>
                  <a:pt x="79" y="241"/>
                </a:cubicBezTo>
                <a:cubicBezTo>
                  <a:pt x="75" y="243"/>
                  <a:pt x="74" y="247"/>
                  <a:pt x="74" y="251"/>
                </a:cubicBezTo>
                <a:cubicBezTo>
                  <a:pt x="74" y="253"/>
                  <a:pt x="74" y="254"/>
                  <a:pt x="74" y="256"/>
                </a:cubicBezTo>
                <a:cubicBezTo>
                  <a:pt x="76" y="261"/>
                  <a:pt x="81" y="264"/>
                  <a:pt x="87" y="264"/>
                </a:cubicBezTo>
                <a:cubicBezTo>
                  <a:pt x="87" y="264"/>
                  <a:pt x="137" y="264"/>
                  <a:pt x="170" y="264"/>
                </a:cubicBezTo>
                <a:cubicBezTo>
                  <a:pt x="136" y="300"/>
                  <a:pt x="3" y="442"/>
                  <a:pt x="3" y="442"/>
                </a:cubicBezTo>
                <a:cubicBezTo>
                  <a:pt x="1" y="445"/>
                  <a:pt x="0" y="448"/>
                  <a:pt x="0" y="452"/>
                </a:cubicBezTo>
                <a:cubicBezTo>
                  <a:pt x="0" y="455"/>
                  <a:pt x="1" y="458"/>
                  <a:pt x="3" y="460"/>
                </a:cubicBezTo>
                <a:cubicBezTo>
                  <a:pt x="7" y="465"/>
                  <a:pt x="15" y="466"/>
                  <a:pt x="21" y="462"/>
                </a:cubicBezTo>
                <a:cubicBezTo>
                  <a:pt x="371" y="216"/>
                  <a:pt x="371" y="216"/>
                  <a:pt x="371" y="216"/>
                </a:cubicBezTo>
                <a:cubicBezTo>
                  <a:pt x="376" y="212"/>
                  <a:pt x="378" y="206"/>
                  <a:pt x="376" y="201"/>
                </a:cubicBezTo>
                <a:cubicBezTo>
                  <a:pt x="375" y="195"/>
                  <a:pt x="369" y="191"/>
                  <a:pt x="364" y="191"/>
                </a:cubicBezTo>
                <a:cubicBezTo>
                  <a:pt x="364" y="191"/>
                  <a:pt x="321" y="191"/>
                  <a:pt x="287" y="191"/>
                </a:cubicBezTo>
                <a:cubicBezTo>
                  <a:pt x="329" y="159"/>
                  <a:pt x="430" y="84"/>
                  <a:pt x="430" y="84"/>
                </a:cubicBezTo>
                <a:cubicBezTo>
                  <a:pt x="433" y="81"/>
                  <a:pt x="435" y="77"/>
                  <a:pt x="435" y="73"/>
                </a:cubicBezTo>
                <a:cubicBezTo>
                  <a:pt x="435" y="72"/>
                  <a:pt x="435" y="70"/>
                  <a:pt x="434" y="69"/>
                </a:cubicBezTo>
                <a:cubicBezTo>
                  <a:pt x="433" y="63"/>
                  <a:pt x="427" y="60"/>
                  <a:pt x="422" y="60"/>
                </a:cubicBezTo>
                <a:cubicBezTo>
                  <a:pt x="422" y="60"/>
                  <a:pt x="389" y="60"/>
                  <a:pt x="359" y="60"/>
                </a:cubicBezTo>
                <a:cubicBezTo>
                  <a:pt x="381" y="43"/>
                  <a:pt x="404" y="26"/>
                  <a:pt x="404" y="26"/>
                </a:cubicBezTo>
                <a:cubicBezTo>
                  <a:pt x="408" y="23"/>
                  <a:pt x="410" y="19"/>
                  <a:pt x="410" y="15"/>
                </a:cubicBezTo>
                <a:cubicBezTo>
                  <a:pt x="410" y="12"/>
                  <a:pt x="409" y="10"/>
                  <a:pt x="407" y="7"/>
                </a:cubicBezTo>
                <a:cubicBezTo>
                  <a:pt x="403" y="1"/>
                  <a:pt x="394" y="0"/>
                  <a:pt x="388" y="4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95" name="TextBox 294"/>
          <p:cNvSpPr txBox="1"/>
          <p:nvPr userDrawn="1"/>
        </p:nvSpPr>
        <p:spPr>
          <a:xfrm>
            <a:off x="2291570" y="2639098"/>
            <a:ext cx="637208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lectric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utilities</a:t>
            </a:r>
          </a:p>
        </p:txBody>
      </p:sp>
      <p:sp>
        <p:nvSpPr>
          <p:cNvPr id="296" name="Freeform 116"/>
          <p:cNvSpPr>
            <a:spLocks noChangeAspect="1"/>
          </p:cNvSpPr>
          <p:nvPr userDrawn="1"/>
        </p:nvSpPr>
        <p:spPr bwMode="auto">
          <a:xfrm>
            <a:off x="1494879" y="3831106"/>
            <a:ext cx="385913" cy="393192"/>
          </a:xfrm>
          <a:custGeom>
            <a:avLst/>
            <a:gdLst/>
            <a:ahLst/>
            <a:cxnLst>
              <a:cxn ang="0">
                <a:pos x="211" y="0"/>
              </a:cxn>
              <a:cxn ang="0">
                <a:pos x="200" y="5"/>
              </a:cxn>
              <a:cxn ang="0">
                <a:pos x="135" y="172"/>
              </a:cxn>
              <a:cxn ang="0">
                <a:pos x="158" y="290"/>
              </a:cxn>
              <a:cxn ang="0">
                <a:pos x="139" y="290"/>
              </a:cxn>
              <a:cxn ang="0">
                <a:pos x="126" y="303"/>
              </a:cxn>
              <a:cxn ang="0">
                <a:pos x="126" y="349"/>
              </a:cxn>
              <a:cxn ang="0">
                <a:pos x="14" y="349"/>
              </a:cxn>
              <a:cxn ang="0">
                <a:pos x="0" y="362"/>
              </a:cxn>
              <a:cxn ang="0">
                <a:pos x="0" y="442"/>
              </a:cxn>
              <a:cxn ang="0">
                <a:pos x="14" y="455"/>
              </a:cxn>
              <a:cxn ang="0">
                <a:pos x="376" y="455"/>
              </a:cxn>
              <a:cxn ang="0">
                <a:pos x="390" y="442"/>
              </a:cxn>
              <a:cxn ang="0">
                <a:pos x="376" y="428"/>
              </a:cxn>
              <a:cxn ang="0">
                <a:pos x="27" y="428"/>
              </a:cxn>
              <a:cxn ang="0">
                <a:pos x="27" y="376"/>
              </a:cxn>
              <a:cxn ang="0">
                <a:pos x="139" y="376"/>
              </a:cxn>
              <a:cxn ang="0">
                <a:pos x="153" y="362"/>
              </a:cxn>
              <a:cxn ang="0">
                <a:pos x="153" y="317"/>
              </a:cxn>
              <a:cxn ang="0">
                <a:pos x="185" y="317"/>
              </a:cxn>
              <a:cxn ang="0">
                <a:pos x="198" y="308"/>
              </a:cxn>
              <a:cxn ang="0">
                <a:pos x="199" y="303"/>
              </a:cxn>
              <a:cxn ang="0">
                <a:pos x="193" y="293"/>
              </a:cxn>
              <a:cxn ang="0">
                <a:pos x="162" y="172"/>
              </a:cxn>
              <a:cxn ang="0">
                <a:pos x="211" y="37"/>
              </a:cxn>
              <a:cxn ang="0">
                <a:pos x="260" y="172"/>
              </a:cxn>
              <a:cxn ang="0">
                <a:pos x="228" y="293"/>
              </a:cxn>
              <a:cxn ang="0">
                <a:pos x="223" y="303"/>
              </a:cxn>
              <a:cxn ang="0">
                <a:pos x="224" y="308"/>
              </a:cxn>
              <a:cxn ang="0">
                <a:pos x="236" y="317"/>
              </a:cxn>
              <a:cxn ang="0">
                <a:pos x="272" y="317"/>
              </a:cxn>
              <a:cxn ang="0">
                <a:pos x="272" y="362"/>
              </a:cxn>
              <a:cxn ang="0">
                <a:pos x="286" y="376"/>
              </a:cxn>
              <a:cxn ang="0">
                <a:pos x="421" y="376"/>
              </a:cxn>
              <a:cxn ang="0">
                <a:pos x="421" y="442"/>
              </a:cxn>
              <a:cxn ang="0">
                <a:pos x="434" y="455"/>
              </a:cxn>
              <a:cxn ang="0">
                <a:pos x="448" y="442"/>
              </a:cxn>
              <a:cxn ang="0">
                <a:pos x="448" y="362"/>
              </a:cxn>
              <a:cxn ang="0">
                <a:pos x="434" y="349"/>
              </a:cxn>
              <a:cxn ang="0">
                <a:pos x="299" y="349"/>
              </a:cxn>
              <a:cxn ang="0">
                <a:pos x="299" y="303"/>
              </a:cxn>
              <a:cxn ang="0">
                <a:pos x="286" y="290"/>
              </a:cxn>
              <a:cxn ang="0">
                <a:pos x="264" y="290"/>
              </a:cxn>
              <a:cxn ang="0">
                <a:pos x="286" y="172"/>
              </a:cxn>
              <a:cxn ang="0">
                <a:pos x="221" y="5"/>
              </a:cxn>
              <a:cxn ang="0">
                <a:pos x="211" y="0"/>
              </a:cxn>
            </a:cxnLst>
            <a:rect l="0" t="0" r="r" b="b"/>
            <a:pathLst>
              <a:path w="448" h="455">
                <a:moveTo>
                  <a:pt x="211" y="0"/>
                </a:moveTo>
                <a:cubicBezTo>
                  <a:pt x="207" y="0"/>
                  <a:pt x="203" y="2"/>
                  <a:pt x="200" y="5"/>
                </a:cubicBezTo>
                <a:cubicBezTo>
                  <a:pt x="197" y="8"/>
                  <a:pt x="135" y="91"/>
                  <a:pt x="135" y="172"/>
                </a:cubicBezTo>
                <a:cubicBezTo>
                  <a:pt x="135" y="222"/>
                  <a:pt x="143" y="263"/>
                  <a:pt x="158" y="290"/>
                </a:cubicBezTo>
                <a:cubicBezTo>
                  <a:pt x="149" y="290"/>
                  <a:pt x="139" y="290"/>
                  <a:pt x="139" y="290"/>
                </a:cubicBezTo>
                <a:cubicBezTo>
                  <a:pt x="132" y="290"/>
                  <a:pt x="126" y="296"/>
                  <a:pt x="126" y="303"/>
                </a:cubicBezTo>
                <a:cubicBezTo>
                  <a:pt x="126" y="303"/>
                  <a:pt x="126" y="333"/>
                  <a:pt x="126" y="349"/>
                </a:cubicBezTo>
                <a:cubicBezTo>
                  <a:pt x="105" y="349"/>
                  <a:pt x="14" y="349"/>
                  <a:pt x="14" y="349"/>
                </a:cubicBezTo>
                <a:cubicBezTo>
                  <a:pt x="6" y="349"/>
                  <a:pt x="0" y="355"/>
                  <a:pt x="0" y="362"/>
                </a:cubicBezTo>
                <a:cubicBezTo>
                  <a:pt x="0" y="442"/>
                  <a:pt x="0" y="442"/>
                  <a:pt x="0" y="442"/>
                </a:cubicBezTo>
                <a:cubicBezTo>
                  <a:pt x="0" y="449"/>
                  <a:pt x="6" y="455"/>
                  <a:pt x="14" y="455"/>
                </a:cubicBezTo>
                <a:cubicBezTo>
                  <a:pt x="376" y="455"/>
                  <a:pt x="376" y="455"/>
                  <a:pt x="376" y="455"/>
                </a:cubicBezTo>
                <a:cubicBezTo>
                  <a:pt x="384" y="455"/>
                  <a:pt x="390" y="449"/>
                  <a:pt x="390" y="442"/>
                </a:cubicBezTo>
                <a:cubicBezTo>
                  <a:pt x="390" y="434"/>
                  <a:pt x="384" y="428"/>
                  <a:pt x="376" y="428"/>
                </a:cubicBezTo>
                <a:cubicBezTo>
                  <a:pt x="376" y="428"/>
                  <a:pt x="52" y="428"/>
                  <a:pt x="27" y="428"/>
                </a:cubicBezTo>
                <a:cubicBezTo>
                  <a:pt x="27" y="414"/>
                  <a:pt x="27" y="390"/>
                  <a:pt x="27" y="376"/>
                </a:cubicBezTo>
                <a:cubicBezTo>
                  <a:pt x="48" y="376"/>
                  <a:pt x="139" y="376"/>
                  <a:pt x="139" y="376"/>
                </a:cubicBezTo>
                <a:cubicBezTo>
                  <a:pt x="147" y="376"/>
                  <a:pt x="153" y="370"/>
                  <a:pt x="153" y="362"/>
                </a:cubicBezTo>
                <a:cubicBezTo>
                  <a:pt x="153" y="362"/>
                  <a:pt x="153" y="333"/>
                  <a:pt x="153" y="317"/>
                </a:cubicBezTo>
                <a:cubicBezTo>
                  <a:pt x="166" y="317"/>
                  <a:pt x="185" y="317"/>
                  <a:pt x="185" y="317"/>
                </a:cubicBezTo>
                <a:cubicBezTo>
                  <a:pt x="191" y="317"/>
                  <a:pt x="196" y="313"/>
                  <a:pt x="198" y="308"/>
                </a:cubicBezTo>
                <a:cubicBezTo>
                  <a:pt x="198" y="306"/>
                  <a:pt x="199" y="305"/>
                  <a:pt x="199" y="303"/>
                </a:cubicBezTo>
                <a:cubicBezTo>
                  <a:pt x="199" y="299"/>
                  <a:pt x="197" y="295"/>
                  <a:pt x="193" y="293"/>
                </a:cubicBezTo>
                <a:cubicBezTo>
                  <a:pt x="174" y="278"/>
                  <a:pt x="162" y="231"/>
                  <a:pt x="162" y="172"/>
                </a:cubicBezTo>
                <a:cubicBezTo>
                  <a:pt x="162" y="119"/>
                  <a:pt x="194" y="63"/>
                  <a:pt x="211" y="37"/>
                </a:cubicBezTo>
                <a:cubicBezTo>
                  <a:pt x="228" y="63"/>
                  <a:pt x="260" y="119"/>
                  <a:pt x="260" y="172"/>
                </a:cubicBezTo>
                <a:cubicBezTo>
                  <a:pt x="260" y="231"/>
                  <a:pt x="248" y="278"/>
                  <a:pt x="228" y="293"/>
                </a:cubicBezTo>
                <a:cubicBezTo>
                  <a:pt x="225" y="295"/>
                  <a:pt x="223" y="299"/>
                  <a:pt x="223" y="303"/>
                </a:cubicBezTo>
                <a:cubicBezTo>
                  <a:pt x="223" y="305"/>
                  <a:pt x="223" y="306"/>
                  <a:pt x="224" y="308"/>
                </a:cubicBezTo>
                <a:cubicBezTo>
                  <a:pt x="225" y="313"/>
                  <a:pt x="230" y="317"/>
                  <a:pt x="236" y="317"/>
                </a:cubicBezTo>
                <a:cubicBezTo>
                  <a:pt x="236" y="317"/>
                  <a:pt x="258" y="317"/>
                  <a:pt x="272" y="317"/>
                </a:cubicBezTo>
                <a:cubicBezTo>
                  <a:pt x="272" y="333"/>
                  <a:pt x="272" y="362"/>
                  <a:pt x="272" y="362"/>
                </a:cubicBezTo>
                <a:cubicBezTo>
                  <a:pt x="272" y="370"/>
                  <a:pt x="278" y="376"/>
                  <a:pt x="286" y="376"/>
                </a:cubicBezTo>
                <a:cubicBezTo>
                  <a:pt x="286" y="376"/>
                  <a:pt x="399" y="376"/>
                  <a:pt x="421" y="376"/>
                </a:cubicBezTo>
                <a:cubicBezTo>
                  <a:pt x="421" y="394"/>
                  <a:pt x="421" y="442"/>
                  <a:pt x="421" y="442"/>
                </a:cubicBezTo>
                <a:cubicBezTo>
                  <a:pt x="421" y="449"/>
                  <a:pt x="427" y="455"/>
                  <a:pt x="434" y="455"/>
                </a:cubicBezTo>
                <a:cubicBezTo>
                  <a:pt x="442" y="455"/>
                  <a:pt x="448" y="449"/>
                  <a:pt x="448" y="442"/>
                </a:cubicBezTo>
                <a:cubicBezTo>
                  <a:pt x="448" y="362"/>
                  <a:pt x="448" y="362"/>
                  <a:pt x="448" y="362"/>
                </a:cubicBezTo>
                <a:cubicBezTo>
                  <a:pt x="448" y="355"/>
                  <a:pt x="442" y="349"/>
                  <a:pt x="434" y="349"/>
                </a:cubicBezTo>
                <a:cubicBezTo>
                  <a:pt x="434" y="349"/>
                  <a:pt x="321" y="349"/>
                  <a:pt x="299" y="349"/>
                </a:cubicBezTo>
                <a:cubicBezTo>
                  <a:pt x="299" y="333"/>
                  <a:pt x="299" y="303"/>
                  <a:pt x="299" y="303"/>
                </a:cubicBezTo>
                <a:cubicBezTo>
                  <a:pt x="299" y="296"/>
                  <a:pt x="293" y="290"/>
                  <a:pt x="286" y="290"/>
                </a:cubicBezTo>
                <a:cubicBezTo>
                  <a:pt x="286" y="290"/>
                  <a:pt x="274" y="290"/>
                  <a:pt x="264" y="290"/>
                </a:cubicBezTo>
                <a:cubicBezTo>
                  <a:pt x="278" y="263"/>
                  <a:pt x="286" y="222"/>
                  <a:pt x="286" y="172"/>
                </a:cubicBezTo>
                <a:cubicBezTo>
                  <a:pt x="286" y="91"/>
                  <a:pt x="224" y="8"/>
                  <a:pt x="221" y="5"/>
                </a:cubicBezTo>
                <a:cubicBezTo>
                  <a:pt x="219" y="2"/>
                  <a:pt x="215" y="0"/>
                  <a:pt x="211" y="0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97" name="TextBox 296"/>
          <p:cNvSpPr txBox="1"/>
          <p:nvPr userDrawn="1"/>
        </p:nvSpPr>
        <p:spPr>
          <a:xfrm>
            <a:off x="1378741" y="4284666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Oil &amp; gas</a:t>
            </a:r>
          </a:p>
        </p:txBody>
      </p:sp>
      <p:sp>
        <p:nvSpPr>
          <p:cNvPr id="298" name="Freeform 88"/>
          <p:cNvSpPr>
            <a:spLocks noChangeAspect="1"/>
          </p:cNvSpPr>
          <p:nvPr userDrawn="1"/>
        </p:nvSpPr>
        <p:spPr bwMode="auto">
          <a:xfrm>
            <a:off x="4230515" y="3060564"/>
            <a:ext cx="516752" cy="337566"/>
          </a:xfrm>
          <a:custGeom>
            <a:avLst/>
            <a:gdLst/>
            <a:ahLst/>
            <a:cxnLst>
              <a:cxn ang="0">
                <a:pos x="224" y="5"/>
              </a:cxn>
              <a:cxn ang="0">
                <a:pos x="221" y="13"/>
              </a:cxn>
              <a:cxn ang="0">
                <a:pos x="221" y="16"/>
              </a:cxn>
              <a:cxn ang="0">
                <a:pos x="227" y="43"/>
              </a:cxn>
              <a:cxn ang="0">
                <a:pos x="225" y="43"/>
              </a:cxn>
              <a:cxn ang="0">
                <a:pos x="216" y="47"/>
              </a:cxn>
              <a:cxn ang="0">
                <a:pos x="212" y="56"/>
              </a:cxn>
              <a:cxn ang="0">
                <a:pos x="212" y="151"/>
              </a:cxn>
              <a:cxn ang="0">
                <a:pos x="173" y="151"/>
              </a:cxn>
              <a:cxn ang="0">
                <a:pos x="107" y="186"/>
              </a:cxn>
              <a:cxn ang="0">
                <a:pos x="106" y="193"/>
              </a:cxn>
              <a:cxn ang="0">
                <a:pos x="112" y="205"/>
              </a:cxn>
              <a:cxn ang="0">
                <a:pos x="130" y="200"/>
              </a:cxn>
              <a:cxn ang="0">
                <a:pos x="173" y="177"/>
              </a:cxn>
              <a:cxn ang="0">
                <a:pos x="226" y="177"/>
              </a:cxn>
              <a:cxn ang="0">
                <a:pos x="235" y="173"/>
              </a:cxn>
              <a:cxn ang="0">
                <a:pos x="239" y="164"/>
              </a:cxn>
              <a:cxn ang="0">
                <a:pos x="239" y="69"/>
              </a:cxn>
              <a:cxn ang="0">
                <a:pos x="244" y="69"/>
              </a:cxn>
              <a:cxn ang="0">
                <a:pos x="254" y="64"/>
              </a:cxn>
              <a:cxn ang="0">
                <a:pos x="257" y="56"/>
              </a:cxn>
              <a:cxn ang="0">
                <a:pos x="257" y="53"/>
              </a:cxn>
              <a:cxn ang="0">
                <a:pos x="251" y="27"/>
              </a:cxn>
              <a:cxn ang="0">
                <a:pos x="264" y="27"/>
              </a:cxn>
              <a:cxn ang="0">
                <a:pos x="275" y="57"/>
              </a:cxn>
              <a:cxn ang="0">
                <a:pos x="287" y="65"/>
              </a:cxn>
              <a:cxn ang="0">
                <a:pos x="298" y="66"/>
              </a:cxn>
              <a:cxn ang="0">
                <a:pos x="353" y="197"/>
              </a:cxn>
              <a:cxn ang="0">
                <a:pos x="365" y="205"/>
              </a:cxn>
              <a:cxn ang="0">
                <a:pos x="421" y="205"/>
              </a:cxn>
              <a:cxn ang="0">
                <a:pos x="390" y="270"/>
              </a:cxn>
              <a:cxn ang="0">
                <a:pos x="49" y="270"/>
              </a:cxn>
              <a:cxn ang="0">
                <a:pos x="29" y="252"/>
              </a:cxn>
              <a:cxn ang="0">
                <a:pos x="28" y="246"/>
              </a:cxn>
              <a:cxn ang="0">
                <a:pos x="28" y="245"/>
              </a:cxn>
              <a:cxn ang="0">
                <a:pos x="252" y="245"/>
              </a:cxn>
              <a:cxn ang="0">
                <a:pos x="323" y="190"/>
              </a:cxn>
              <a:cxn ang="0">
                <a:pos x="310" y="177"/>
              </a:cxn>
              <a:cxn ang="0">
                <a:pos x="297" y="190"/>
              </a:cxn>
              <a:cxn ang="0">
                <a:pos x="252" y="219"/>
              </a:cxn>
              <a:cxn ang="0">
                <a:pos x="18" y="219"/>
              </a:cxn>
              <a:cxn ang="0">
                <a:pos x="5" y="227"/>
              </a:cxn>
              <a:cxn ang="0">
                <a:pos x="4" y="262"/>
              </a:cxn>
              <a:cxn ang="0">
                <a:pos x="41" y="296"/>
              </a:cxn>
              <a:cxn ang="0">
                <a:pos x="46" y="297"/>
              </a:cxn>
              <a:cxn ang="0">
                <a:pos x="398" y="297"/>
              </a:cxn>
              <a:cxn ang="0">
                <a:pos x="410" y="289"/>
              </a:cxn>
              <a:cxn ang="0">
                <a:pos x="454" y="197"/>
              </a:cxn>
              <a:cxn ang="0">
                <a:pos x="453" y="185"/>
              </a:cxn>
              <a:cxn ang="0">
                <a:pos x="442" y="178"/>
              </a:cxn>
              <a:cxn ang="0">
                <a:pos x="374" y="178"/>
              </a:cxn>
              <a:cxn ang="0">
                <a:pos x="319" y="48"/>
              </a:cxn>
              <a:cxn ang="0">
                <a:pos x="308" y="40"/>
              </a:cxn>
              <a:cxn ang="0">
                <a:pos x="297" y="39"/>
              </a:cxn>
              <a:cxn ang="0">
                <a:pos x="286" y="9"/>
              </a:cxn>
              <a:cxn ang="0">
                <a:pos x="274" y="1"/>
              </a:cxn>
              <a:cxn ang="0">
                <a:pos x="234" y="0"/>
              </a:cxn>
              <a:cxn ang="0">
                <a:pos x="224" y="5"/>
              </a:cxn>
            </a:cxnLst>
            <a:rect l="0" t="0" r="r" b="b"/>
            <a:pathLst>
              <a:path w="456" h="297">
                <a:moveTo>
                  <a:pt x="224" y="5"/>
                </a:moveTo>
                <a:cubicBezTo>
                  <a:pt x="222" y="7"/>
                  <a:pt x="221" y="10"/>
                  <a:pt x="221" y="13"/>
                </a:cubicBezTo>
                <a:cubicBezTo>
                  <a:pt x="221" y="14"/>
                  <a:pt x="221" y="15"/>
                  <a:pt x="221" y="16"/>
                </a:cubicBezTo>
                <a:cubicBezTo>
                  <a:pt x="221" y="16"/>
                  <a:pt x="224" y="30"/>
                  <a:pt x="227" y="43"/>
                </a:cubicBezTo>
                <a:cubicBezTo>
                  <a:pt x="227" y="43"/>
                  <a:pt x="225" y="43"/>
                  <a:pt x="225" y="43"/>
                </a:cubicBezTo>
                <a:cubicBezTo>
                  <a:pt x="222" y="43"/>
                  <a:pt x="218" y="44"/>
                  <a:pt x="216" y="47"/>
                </a:cubicBezTo>
                <a:cubicBezTo>
                  <a:pt x="213" y="49"/>
                  <a:pt x="212" y="53"/>
                  <a:pt x="212" y="56"/>
                </a:cubicBezTo>
                <a:cubicBezTo>
                  <a:pt x="212" y="56"/>
                  <a:pt x="212" y="130"/>
                  <a:pt x="212" y="151"/>
                </a:cubicBezTo>
                <a:cubicBezTo>
                  <a:pt x="198" y="151"/>
                  <a:pt x="173" y="151"/>
                  <a:pt x="173" y="151"/>
                </a:cubicBezTo>
                <a:cubicBezTo>
                  <a:pt x="155" y="151"/>
                  <a:pt x="122" y="162"/>
                  <a:pt x="107" y="186"/>
                </a:cubicBezTo>
                <a:cubicBezTo>
                  <a:pt x="106" y="189"/>
                  <a:pt x="106" y="191"/>
                  <a:pt x="106" y="193"/>
                </a:cubicBezTo>
                <a:cubicBezTo>
                  <a:pt x="106" y="198"/>
                  <a:pt x="108" y="202"/>
                  <a:pt x="112" y="205"/>
                </a:cubicBezTo>
                <a:cubicBezTo>
                  <a:pt x="119" y="208"/>
                  <a:pt x="127" y="206"/>
                  <a:pt x="130" y="200"/>
                </a:cubicBezTo>
                <a:cubicBezTo>
                  <a:pt x="138" y="186"/>
                  <a:pt x="161" y="177"/>
                  <a:pt x="173" y="177"/>
                </a:cubicBezTo>
                <a:cubicBezTo>
                  <a:pt x="226" y="177"/>
                  <a:pt x="226" y="177"/>
                  <a:pt x="226" y="177"/>
                </a:cubicBezTo>
                <a:cubicBezTo>
                  <a:pt x="229" y="177"/>
                  <a:pt x="233" y="176"/>
                  <a:pt x="235" y="173"/>
                </a:cubicBezTo>
                <a:cubicBezTo>
                  <a:pt x="238" y="171"/>
                  <a:pt x="239" y="168"/>
                  <a:pt x="239" y="164"/>
                </a:cubicBezTo>
                <a:cubicBezTo>
                  <a:pt x="239" y="164"/>
                  <a:pt x="239" y="90"/>
                  <a:pt x="239" y="69"/>
                </a:cubicBezTo>
                <a:cubicBezTo>
                  <a:pt x="241" y="69"/>
                  <a:pt x="244" y="69"/>
                  <a:pt x="244" y="69"/>
                </a:cubicBezTo>
                <a:cubicBezTo>
                  <a:pt x="248" y="69"/>
                  <a:pt x="252" y="67"/>
                  <a:pt x="254" y="64"/>
                </a:cubicBezTo>
                <a:cubicBezTo>
                  <a:pt x="256" y="62"/>
                  <a:pt x="257" y="59"/>
                  <a:pt x="257" y="56"/>
                </a:cubicBezTo>
                <a:cubicBezTo>
                  <a:pt x="257" y="55"/>
                  <a:pt x="257" y="54"/>
                  <a:pt x="257" y="53"/>
                </a:cubicBezTo>
                <a:cubicBezTo>
                  <a:pt x="257" y="53"/>
                  <a:pt x="253" y="39"/>
                  <a:pt x="251" y="27"/>
                </a:cubicBezTo>
                <a:cubicBezTo>
                  <a:pt x="257" y="27"/>
                  <a:pt x="260" y="27"/>
                  <a:pt x="264" y="27"/>
                </a:cubicBezTo>
                <a:cubicBezTo>
                  <a:pt x="268" y="37"/>
                  <a:pt x="275" y="57"/>
                  <a:pt x="275" y="57"/>
                </a:cubicBezTo>
                <a:cubicBezTo>
                  <a:pt x="277" y="62"/>
                  <a:pt x="281" y="65"/>
                  <a:pt x="287" y="65"/>
                </a:cubicBezTo>
                <a:cubicBezTo>
                  <a:pt x="287" y="65"/>
                  <a:pt x="293" y="66"/>
                  <a:pt x="298" y="66"/>
                </a:cubicBezTo>
                <a:cubicBezTo>
                  <a:pt x="304" y="80"/>
                  <a:pt x="353" y="197"/>
                  <a:pt x="353" y="197"/>
                </a:cubicBezTo>
                <a:cubicBezTo>
                  <a:pt x="355" y="202"/>
                  <a:pt x="360" y="205"/>
                  <a:pt x="365" y="205"/>
                </a:cubicBezTo>
                <a:cubicBezTo>
                  <a:pt x="365" y="205"/>
                  <a:pt x="399" y="205"/>
                  <a:pt x="421" y="205"/>
                </a:cubicBezTo>
                <a:cubicBezTo>
                  <a:pt x="411" y="226"/>
                  <a:pt x="395" y="260"/>
                  <a:pt x="390" y="270"/>
                </a:cubicBezTo>
                <a:cubicBezTo>
                  <a:pt x="374" y="270"/>
                  <a:pt x="55" y="270"/>
                  <a:pt x="49" y="270"/>
                </a:cubicBezTo>
                <a:cubicBezTo>
                  <a:pt x="43" y="267"/>
                  <a:pt x="33" y="261"/>
                  <a:pt x="29" y="252"/>
                </a:cubicBezTo>
                <a:cubicBezTo>
                  <a:pt x="28" y="250"/>
                  <a:pt x="28" y="248"/>
                  <a:pt x="28" y="246"/>
                </a:cubicBezTo>
                <a:cubicBezTo>
                  <a:pt x="28" y="245"/>
                  <a:pt x="28" y="245"/>
                  <a:pt x="28" y="245"/>
                </a:cubicBezTo>
                <a:cubicBezTo>
                  <a:pt x="47" y="245"/>
                  <a:pt x="252" y="245"/>
                  <a:pt x="252" y="245"/>
                </a:cubicBezTo>
                <a:cubicBezTo>
                  <a:pt x="286" y="245"/>
                  <a:pt x="323" y="226"/>
                  <a:pt x="323" y="190"/>
                </a:cubicBezTo>
                <a:cubicBezTo>
                  <a:pt x="323" y="183"/>
                  <a:pt x="317" y="177"/>
                  <a:pt x="310" y="177"/>
                </a:cubicBezTo>
                <a:cubicBezTo>
                  <a:pt x="303" y="177"/>
                  <a:pt x="297" y="183"/>
                  <a:pt x="297" y="190"/>
                </a:cubicBezTo>
                <a:cubicBezTo>
                  <a:pt x="297" y="210"/>
                  <a:pt x="270" y="219"/>
                  <a:pt x="252" y="219"/>
                </a:cubicBezTo>
                <a:cubicBezTo>
                  <a:pt x="18" y="219"/>
                  <a:pt x="18" y="219"/>
                  <a:pt x="18" y="219"/>
                </a:cubicBezTo>
                <a:cubicBezTo>
                  <a:pt x="12" y="219"/>
                  <a:pt x="8" y="222"/>
                  <a:pt x="5" y="227"/>
                </a:cubicBezTo>
                <a:cubicBezTo>
                  <a:pt x="0" y="238"/>
                  <a:pt x="0" y="251"/>
                  <a:pt x="4" y="262"/>
                </a:cubicBezTo>
                <a:cubicBezTo>
                  <a:pt x="13" y="284"/>
                  <a:pt x="38" y="294"/>
                  <a:pt x="41" y="296"/>
                </a:cubicBezTo>
                <a:cubicBezTo>
                  <a:pt x="43" y="296"/>
                  <a:pt x="44" y="297"/>
                  <a:pt x="46" y="297"/>
                </a:cubicBezTo>
                <a:cubicBezTo>
                  <a:pt x="398" y="297"/>
                  <a:pt x="398" y="297"/>
                  <a:pt x="398" y="297"/>
                </a:cubicBezTo>
                <a:cubicBezTo>
                  <a:pt x="403" y="297"/>
                  <a:pt x="408" y="294"/>
                  <a:pt x="410" y="289"/>
                </a:cubicBezTo>
                <a:cubicBezTo>
                  <a:pt x="454" y="197"/>
                  <a:pt x="454" y="197"/>
                  <a:pt x="454" y="197"/>
                </a:cubicBezTo>
                <a:cubicBezTo>
                  <a:pt x="456" y="193"/>
                  <a:pt x="456" y="188"/>
                  <a:pt x="453" y="185"/>
                </a:cubicBezTo>
                <a:cubicBezTo>
                  <a:pt x="451" y="181"/>
                  <a:pt x="447" y="178"/>
                  <a:pt x="442" y="178"/>
                </a:cubicBezTo>
                <a:cubicBezTo>
                  <a:pt x="442" y="178"/>
                  <a:pt x="388" y="178"/>
                  <a:pt x="374" y="178"/>
                </a:cubicBezTo>
                <a:cubicBezTo>
                  <a:pt x="368" y="164"/>
                  <a:pt x="319" y="48"/>
                  <a:pt x="319" y="48"/>
                </a:cubicBezTo>
                <a:cubicBezTo>
                  <a:pt x="317" y="44"/>
                  <a:pt x="313" y="41"/>
                  <a:pt x="308" y="40"/>
                </a:cubicBezTo>
                <a:cubicBezTo>
                  <a:pt x="308" y="40"/>
                  <a:pt x="303" y="40"/>
                  <a:pt x="297" y="39"/>
                </a:cubicBezTo>
                <a:cubicBezTo>
                  <a:pt x="293" y="29"/>
                  <a:pt x="286" y="9"/>
                  <a:pt x="286" y="9"/>
                </a:cubicBezTo>
                <a:cubicBezTo>
                  <a:pt x="284" y="4"/>
                  <a:pt x="279" y="1"/>
                  <a:pt x="274" y="1"/>
                </a:cubicBezTo>
                <a:cubicBezTo>
                  <a:pt x="234" y="0"/>
                  <a:pt x="234" y="0"/>
                  <a:pt x="234" y="0"/>
                </a:cubicBezTo>
                <a:cubicBezTo>
                  <a:pt x="230" y="0"/>
                  <a:pt x="226" y="2"/>
                  <a:pt x="224" y="5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299" name="TextBox 298"/>
          <p:cNvSpPr txBox="1"/>
          <p:nvPr userDrawn="1"/>
        </p:nvSpPr>
        <p:spPr>
          <a:xfrm>
            <a:off x="4174110" y="3463575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rine</a:t>
            </a:r>
          </a:p>
        </p:txBody>
      </p:sp>
      <p:sp>
        <p:nvSpPr>
          <p:cNvPr id="300" name="Freeform 220"/>
          <p:cNvSpPr>
            <a:spLocks noChangeAspect="1"/>
          </p:cNvSpPr>
          <p:nvPr userDrawn="1"/>
        </p:nvSpPr>
        <p:spPr bwMode="auto">
          <a:xfrm>
            <a:off x="3270799" y="3900220"/>
            <a:ext cx="586434" cy="324077"/>
          </a:xfrm>
          <a:custGeom>
            <a:avLst/>
            <a:gdLst/>
            <a:ahLst/>
            <a:cxnLst>
              <a:cxn ang="0">
                <a:pos x="46" y="10"/>
              </a:cxn>
              <a:cxn ang="0">
                <a:pos x="0" y="96"/>
              </a:cxn>
              <a:cxn ang="0">
                <a:pos x="29" y="171"/>
              </a:cxn>
              <a:cxn ang="0">
                <a:pos x="39" y="176"/>
              </a:cxn>
              <a:cxn ang="0">
                <a:pos x="49" y="176"/>
              </a:cxn>
              <a:cxn ang="0">
                <a:pos x="87" y="204"/>
              </a:cxn>
              <a:cxn ang="0">
                <a:pos x="127" y="164"/>
              </a:cxn>
              <a:cxn ang="0">
                <a:pos x="127" y="148"/>
              </a:cxn>
              <a:cxn ang="0">
                <a:pos x="115" y="136"/>
              </a:cxn>
              <a:cxn ang="0">
                <a:pos x="103" y="148"/>
              </a:cxn>
              <a:cxn ang="0">
                <a:pos x="103" y="165"/>
              </a:cxn>
              <a:cxn ang="0">
                <a:pos x="87" y="181"/>
              </a:cxn>
              <a:cxn ang="0">
                <a:pos x="71" y="164"/>
              </a:cxn>
              <a:cxn ang="0">
                <a:pos x="67" y="156"/>
              </a:cxn>
              <a:cxn ang="0">
                <a:pos x="59" y="153"/>
              </a:cxn>
              <a:cxn ang="0">
                <a:pos x="46" y="153"/>
              </a:cxn>
              <a:cxn ang="0">
                <a:pos x="24" y="96"/>
              </a:cxn>
              <a:cxn ang="0">
                <a:pos x="57" y="32"/>
              </a:cxn>
              <a:cxn ang="0">
                <a:pos x="224" y="32"/>
              </a:cxn>
              <a:cxn ang="0">
                <a:pos x="281" y="88"/>
              </a:cxn>
              <a:cxn ang="0">
                <a:pos x="284" y="90"/>
              </a:cxn>
              <a:cxn ang="0">
                <a:pos x="307" y="98"/>
              </a:cxn>
              <a:cxn ang="0">
                <a:pos x="341" y="110"/>
              </a:cxn>
              <a:cxn ang="0">
                <a:pos x="351" y="128"/>
              </a:cxn>
              <a:cxn ang="0">
                <a:pos x="350" y="131"/>
              </a:cxn>
              <a:cxn ang="0">
                <a:pos x="335" y="134"/>
              </a:cxn>
              <a:cxn ang="0">
                <a:pos x="332" y="134"/>
              </a:cxn>
              <a:cxn ang="0">
                <a:pos x="307" y="134"/>
              </a:cxn>
              <a:cxn ang="0">
                <a:pos x="296" y="142"/>
              </a:cxn>
              <a:cxn ang="0">
                <a:pos x="299" y="155"/>
              </a:cxn>
              <a:cxn ang="0">
                <a:pos x="304" y="166"/>
              </a:cxn>
              <a:cxn ang="0">
                <a:pos x="288" y="182"/>
              </a:cxn>
              <a:cxn ang="0">
                <a:pos x="272" y="166"/>
              </a:cxn>
              <a:cxn ang="0">
                <a:pos x="275" y="156"/>
              </a:cxn>
              <a:cxn ang="0">
                <a:pos x="277" y="143"/>
              </a:cxn>
              <a:cxn ang="0">
                <a:pos x="266" y="136"/>
              </a:cxn>
              <a:cxn ang="0">
                <a:pos x="156" y="136"/>
              </a:cxn>
              <a:cxn ang="0">
                <a:pos x="144" y="148"/>
              </a:cxn>
              <a:cxn ang="0">
                <a:pos x="156" y="160"/>
              </a:cxn>
              <a:cxn ang="0">
                <a:pos x="248" y="160"/>
              </a:cxn>
              <a:cxn ang="0">
                <a:pos x="248" y="166"/>
              </a:cxn>
              <a:cxn ang="0">
                <a:pos x="288" y="206"/>
              </a:cxn>
              <a:cxn ang="0">
                <a:pos x="328" y="166"/>
              </a:cxn>
              <a:cxn ang="0">
                <a:pos x="327" y="158"/>
              </a:cxn>
              <a:cxn ang="0">
                <a:pos x="332" y="158"/>
              </a:cxn>
              <a:cxn ang="0">
                <a:pos x="334" y="158"/>
              </a:cxn>
              <a:cxn ang="0">
                <a:pos x="373" y="139"/>
              </a:cxn>
              <a:cxn ang="0">
                <a:pos x="375" y="128"/>
              </a:cxn>
              <a:cxn ang="0">
                <a:pos x="352" y="89"/>
              </a:cxn>
              <a:cxn ang="0">
                <a:pos x="314" y="75"/>
              </a:cxn>
              <a:cxn ang="0">
                <a:pos x="296" y="70"/>
              </a:cxn>
              <a:cxn ang="0">
                <a:pos x="235" y="11"/>
              </a:cxn>
              <a:cxn ang="0">
                <a:pos x="46" y="10"/>
              </a:cxn>
            </a:cxnLst>
            <a:rect l="0" t="0" r="r" b="b"/>
            <a:pathLst>
              <a:path w="375" h="206">
                <a:moveTo>
                  <a:pt x="46" y="10"/>
                </a:moveTo>
                <a:cubicBezTo>
                  <a:pt x="28" y="19"/>
                  <a:pt x="0" y="59"/>
                  <a:pt x="0" y="96"/>
                </a:cubicBezTo>
                <a:cubicBezTo>
                  <a:pt x="0" y="126"/>
                  <a:pt x="26" y="166"/>
                  <a:pt x="29" y="171"/>
                </a:cubicBezTo>
                <a:cubicBezTo>
                  <a:pt x="31" y="174"/>
                  <a:pt x="35" y="176"/>
                  <a:pt x="39" y="176"/>
                </a:cubicBezTo>
                <a:cubicBezTo>
                  <a:pt x="39" y="176"/>
                  <a:pt x="44" y="176"/>
                  <a:pt x="49" y="176"/>
                </a:cubicBezTo>
                <a:cubicBezTo>
                  <a:pt x="54" y="193"/>
                  <a:pt x="69" y="204"/>
                  <a:pt x="87" y="204"/>
                </a:cubicBezTo>
                <a:cubicBezTo>
                  <a:pt x="109" y="204"/>
                  <a:pt x="127" y="186"/>
                  <a:pt x="127" y="164"/>
                </a:cubicBezTo>
                <a:cubicBezTo>
                  <a:pt x="127" y="164"/>
                  <a:pt x="127" y="148"/>
                  <a:pt x="127" y="148"/>
                </a:cubicBezTo>
                <a:cubicBezTo>
                  <a:pt x="126" y="141"/>
                  <a:pt x="121" y="136"/>
                  <a:pt x="115" y="136"/>
                </a:cubicBezTo>
                <a:cubicBezTo>
                  <a:pt x="108" y="136"/>
                  <a:pt x="103" y="141"/>
                  <a:pt x="103" y="148"/>
                </a:cubicBezTo>
                <a:cubicBezTo>
                  <a:pt x="103" y="165"/>
                  <a:pt x="103" y="165"/>
                  <a:pt x="103" y="165"/>
                </a:cubicBezTo>
                <a:cubicBezTo>
                  <a:pt x="103" y="173"/>
                  <a:pt x="96" y="181"/>
                  <a:pt x="87" y="181"/>
                </a:cubicBezTo>
                <a:cubicBezTo>
                  <a:pt x="78" y="181"/>
                  <a:pt x="71" y="173"/>
                  <a:pt x="71" y="164"/>
                </a:cubicBezTo>
                <a:cubicBezTo>
                  <a:pt x="71" y="161"/>
                  <a:pt x="69" y="158"/>
                  <a:pt x="67" y="156"/>
                </a:cubicBezTo>
                <a:cubicBezTo>
                  <a:pt x="65" y="154"/>
                  <a:pt x="62" y="153"/>
                  <a:pt x="59" y="153"/>
                </a:cubicBezTo>
                <a:cubicBezTo>
                  <a:pt x="59" y="153"/>
                  <a:pt x="51" y="153"/>
                  <a:pt x="46" y="153"/>
                </a:cubicBezTo>
                <a:cubicBezTo>
                  <a:pt x="37" y="139"/>
                  <a:pt x="24" y="113"/>
                  <a:pt x="24" y="96"/>
                </a:cubicBezTo>
                <a:cubicBezTo>
                  <a:pt x="24" y="67"/>
                  <a:pt x="47" y="36"/>
                  <a:pt x="57" y="32"/>
                </a:cubicBezTo>
                <a:cubicBezTo>
                  <a:pt x="71" y="25"/>
                  <a:pt x="207" y="25"/>
                  <a:pt x="224" y="32"/>
                </a:cubicBezTo>
                <a:cubicBezTo>
                  <a:pt x="230" y="36"/>
                  <a:pt x="258" y="64"/>
                  <a:pt x="281" y="88"/>
                </a:cubicBezTo>
                <a:cubicBezTo>
                  <a:pt x="282" y="89"/>
                  <a:pt x="283" y="89"/>
                  <a:pt x="284" y="90"/>
                </a:cubicBezTo>
                <a:cubicBezTo>
                  <a:pt x="288" y="92"/>
                  <a:pt x="296" y="95"/>
                  <a:pt x="307" y="98"/>
                </a:cubicBezTo>
                <a:cubicBezTo>
                  <a:pt x="319" y="101"/>
                  <a:pt x="334" y="106"/>
                  <a:pt x="341" y="110"/>
                </a:cubicBezTo>
                <a:cubicBezTo>
                  <a:pt x="345" y="112"/>
                  <a:pt x="351" y="121"/>
                  <a:pt x="351" y="128"/>
                </a:cubicBezTo>
                <a:cubicBezTo>
                  <a:pt x="351" y="129"/>
                  <a:pt x="351" y="130"/>
                  <a:pt x="350" y="131"/>
                </a:cubicBezTo>
                <a:cubicBezTo>
                  <a:pt x="349" y="134"/>
                  <a:pt x="342" y="134"/>
                  <a:pt x="335" y="134"/>
                </a:cubicBezTo>
                <a:cubicBezTo>
                  <a:pt x="332" y="134"/>
                  <a:pt x="332" y="134"/>
                  <a:pt x="332" y="134"/>
                </a:cubicBezTo>
                <a:cubicBezTo>
                  <a:pt x="307" y="134"/>
                  <a:pt x="307" y="134"/>
                  <a:pt x="307" y="134"/>
                </a:cubicBezTo>
                <a:cubicBezTo>
                  <a:pt x="303" y="134"/>
                  <a:pt x="298" y="137"/>
                  <a:pt x="296" y="142"/>
                </a:cubicBezTo>
                <a:cubicBezTo>
                  <a:pt x="295" y="146"/>
                  <a:pt x="296" y="151"/>
                  <a:pt x="299" y="155"/>
                </a:cubicBezTo>
                <a:cubicBezTo>
                  <a:pt x="302" y="158"/>
                  <a:pt x="304" y="162"/>
                  <a:pt x="304" y="166"/>
                </a:cubicBezTo>
                <a:cubicBezTo>
                  <a:pt x="304" y="175"/>
                  <a:pt x="297" y="182"/>
                  <a:pt x="288" y="182"/>
                </a:cubicBezTo>
                <a:cubicBezTo>
                  <a:pt x="279" y="182"/>
                  <a:pt x="272" y="175"/>
                  <a:pt x="272" y="166"/>
                </a:cubicBezTo>
                <a:cubicBezTo>
                  <a:pt x="272" y="161"/>
                  <a:pt x="274" y="158"/>
                  <a:pt x="275" y="156"/>
                </a:cubicBezTo>
                <a:cubicBezTo>
                  <a:pt x="278" y="152"/>
                  <a:pt x="279" y="147"/>
                  <a:pt x="277" y="143"/>
                </a:cubicBezTo>
                <a:cubicBezTo>
                  <a:pt x="275" y="139"/>
                  <a:pt x="271" y="136"/>
                  <a:pt x="266" y="136"/>
                </a:cubicBezTo>
                <a:cubicBezTo>
                  <a:pt x="156" y="136"/>
                  <a:pt x="156" y="136"/>
                  <a:pt x="156" y="136"/>
                </a:cubicBezTo>
                <a:cubicBezTo>
                  <a:pt x="149" y="136"/>
                  <a:pt x="144" y="142"/>
                  <a:pt x="144" y="148"/>
                </a:cubicBezTo>
                <a:cubicBezTo>
                  <a:pt x="144" y="155"/>
                  <a:pt x="149" y="160"/>
                  <a:pt x="156" y="160"/>
                </a:cubicBezTo>
                <a:cubicBezTo>
                  <a:pt x="156" y="160"/>
                  <a:pt x="223" y="160"/>
                  <a:pt x="248" y="160"/>
                </a:cubicBezTo>
                <a:cubicBezTo>
                  <a:pt x="248" y="162"/>
                  <a:pt x="248" y="164"/>
                  <a:pt x="248" y="166"/>
                </a:cubicBezTo>
                <a:cubicBezTo>
                  <a:pt x="248" y="188"/>
                  <a:pt x="266" y="206"/>
                  <a:pt x="288" y="206"/>
                </a:cubicBezTo>
                <a:cubicBezTo>
                  <a:pt x="310" y="206"/>
                  <a:pt x="328" y="188"/>
                  <a:pt x="328" y="166"/>
                </a:cubicBezTo>
                <a:cubicBezTo>
                  <a:pt x="328" y="163"/>
                  <a:pt x="328" y="161"/>
                  <a:pt x="327" y="158"/>
                </a:cubicBezTo>
                <a:cubicBezTo>
                  <a:pt x="329" y="158"/>
                  <a:pt x="332" y="158"/>
                  <a:pt x="332" y="158"/>
                </a:cubicBezTo>
                <a:cubicBezTo>
                  <a:pt x="334" y="158"/>
                  <a:pt x="334" y="158"/>
                  <a:pt x="334" y="158"/>
                </a:cubicBezTo>
                <a:cubicBezTo>
                  <a:pt x="344" y="158"/>
                  <a:pt x="365" y="158"/>
                  <a:pt x="373" y="139"/>
                </a:cubicBezTo>
                <a:cubicBezTo>
                  <a:pt x="374" y="135"/>
                  <a:pt x="375" y="131"/>
                  <a:pt x="375" y="128"/>
                </a:cubicBezTo>
                <a:cubicBezTo>
                  <a:pt x="375" y="111"/>
                  <a:pt x="363" y="95"/>
                  <a:pt x="352" y="89"/>
                </a:cubicBezTo>
                <a:cubicBezTo>
                  <a:pt x="343" y="84"/>
                  <a:pt x="328" y="79"/>
                  <a:pt x="314" y="75"/>
                </a:cubicBezTo>
                <a:cubicBezTo>
                  <a:pt x="308" y="73"/>
                  <a:pt x="300" y="71"/>
                  <a:pt x="296" y="70"/>
                </a:cubicBezTo>
                <a:cubicBezTo>
                  <a:pt x="277" y="49"/>
                  <a:pt x="244" y="15"/>
                  <a:pt x="235" y="11"/>
                </a:cubicBezTo>
                <a:cubicBezTo>
                  <a:pt x="214" y="0"/>
                  <a:pt x="68" y="0"/>
                  <a:pt x="46" y="10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1" name="TextBox 300"/>
          <p:cNvSpPr txBox="1"/>
          <p:nvPr userDrawn="1"/>
        </p:nvSpPr>
        <p:spPr>
          <a:xfrm>
            <a:off x="2985173" y="4284666"/>
            <a:ext cx="1126319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Transportation</a:t>
            </a:r>
          </a:p>
        </p:txBody>
      </p:sp>
      <p:sp>
        <p:nvSpPr>
          <p:cNvPr id="302" name="Freeform 76"/>
          <p:cNvSpPr>
            <a:spLocks noChangeAspect="1"/>
          </p:cNvSpPr>
          <p:nvPr userDrawn="1"/>
        </p:nvSpPr>
        <p:spPr bwMode="auto">
          <a:xfrm>
            <a:off x="4268390" y="3831106"/>
            <a:ext cx="427715" cy="393192"/>
          </a:xfrm>
          <a:custGeom>
            <a:avLst/>
            <a:gdLst/>
            <a:ahLst/>
            <a:cxnLst>
              <a:cxn ang="0">
                <a:pos x="34" y="40"/>
              </a:cxn>
              <a:cxn ang="0">
                <a:pos x="74" y="80"/>
              </a:cxn>
              <a:cxn ang="0">
                <a:pos x="101" y="80"/>
              </a:cxn>
              <a:cxn ang="0">
                <a:pos x="101" y="129"/>
              </a:cxn>
              <a:cxn ang="0">
                <a:pos x="12" y="129"/>
              </a:cxn>
              <a:cxn ang="0">
                <a:pos x="0" y="141"/>
              </a:cxn>
              <a:cxn ang="0">
                <a:pos x="12" y="154"/>
              </a:cxn>
              <a:cxn ang="0">
                <a:pos x="113" y="154"/>
              </a:cxn>
              <a:cxn ang="0">
                <a:pos x="125" y="141"/>
              </a:cxn>
              <a:cxn ang="0">
                <a:pos x="125" y="68"/>
              </a:cxn>
              <a:cxn ang="0">
                <a:pos x="121" y="59"/>
              </a:cxn>
              <a:cxn ang="0">
                <a:pos x="113" y="55"/>
              </a:cxn>
              <a:cxn ang="0">
                <a:pos x="74" y="56"/>
              </a:cxn>
              <a:cxn ang="0">
                <a:pos x="59" y="40"/>
              </a:cxn>
              <a:cxn ang="0">
                <a:pos x="74" y="25"/>
              </a:cxn>
              <a:cxn ang="0">
                <a:pos x="192" y="25"/>
              </a:cxn>
              <a:cxn ang="0">
                <a:pos x="207" y="40"/>
              </a:cxn>
              <a:cxn ang="0">
                <a:pos x="192" y="56"/>
              </a:cxn>
              <a:cxn ang="0">
                <a:pos x="153" y="56"/>
              </a:cxn>
              <a:cxn ang="0">
                <a:pos x="144" y="59"/>
              </a:cxn>
              <a:cxn ang="0">
                <a:pos x="141" y="68"/>
              </a:cxn>
              <a:cxn ang="0">
                <a:pos x="141" y="140"/>
              </a:cxn>
              <a:cxn ang="0">
                <a:pos x="153" y="153"/>
              </a:cxn>
              <a:cxn ang="0">
                <a:pos x="198" y="153"/>
              </a:cxn>
              <a:cxn ang="0">
                <a:pos x="288" y="243"/>
              </a:cxn>
              <a:cxn ang="0">
                <a:pos x="288" y="264"/>
              </a:cxn>
              <a:cxn ang="0">
                <a:pos x="234" y="264"/>
              </a:cxn>
              <a:cxn ang="0">
                <a:pos x="234" y="243"/>
              </a:cxn>
              <a:cxn ang="0">
                <a:pos x="198" y="207"/>
              </a:cxn>
              <a:cxn ang="0">
                <a:pos x="12" y="207"/>
              </a:cxn>
              <a:cxn ang="0">
                <a:pos x="0" y="220"/>
              </a:cxn>
              <a:cxn ang="0">
                <a:pos x="12" y="232"/>
              </a:cxn>
              <a:cxn ang="0">
                <a:pos x="198" y="232"/>
              </a:cxn>
              <a:cxn ang="0">
                <a:pos x="209" y="243"/>
              </a:cxn>
              <a:cxn ang="0">
                <a:pos x="209" y="276"/>
              </a:cxn>
              <a:cxn ang="0">
                <a:pos x="221" y="288"/>
              </a:cxn>
              <a:cxn ang="0">
                <a:pos x="301" y="288"/>
              </a:cxn>
              <a:cxn ang="0">
                <a:pos x="313" y="276"/>
              </a:cxn>
              <a:cxn ang="0">
                <a:pos x="313" y="243"/>
              </a:cxn>
              <a:cxn ang="0">
                <a:pos x="198" y="128"/>
              </a:cxn>
              <a:cxn ang="0">
                <a:pos x="165" y="128"/>
              </a:cxn>
              <a:cxn ang="0">
                <a:pos x="165" y="80"/>
              </a:cxn>
              <a:cxn ang="0">
                <a:pos x="192" y="80"/>
              </a:cxn>
              <a:cxn ang="0">
                <a:pos x="232" y="40"/>
              </a:cxn>
              <a:cxn ang="0">
                <a:pos x="192" y="0"/>
              </a:cxn>
              <a:cxn ang="0">
                <a:pos x="74" y="0"/>
              </a:cxn>
              <a:cxn ang="0">
                <a:pos x="34" y="40"/>
              </a:cxn>
            </a:cxnLst>
            <a:rect l="0" t="0" r="r" b="b"/>
            <a:pathLst>
              <a:path w="313" h="288">
                <a:moveTo>
                  <a:pt x="34" y="40"/>
                </a:moveTo>
                <a:cubicBezTo>
                  <a:pt x="34" y="62"/>
                  <a:pt x="52" y="80"/>
                  <a:pt x="74" y="80"/>
                </a:cubicBezTo>
                <a:cubicBezTo>
                  <a:pt x="74" y="80"/>
                  <a:pt x="89" y="80"/>
                  <a:pt x="101" y="80"/>
                </a:cubicBezTo>
                <a:cubicBezTo>
                  <a:pt x="101" y="94"/>
                  <a:pt x="101" y="115"/>
                  <a:pt x="101" y="129"/>
                </a:cubicBezTo>
                <a:cubicBezTo>
                  <a:pt x="82" y="129"/>
                  <a:pt x="12" y="129"/>
                  <a:pt x="12" y="129"/>
                </a:cubicBezTo>
                <a:cubicBezTo>
                  <a:pt x="5" y="129"/>
                  <a:pt x="0" y="135"/>
                  <a:pt x="0" y="141"/>
                </a:cubicBezTo>
                <a:cubicBezTo>
                  <a:pt x="0" y="148"/>
                  <a:pt x="5" y="154"/>
                  <a:pt x="12" y="154"/>
                </a:cubicBezTo>
                <a:cubicBezTo>
                  <a:pt x="113" y="154"/>
                  <a:pt x="113" y="154"/>
                  <a:pt x="113" y="154"/>
                </a:cubicBezTo>
                <a:cubicBezTo>
                  <a:pt x="120" y="154"/>
                  <a:pt x="125" y="148"/>
                  <a:pt x="125" y="141"/>
                </a:cubicBezTo>
                <a:cubicBezTo>
                  <a:pt x="125" y="68"/>
                  <a:pt x="125" y="68"/>
                  <a:pt x="125" y="68"/>
                </a:cubicBezTo>
                <a:cubicBezTo>
                  <a:pt x="125" y="64"/>
                  <a:pt x="124" y="61"/>
                  <a:pt x="121" y="59"/>
                </a:cubicBezTo>
                <a:cubicBezTo>
                  <a:pt x="119" y="57"/>
                  <a:pt x="116" y="55"/>
                  <a:pt x="113" y="55"/>
                </a:cubicBezTo>
                <a:cubicBezTo>
                  <a:pt x="74" y="56"/>
                  <a:pt x="74" y="56"/>
                  <a:pt x="74" y="56"/>
                </a:cubicBezTo>
                <a:cubicBezTo>
                  <a:pt x="66" y="56"/>
                  <a:pt x="59" y="49"/>
                  <a:pt x="59" y="40"/>
                </a:cubicBezTo>
                <a:cubicBezTo>
                  <a:pt x="59" y="32"/>
                  <a:pt x="66" y="25"/>
                  <a:pt x="74" y="25"/>
                </a:cubicBezTo>
                <a:cubicBezTo>
                  <a:pt x="192" y="25"/>
                  <a:pt x="192" y="25"/>
                  <a:pt x="192" y="25"/>
                </a:cubicBezTo>
                <a:cubicBezTo>
                  <a:pt x="200" y="25"/>
                  <a:pt x="207" y="32"/>
                  <a:pt x="207" y="40"/>
                </a:cubicBezTo>
                <a:cubicBezTo>
                  <a:pt x="207" y="49"/>
                  <a:pt x="200" y="56"/>
                  <a:pt x="192" y="56"/>
                </a:cubicBezTo>
                <a:cubicBezTo>
                  <a:pt x="192" y="56"/>
                  <a:pt x="153" y="56"/>
                  <a:pt x="153" y="56"/>
                </a:cubicBezTo>
                <a:cubicBezTo>
                  <a:pt x="150" y="56"/>
                  <a:pt x="147" y="57"/>
                  <a:pt x="144" y="59"/>
                </a:cubicBezTo>
                <a:cubicBezTo>
                  <a:pt x="142" y="62"/>
                  <a:pt x="141" y="65"/>
                  <a:pt x="141" y="68"/>
                </a:cubicBezTo>
                <a:cubicBezTo>
                  <a:pt x="141" y="140"/>
                  <a:pt x="141" y="140"/>
                  <a:pt x="141" y="140"/>
                </a:cubicBezTo>
                <a:cubicBezTo>
                  <a:pt x="141" y="147"/>
                  <a:pt x="146" y="153"/>
                  <a:pt x="153" y="153"/>
                </a:cubicBezTo>
                <a:cubicBezTo>
                  <a:pt x="198" y="153"/>
                  <a:pt x="198" y="153"/>
                  <a:pt x="198" y="153"/>
                </a:cubicBezTo>
                <a:cubicBezTo>
                  <a:pt x="248" y="153"/>
                  <a:pt x="288" y="193"/>
                  <a:pt x="288" y="243"/>
                </a:cubicBezTo>
                <a:cubicBezTo>
                  <a:pt x="288" y="243"/>
                  <a:pt x="288" y="254"/>
                  <a:pt x="288" y="264"/>
                </a:cubicBezTo>
                <a:cubicBezTo>
                  <a:pt x="274" y="264"/>
                  <a:pt x="248" y="264"/>
                  <a:pt x="234" y="264"/>
                </a:cubicBezTo>
                <a:cubicBezTo>
                  <a:pt x="234" y="254"/>
                  <a:pt x="234" y="243"/>
                  <a:pt x="234" y="243"/>
                </a:cubicBezTo>
                <a:cubicBezTo>
                  <a:pt x="234" y="223"/>
                  <a:pt x="218" y="207"/>
                  <a:pt x="198" y="207"/>
                </a:cubicBezTo>
                <a:cubicBezTo>
                  <a:pt x="12" y="207"/>
                  <a:pt x="12" y="207"/>
                  <a:pt x="12" y="207"/>
                </a:cubicBezTo>
                <a:cubicBezTo>
                  <a:pt x="5" y="207"/>
                  <a:pt x="0" y="213"/>
                  <a:pt x="0" y="220"/>
                </a:cubicBezTo>
                <a:cubicBezTo>
                  <a:pt x="0" y="227"/>
                  <a:pt x="5" y="232"/>
                  <a:pt x="12" y="232"/>
                </a:cubicBezTo>
                <a:cubicBezTo>
                  <a:pt x="198" y="232"/>
                  <a:pt x="198" y="232"/>
                  <a:pt x="198" y="232"/>
                </a:cubicBezTo>
                <a:cubicBezTo>
                  <a:pt x="204" y="232"/>
                  <a:pt x="209" y="237"/>
                  <a:pt x="209" y="243"/>
                </a:cubicBezTo>
                <a:cubicBezTo>
                  <a:pt x="209" y="243"/>
                  <a:pt x="209" y="276"/>
                  <a:pt x="209" y="276"/>
                </a:cubicBezTo>
                <a:cubicBezTo>
                  <a:pt x="209" y="283"/>
                  <a:pt x="215" y="288"/>
                  <a:pt x="221" y="288"/>
                </a:cubicBezTo>
                <a:cubicBezTo>
                  <a:pt x="301" y="288"/>
                  <a:pt x="301" y="288"/>
                  <a:pt x="301" y="288"/>
                </a:cubicBezTo>
                <a:cubicBezTo>
                  <a:pt x="307" y="288"/>
                  <a:pt x="313" y="283"/>
                  <a:pt x="313" y="276"/>
                </a:cubicBezTo>
                <a:cubicBezTo>
                  <a:pt x="313" y="243"/>
                  <a:pt x="313" y="243"/>
                  <a:pt x="313" y="243"/>
                </a:cubicBezTo>
                <a:cubicBezTo>
                  <a:pt x="313" y="180"/>
                  <a:pt x="261" y="128"/>
                  <a:pt x="198" y="128"/>
                </a:cubicBezTo>
                <a:cubicBezTo>
                  <a:pt x="198" y="128"/>
                  <a:pt x="179" y="128"/>
                  <a:pt x="165" y="128"/>
                </a:cubicBezTo>
                <a:cubicBezTo>
                  <a:pt x="165" y="115"/>
                  <a:pt x="165" y="94"/>
                  <a:pt x="165" y="80"/>
                </a:cubicBezTo>
                <a:cubicBezTo>
                  <a:pt x="177" y="80"/>
                  <a:pt x="192" y="80"/>
                  <a:pt x="192" y="80"/>
                </a:cubicBezTo>
                <a:cubicBezTo>
                  <a:pt x="214" y="80"/>
                  <a:pt x="232" y="63"/>
                  <a:pt x="232" y="40"/>
                </a:cubicBezTo>
                <a:cubicBezTo>
                  <a:pt x="232" y="18"/>
                  <a:pt x="214" y="0"/>
                  <a:pt x="192" y="0"/>
                </a:cubicBezTo>
                <a:cubicBezTo>
                  <a:pt x="192" y="0"/>
                  <a:pt x="74" y="0"/>
                  <a:pt x="74" y="0"/>
                </a:cubicBezTo>
                <a:cubicBezTo>
                  <a:pt x="52" y="0"/>
                  <a:pt x="34" y="18"/>
                  <a:pt x="34" y="40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3" name="TextBox 302"/>
          <p:cNvSpPr txBox="1"/>
          <p:nvPr userDrawn="1"/>
        </p:nvSpPr>
        <p:spPr>
          <a:xfrm>
            <a:off x="3947784" y="4284666"/>
            <a:ext cx="1088520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ater &amp; 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aste water</a:t>
            </a:r>
          </a:p>
        </p:txBody>
      </p:sp>
      <p:sp>
        <p:nvSpPr>
          <p:cNvPr id="304" name="Freeform 120"/>
          <p:cNvSpPr>
            <a:spLocks noChangeAspect="1"/>
          </p:cNvSpPr>
          <p:nvPr userDrawn="1"/>
        </p:nvSpPr>
        <p:spPr bwMode="auto">
          <a:xfrm>
            <a:off x="5194806" y="3004938"/>
            <a:ext cx="473683" cy="362948"/>
          </a:xfrm>
          <a:custGeom>
            <a:avLst/>
            <a:gdLst/>
            <a:ahLst/>
            <a:cxnLst>
              <a:cxn ang="0">
                <a:pos x="344" y="10"/>
              </a:cxn>
              <a:cxn ang="0">
                <a:pos x="334" y="27"/>
              </a:cxn>
              <a:cxn ang="0">
                <a:pos x="160" y="118"/>
              </a:cxn>
              <a:cxn ang="0">
                <a:pos x="55" y="128"/>
              </a:cxn>
              <a:cxn ang="0">
                <a:pos x="35" y="237"/>
              </a:cxn>
              <a:cxn ang="0">
                <a:pos x="97" y="259"/>
              </a:cxn>
              <a:cxn ang="0">
                <a:pos x="34" y="263"/>
              </a:cxn>
              <a:cxn ang="0">
                <a:pos x="34" y="333"/>
              </a:cxn>
              <a:cxn ang="0">
                <a:pos x="292" y="298"/>
              </a:cxn>
              <a:cxn ang="0">
                <a:pos x="201" y="263"/>
              </a:cxn>
              <a:cxn ang="0">
                <a:pos x="204" y="259"/>
              </a:cxn>
              <a:cxn ang="0">
                <a:pos x="217" y="167"/>
              </a:cxn>
              <a:cxn ang="0">
                <a:pos x="269" y="106"/>
              </a:cxn>
              <a:cxn ang="0">
                <a:pos x="350" y="73"/>
              </a:cxn>
              <a:cxn ang="0">
                <a:pos x="333" y="60"/>
              </a:cxn>
              <a:cxn ang="0">
                <a:pos x="259" y="81"/>
              </a:cxn>
              <a:cxn ang="0">
                <a:pos x="198" y="142"/>
              </a:cxn>
              <a:cxn ang="0">
                <a:pos x="189" y="166"/>
              </a:cxn>
              <a:cxn ang="0">
                <a:pos x="198" y="232"/>
              </a:cxn>
              <a:cxn ang="0">
                <a:pos x="175" y="246"/>
              </a:cxn>
              <a:cxn ang="0">
                <a:pos x="188" y="290"/>
              </a:cxn>
              <a:cxn ang="0">
                <a:pos x="265" y="298"/>
              </a:cxn>
              <a:cxn ang="0">
                <a:pos x="34" y="306"/>
              </a:cxn>
              <a:cxn ang="0">
                <a:pos x="34" y="290"/>
              </a:cxn>
              <a:cxn ang="0">
                <a:pos x="123" y="277"/>
              </a:cxn>
              <a:cxn ang="0">
                <a:pos x="110" y="232"/>
              </a:cxn>
              <a:cxn ang="0">
                <a:pos x="61" y="155"/>
              </a:cxn>
              <a:cxn ang="0">
                <a:pos x="181" y="145"/>
              </a:cxn>
              <a:cxn ang="0">
                <a:pos x="233" y="77"/>
              </a:cxn>
              <a:cxn ang="0">
                <a:pos x="348" y="50"/>
              </a:cxn>
              <a:cxn ang="0">
                <a:pos x="354" y="45"/>
              </a:cxn>
              <a:cxn ang="0">
                <a:pos x="371" y="41"/>
              </a:cxn>
              <a:cxn ang="0">
                <a:pos x="388" y="175"/>
              </a:cxn>
              <a:cxn ang="0">
                <a:pos x="405" y="190"/>
              </a:cxn>
              <a:cxn ang="0">
                <a:pos x="404" y="201"/>
              </a:cxn>
              <a:cxn ang="0">
                <a:pos x="394" y="209"/>
              </a:cxn>
              <a:cxn ang="0">
                <a:pos x="330" y="245"/>
              </a:cxn>
              <a:cxn ang="0">
                <a:pos x="348" y="257"/>
              </a:cxn>
              <a:cxn ang="0">
                <a:pos x="403" y="234"/>
              </a:cxn>
              <a:cxn ang="0">
                <a:pos x="433" y="194"/>
              </a:cxn>
              <a:cxn ang="0">
                <a:pos x="411" y="156"/>
              </a:cxn>
              <a:cxn ang="0">
                <a:pos x="406" y="154"/>
              </a:cxn>
              <a:cxn ang="0">
                <a:pos x="393" y="25"/>
              </a:cxn>
              <a:cxn ang="0">
                <a:pos x="374" y="6"/>
              </a:cxn>
            </a:cxnLst>
            <a:rect l="0" t="0" r="r" b="b"/>
            <a:pathLst>
              <a:path w="433" h="333">
                <a:moveTo>
                  <a:pt x="358" y="0"/>
                </a:moveTo>
                <a:cubicBezTo>
                  <a:pt x="351" y="1"/>
                  <a:pt x="346" y="6"/>
                  <a:pt x="344" y="10"/>
                </a:cubicBezTo>
                <a:cubicBezTo>
                  <a:pt x="344" y="10"/>
                  <a:pt x="345" y="9"/>
                  <a:pt x="345" y="9"/>
                </a:cubicBezTo>
                <a:cubicBezTo>
                  <a:pt x="345" y="9"/>
                  <a:pt x="337" y="21"/>
                  <a:pt x="334" y="27"/>
                </a:cubicBezTo>
                <a:cubicBezTo>
                  <a:pt x="325" y="29"/>
                  <a:pt x="227" y="51"/>
                  <a:pt x="227" y="51"/>
                </a:cubicBezTo>
                <a:cubicBezTo>
                  <a:pt x="192" y="60"/>
                  <a:pt x="169" y="82"/>
                  <a:pt x="160" y="118"/>
                </a:cubicBezTo>
                <a:cubicBezTo>
                  <a:pt x="160" y="118"/>
                  <a:pt x="159" y="123"/>
                  <a:pt x="157" y="128"/>
                </a:cubicBezTo>
                <a:cubicBezTo>
                  <a:pt x="140" y="128"/>
                  <a:pt x="55" y="128"/>
                  <a:pt x="55" y="128"/>
                </a:cubicBezTo>
                <a:cubicBezTo>
                  <a:pt x="44" y="128"/>
                  <a:pt x="35" y="137"/>
                  <a:pt x="35" y="148"/>
                </a:cubicBezTo>
                <a:cubicBezTo>
                  <a:pt x="35" y="148"/>
                  <a:pt x="35" y="237"/>
                  <a:pt x="35" y="237"/>
                </a:cubicBezTo>
                <a:cubicBezTo>
                  <a:pt x="35" y="249"/>
                  <a:pt x="44" y="259"/>
                  <a:pt x="56" y="259"/>
                </a:cubicBezTo>
                <a:cubicBezTo>
                  <a:pt x="56" y="259"/>
                  <a:pt x="82" y="259"/>
                  <a:pt x="97" y="259"/>
                </a:cubicBezTo>
                <a:cubicBezTo>
                  <a:pt x="97" y="261"/>
                  <a:pt x="97" y="261"/>
                  <a:pt x="97" y="263"/>
                </a:cubicBezTo>
                <a:cubicBezTo>
                  <a:pt x="78" y="263"/>
                  <a:pt x="34" y="263"/>
                  <a:pt x="34" y="263"/>
                </a:cubicBezTo>
                <a:cubicBezTo>
                  <a:pt x="15" y="263"/>
                  <a:pt x="0" y="279"/>
                  <a:pt x="0" y="298"/>
                </a:cubicBezTo>
                <a:cubicBezTo>
                  <a:pt x="0" y="317"/>
                  <a:pt x="15" y="333"/>
                  <a:pt x="34" y="333"/>
                </a:cubicBezTo>
                <a:cubicBezTo>
                  <a:pt x="257" y="333"/>
                  <a:pt x="257" y="333"/>
                  <a:pt x="257" y="333"/>
                </a:cubicBezTo>
                <a:cubicBezTo>
                  <a:pt x="277" y="333"/>
                  <a:pt x="292" y="317"/>
                  <a:pt x="292" y="298"/>
                </a:cubicBezTo>
                <a:cubicBezTo>
                  <a:pt x="292" y="279"/>
                  <a:pt x="277" y="263"/>
                  <a:pt x="257" y="263"/>
                </a:cubicBezTo>
                <a:cubicBezTo>
                  <a:pt x="257" y="263"/>
                  <a:pt x="219" y="263"/>
                  <a:pt x="201" y="263"/>
                </a:cubicBezTo>
                <a:cubicBezTo>
                  <a:pt x="201" y="261"/>
                  <a:pt x="201" y="261"/>
                  <a:pt x="201" y="259"/>
                </a:cubicBezTo>
                <a:cubicBezTo>
                  <a:pt x="202" y="259"/>
                  <a:pt x="204" y="259"/>
                  <a:pt x="204" y="259"/>
                </a:cubicBezTo>
                <a:cubicBezTo>
                  <a:pt x="216" y="259"/>
                  <a:pt x="225" y="250"/>
                  <a:pt x="225" y="239"/>
                </a:cubicBezTo>
                <a:cubicBezTo>
                  <a:pt x="225" y="209"/>
                  <a:pt x="222" y="185"/>
                  <a:pt x="217" y="167"/>
                </a:cubicBezTo>
                <a:cubicBezTo>
                  <a:pt x="219" y="162"/>
                  <a:pt x="223" y="151"/>
                  <a:pt x="223" y="151"/>
                </a:cubicBezTo>
                <a:cubicBezTo>
                  <a:pt x="230" y="130"/>
                  <a:pt x="246" y="115"/>
                  <a:pt x="269" y="106"/>
                </a:cubicBezTo>
                <a:cubicBezTo>
                  <a:pt x="270" y="105"/>
                  <a:pt x="341" y="85"/>
                  <a:pt x="341" y="85"/>
                </a:cubicBezTo>
                <a:cubicBezTo>
                  <a:pt x="347" y="84"/>
                  <a:pt x="350" y="78"/>
                  <a:pt x="350" y="73"/>
                </a:cubicBezTo>
                <a:cubicBezTo>
                  <a:pt x="350" y="71"/>
                  <a:pt x="350" y="70"/>
                  <a:pt x="350" y="69"/>
                </a:cubicBezTo>
                <a:cubicBezTo>
                  <a:pt x="348" y="62"/>
                  <a:pt x="341" y="58"/>
                  <a:pt x="333" y="60"/>
                </a:cubicBezTo>
                <a:cubicBezTo>
                  <a:pt x="260" y="80"/>
                  <a:pt x="260" y="80"/>
                  <a:pt x="260" y="80"/>
                </a:cubicBezTo>
                <a:cubicBezTo>
                  <a:pt x="260" y="80"/>
                  <a:pt x="260" y="81"/>
                  <a:pt x="259" y="81"/>
                </a:cubicBezTo>
                <a:cubicBezTo>
                  <a:pt x="229" y="93"/>
                  <a:pt x="208" y="114"/>
                  <a:pt x="198" y="142"/>
                </a:cubicBezTo>
                <a:cubicBezTo>
                  <a:pt x="198" y="142"/>
                  <a:pt x="198" y="142"/>
                  <a:pt x="198" y="142"/>
                </a:cubicBezTo>
                <a:cubicBezTo>
                  <a:pt x="190" y="162"/>
                  <a:pt x="190" y="162"/>
                  <a:pt x="190" y="162"/>
                </a:cubicBezTo>
                <a:cubicBezTo>
                  <a:pt x="190" y="163"/>
                  <a:pt x="189" y="165"/>
                  <a:pt x="189" y="166"/>
                </a:cubicBezTo>
                <a:cubicBezTo>
                  <a:pt x="189" y="168"/>
                  <a:pt x="190" y="169"/>
                  <a:pt x="190" y="171"/>
                </a:cubicBezTo>
                <a:cubicBezTo>
                  <a:pt x="195" y="185"/>
                  <a:pt x="197" y="206"/>
                  <a:pt x="198" y="232"/>
                </a:cubicBezTo>
                <a:cubicBezTo>
                  <a:pt x="193" y="232"/>
                  <a:pt x="188" y="232"/>
                  <a:pt x="188" y="232"/>
                </a:cubicBezTo>
                <a:cubicBezTo>
                  <a:pt x="181" y="232"/>
                  <a:pt x="175" y="238"/>
                  <a:pt x="175" y="246"/>
                </a:cubicBezTo>
                <a:cubicBezTo>
                  <a:pt x="175" y="277"/>
                  <a:pt x="175" y="277"/>
                  <a:pt x="175" y="277"/>
                </a:cubicBezTo>
                <a:cubicBezTo>
                  <a:pt x="175" y="284"/>
                  <a:pt x="181" y="290"/>
                  <a:pt x="188" y="290"/>
                </a:cubicBezTo>
                <a:cubicBezTo>
                  <a:pt x="257" y="290"/>
                  <a:pt x="257" y="290"/>
                  <a:pt x="257" y="290"/>
                </a:cubicBezTo>
                <a:cubicBezTo>
                  <a:pt x="262" y="290"/>
                  <a:pt x="265" y="294"/>
                  <a:pt x="265" y="298"/>
                </a:cubicBezTo>
                <a:cubicBezTo>
                  <a:pt x="265" y="303"/>
                  <a:pt x="262" y="306"/>
                  <a:pt x="257" y="306"/>
                </a:cubicBezTo>
                <a:cubicBezTo>
                  <a:pt x="34" y="306"/>
                  <a:pt x="34" y="306"/>
                  <a:pt x="34" y="306"/>
                </a:cubicBezTo>
                <a:cubicBezTo>
                  <a:pt x="30" y="306"/>
                  <a:pt x="26" y="303"/>
                  <a:pt x="26" y="298"/>
                </a:cubicBezTo>
                <a:cubicBezTo>
                  <a:pt x="26" y="294"/>
                  <a:pt x="30" y="290"/>
                  <a:pt x="34" y="290"/>
                </a:cubicBezTo>
                <a:cubicBezTo>
                  <a:pt x="110" y="290"/>
                  <a:pt x="110" y="290"/>
                  <a:pt x="110" y="290"/>
                </a:cubicBezTo>
                <a:cubicBezTo>
                  <a:pt x="117" y="290"/>
                  <a:pt x="123" y="284"/>
                  <a:pt x="123" y="277"/>
                </a:cubicBezTo>
                <a:cubicBezTo>
                  <a:pt x="123" y="246"/>
                  <a:pt x="123" y="246"/>
                  <a:pt x="123" y="246"/>
                </a:cubicBezTo>
                <a:cubicBezTo>
                  <a:pt x="123" y="238"/>
                  <a:pt x="117" y="232"/>
                  <a:pt x="110" y="232"/>
                </a:cubicBezTo>
                <a:cubicBezTo>
                  <a:pt x="110" y="232"/>
                  <a:pt x="69" y="232"/>
                  <a:pt x="61" y="232"/>
                </a:cubicBezTo>
                <a:cubicBezTo>
                  <a:pt x="61" y="218"/>
                  <a:pt x="61" y="172"/>
                  <a:pt x="61" y="155"/>
                </a:cubicBezTo>
                <a:cubicBezTo>
                  <a:pt x="73" y="155"/>
                  <a:pt x="168" y="155"/>
                  <a:pt x="168" y="155"/>
                </a:cubicBezTo>
                <a:cubicBezTo>
                  <a:pt x="174" y="155"/>
                  <a:pt x="179" y="151"/>
                  <a:pt x="181" y="145"/>
                </a:cubicBezTo>
                <a:cubicBezTo>
                  <a:pt x="186" y="125"/>
                  <a:pt x="186" y="125"/>
                  <a:pt x="186" y="125"/>
                </a:cubicBezTo>
                <a:cubicBezTo>
                  <a:pt x="193" y="98"/>
                  <a:pt x="208" y="83"/>
                  <a:pt x="233" y="77"/>
                </a:cubicBezTo>
                <a:cubicBezTo>
                  <a:pt x="233" y="77"/>
                  <a:pt x="345" y="51"/>
                  <a:pt x="345" y="51"/>
                </a:cubicBezTo>
                <a:cubicBezTo>
                  <a:pt x="346" y="51"/>
                  <a:pt x="347" y="51"/>
                  <a:pt x="348" y="50"/>
                </a:cubicBezTo>
                <a:cubicBezTo>
                  <a:pt x="349" y="49"/>
                  <a:pt x="349" y="49"/>
                  <a:pt x="349" y="49"/>
                </a:cubicBezTo>
                <a:cubicBezTo>
                  <a:pt x="351" y="48"/>
                  <a:pt x="352" y="47"/>
                  <a:pt x="354" y="45"/>
                </a:cubicBezTo>
                <a:cubicBezTo>
                  <a:pt x="354" y="45"/>
                  <a:pt x="358" y="38"/>
                  <a:pt x="362" y="32"/>
                </a:cubicBezTo>
                <a:cubicBezTo>
                  <a:pt x="366" y="36"/>
                  <a:pt x="368" y="38"/>
                  <a:pt x="371" y="41"/>
                </a:cubicBezTo>
                <a:cubicBezTo>
                  <a:pt x="372" y="50"/>
                  <a:pt x="380" y="164"/>
                  <a:pt x="380" y="164"/>
                </a:cubicBezTo>
                <a:cubicBezTo>
                  <a:pt x="381" y="169"/>
                  <a:pt x="384" y="173"/>
                  <a:pt x="388" y="175"/>
                </a:cubicBezTo>
                <a:cubicBezTo>
                  <a:pt x="388" y="175"/>
                  <a:pt x="399" y="180"/>
                  <a:pt x="400" y="180"/>
                </a:cubicBezTo>
                <a:cubicBezTo>
                  <a:pt x="402" y="181"/>
                  <a:pt x="403" y="184"/>
                  <a:pt x="405" y="190"/>
                </a:cubicBezTo>
                <a:cubicBezTo>
                  <a:pt x="406" y="191"/>
                  <a:pt x="406" y="193"/>
                  <a:pt x="406" y="194"/>
                </a:cubicBezTo>
                <a:cubicBezTo>
                  <a:pt x="406" y="196"/>
                  <a:pt x="405" y="199"/>
                  <a:pt x="404" y="201"/>
                </a:cubicBezTo>
                <a:cubicBezTo>
                  <a:pt x="402" y="205"/>
                  <a:pt x="399" y="208"/>
                  <a:pt x="395" y="209"/>
                </a:cubicBezTo>
                <a:cubicBezTo>
                  <a:pt x="395" y="209"/>
                  <a:pt x="394" y="209"/>
                  <a:pt x="394" y="209"/>
                </a:cubicBezTo>
                <a:cubicBezTo>
                  <a:pt x="338" y="232"/>
                  <a:pt x="338" y="232"/>
                  <a:pt x="338" y="232"/>
                </a:cubicBezTo>
                <a:cubicBezTo>
                  <a:pt x="333" y="234"/>
                  <a:pt x="330" y="239"/>
                  <a:pt x="330" y="245"/>
                </a:cubicBezTo>
                <a:cubicBezTo>
                  <a:pt x="330" y="246"/>
                  <a:pt x="330" y="248"/>
                  <a:pt x="331" y="250"/>
                </a:cubicBezTo>
                <a:cubicBezTo>
                  <a:pt x="334" y="256"/>
                  <a:pt x="341" y="260"/>
                  <a:pt x="348" y="257"/>
                </a:cubicBezTo>
                <a:cubicBezTo>
                  <a:pt x="404" y="234"/>
                  <a:pt x="404" y="234"/>
                  <a:pt x="404" y="234"/>
                </a:cubicBezTo>
                <a:cubicBezTo>
                  <a:pt x="404" y="234"/>
                  <a:pt x="404" y="234"/>
                  <a:pt x="403" y="234"/>
                </a:cubicBezTo>
                <a:cubicBezTo>
                  <a:pt x="414" y="231"/>
                  <a:pt x="423" y="223"/>
                  <a:pt x="428" y="213"/>
                </a:cubicBezTo>
                <a:cubicBezTo>
                  <a:pt x="431" y="207"/>
                  <a:pt x="433" y="200"/>
                  <a:pt x="433" y="194"/>
                </a:cubicBezTo>
                <a:cubicBezTo>
                  <a:pt x="433" y="190"/>
                  <a:pt x="432" y="186"/>
                  <a:pt x="431" y="182"/>
                </a:cubicBezTo>
                <a:cubicBezTo>
                  <a:pt x="428" y="173"/>
                  <a:pt x="423" y="162"/>
                  <a:pt x="411" y="156"/>
                </a:cubicBezTo>
                <a:cubicBezTo>
                  <a:pt x="411" y="156"/>
                  <a:pt x="411" y="156"/>
                  <a:pt x="411" y="156"/>
                </a:cubicBezTo>
                <a:cubicBezTo>
                  <a:pt x="411" y="156"/>
                  <a:pt x="408" y="155"/>
                  <a:pt x="406" y="154"/>
                </a:cubicBezTo>
                <a:cubicBezTo>
                  <a:pt x="405" y="140"/>
                  <a:pt x="398" y="33"/>
                  <a:pt x="398" y="33"/>
                </a:cubicBezTo>
                <a:cubicBezTo>
                  <a:pt x="397" y="30"/>
                  <a:pt x="396" y="27"/>
                  <a:pt x="393" y="25"/>
                </a:cubicBezTo>
                <a:cubicBezTo>
                  <a:pt x="374" y="6"/>
                  <a:pt x="374" y="6"/>
                  <a:pt x="374" y="6"/>
                </a:cubicBezTo>
                <a:cubicBezTo>
                  <a:pt x="374" y="6"/>
                  <a:pt x="374" y="6"/>
                  <a:pt x="374" y="6"/>
                </a:cubicBezTo>
                <a:cubicBezTo>
                  <a:pt x="368" y="0"/>
                  <a:pt x="361" y="0"/>
                  <a:pt x="358" y="0"/>
                </a:cubicBezTo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5" name="TextBox 304"/>
          <p:cNvSpPr txBox="1"/>
          <p:nvPr userDrawn="1"/>
        </p:nvSpPr>
        <p:spPr>
          <a:xfrm>
            <a:off x="4902556" y="3463575"/>
            <a:ext cx="1060977" cy="24622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ining, minerals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&amp; metals</a:t>
            </a:r>
          </a:p>
        </p:txBody>
      </p:sp>
      <p:sp>
        <p:nvSpPr>
          <p:cNvPr id="306" name="Freeform 112"/>
          <p:cNvSpPr>
            <a:spLocks noChangeAspect="1"/>
          </p:cNvSpPr>
          <p:nvPr userDrawn="1"/>
        </p:nvSpPr>
        <p:spPr bwMode="auto">
          <a:xfrm>
            <a:off x="4230516" y="2195360"/>
            <a:ext cx="500144" cy="393192"/>
          </a:xfrm>
          <a:custGeom>
            <a:avLst/>
            <a:gdLst/>
            <a:ahLst/>
            <a:cxnLst>
              <a:cxn ang="0">
                <a:pos x="49" y="5"/>
              </a:cxn>
              <a:cxn ang="0">
                <a:pos x="32" y="98"/>
              </a:cxn>
              <a:cxn ang="0">
                <a:pos x="0" y="335"/>
              </a:cxn>
              <a:cxn ang="0">
                <a:pos x="26" y="335"/>
              </a:cxn>
              <a:cxn ang="0">
                <a:pos x="58" y="107"/>
              </a:cxn>
              <a:cxn ang="0">
                <a:pos x="59" y="34"/>
              </a:cxn>
              <a:cxn ang="0">
                <a:pos x="78" y="27"/>
              </a:cxn>
              <a:cxn ang="0">
                <a:pos x="95" y="29"/>
              </a:cxn>
              <a:cxn ang="0">
                <a:pos x="97" y="101"/>
              </a:cxn>
              <a:cxn ang="0">
                <a:pos x="130" y="183"/>
              </a:cxn>
              <a:cxn ang="0">
                <a:pos x="143" y="349"/>
              </a:cxn>
              <a:cxn ang="0">
                <a:pos x="283" y="338"/>
              </a:cxn>
              <a:cxn ang="0">
                <a:pos x="275" y="323"/>
              </a:cxn>
              <a:cxn ang="0">
                <a:pos x="235" y="256"/>
              </a:cxn>
              <a:cxn ang="0">
                <a:pos x="302" y="173"/>
              </a:cxn>
              <a:cxn ang="0">
                <a:pos x="302" y="163"/>
              </a:cxn>
              <a:cxn ang="0">
                <a:pos x="299" y="116"/>
              </a:cxn>
              <a:cxn ang="0">
                <a:pos x="322" y="154"/>
              </a:cxn>
              <a:cxn ang="0">
                <a:pos x="366" y="129"/>
              </a:cxn>
              <a:cxn ang="0">
                <a:pos x="378" y="151"/>
              </a:cxn>
              <a:cxn ang="0">
                <a:pos x="349" y="172"/>
              </a:cxn>
              <a:cxn ang="0">
                <a:pos x="357" y="184"/>
              </a:cxn>
              <a:cxn ang="0">
                <a:pos x="390" y="303"/>
              </a:cxn>
              <a:cxn ang="0">
                <a:pos x="358" y="335"/>
              </a:cxn>
              <a:cxn ang="0">
                <a:pos x="378" y="347"/>
              </a:cxn>
              <a:cxn ang="0">
                <a:pos x="433" y="256"/>
              </a:cxn>
              <a:cxn ang="0">
                <a:pos x="446" y="113"/>
              </a:cxn>
              <a:cxn ang="0">
                <a:pos x="445" y="102"/>
              </a:cxn>
              <a:cxn ang="0">
                <a:pos x="354" y="106"/>
              </a:cxn>
              <a:cxn ang="0">
                <a:pos x="314" y="92"/>
              </a:cxn>
              <a:cxn ang="0">
                <a:pos x="251" y="102"/>
              </a:cxn>
              <a:cxn ang="0">
                <a:pos x="242" y="115"/>
              </a:cxn>
              <a:cxn ang="0">
                <a:pos x="272" y="160"/>
              </a:cxn>
              <a:cxn ang="0">
                <a:pos x="208" y="256"/>
              </a:cxn>
              <a:cxn ang="0">
                <a:pos x="232" y="322"/>
              </a:cxn>
              <a:cxn ang="0">
                <a:pos x="157" y="183"/>
              </a:cxn>
              <a:cxn ang="0">
                <a:pos x="124" y="34"/>
              </a:cxn>
              <a:cxn ang="0">
                <a:pos x="79" y="0"/>
              </a:cxn>
            </a:cxnLst>
            <a:rect l="0" t="0" r="r" b="b"/>
            <a:pathLst>
              <a:path w="447" h="351">
                <a:moveTo>
                  <a:pt x="78" y="0"/>
                </a:moveTo>
                <a:cubicBezTo>
                  <a:pt x="69" y="0"/>
                  <a:pt x="58" y="1"/>
                  <a:pt x="49" y="5"/>
                </a:cubicBezTo>
                <a:cubicBezTo>
                  <a:pt x="38" y="11"/>
                  <a:pt x="32" y="21"/>
                  <a:pt x="32" y="34"/>
                </a:cubicBezTo>
                <a:cubicBezTo>
                  <a:pt x="32" y="34"/>
                  <a:pt x="32" y="92"/>
                  <a:pt x="32" y="98"/>
                </a:cubicBezTo>
                <a:cubicBezTo>
                  <a:pt x="23" y="116"/>
                  <a:pt x="0" y="165"/>
                  <a:pt x="0" y="183"/>
                </a:cubicBezTo>
                <a:cubicBezTo>
                  <a:pt x="0" y="335"/>
                  <a:pt x="0" y="335"/>
                  <a:pt x="0" y="335"/>
                </a:cubicBezTo>
                <a:cubicBezTo>
                  <a:pt x="0" y="343"/>
                  <a:pt x="6" y="349"/>
                  <a:pt x="13" y="349"/>
                </a:cubicBezTo>
                <a:cubicBezTo>
                  <a:pt x="20" y="349"/>
                  <a:pt x="26" y="343"/>
                  <a:pt x="26" y="335"/>
                </a:cubicBezTo>
                <a:cubicBezTo>
                  <a:pt x="26" y="183"/>
                  <a:pt x="26" y="183"/>
                  <a:pt x="26" y="183"/>
                </a:cubicBezTo>
                <a:cubicBezTo>
                  <a:pt x="26" y="175"/>
                  <a:pt x="42" y="137"/>
                  <a:pt x="58" y="107"/>
                </a:cubicBezTo>
                <a:cubicBezTo>
                  <a:pt x="58" y="105"/>
                  <a:pt x="59" y="103"/>
                  <a:pt x="59" y="101"/>
                </a:cubicBezTo>
                <a:cubicBezTo>
                  <a:pt x="59" y="34"/>
                  <a:pt x="59" y="34"/>
                  <a:pt x="59" y="34"/>
                </a:cubicBezTo>
                <a:cubicBezTo>
                  <a:pt x="59" y="30"/>
                  <a:pt x="60" y="29"/>
                  <a:pt x="61" y="29"/>
                </a:cubicBezTo>
                <a:cubicBezTo>
                  <a:pt x="64" y="27"/>
                  <a:pt x="70" y="27"/>
                  <a:pt x="78" y="27"/>
                </a:cubicBezTo>
                <a:cubicBezTo>
                  <a:pt x="79" y="27"/>
                  <a:pt x="79" y="27"/>
                  <a:pt x="79" y="27"/>
                </a:cubicBezTo>
                <a:cubicBezTo>
                  <a:pt x="87" y="27"/>
                  <a:pt x="92" y="27"/>
                  <a:pt x="95" y="29"/>
                </a:cubicBezTo>
                <a:cubicBezTo>
                  <a:pt x="96" y="29"/>
                  <a:pt x="97" y="30"/>
                  <a:pt x="97" y="34"/>
                </a:cubicBezTo>
                <a:cubicBezTo>
                  <a:pt x="97" y="101"/>
                  <a:pt x="97" y="101"/>
                  <a:pt x="97" y="101"/>
                </a:cubicBezTo>
                <a:cubicBezTo>
                  <a:pt x="97" y="103"/>
                  <a:pt x="98" y="105"/>
                  <a:pt x="99" y="107"/>
                </a:cubicBezTo>
                <a:cubicBezTo>
                  <a:pt x="114" y="137"/>
                  <a:pt x="130" y="175"/>
                  <a:pt x="130" y="183"/>
                </a:cubicBezTo>
                <a:cubicBezTo>
                  <a:pt x="130" y="335"/>
                  <a:pt x="130" y="335"/>
                  <a:pt x="130" y="335"/>
                </a:cubicBezTo>
                <a:cubicBezTo>
                  <a:pt x="130" y="343"/>
                  <a:pt x="136" y="349"/>
                  <a:pt x="143" y="349"/>
                </a:cubicBezTo>
                <a:cubicBezTo>
                  <a:pt x="270" y="349"/>
                  <a:pt x="270" y="349"/>
                  <a:pt x="270" y="349"/>
                </a:cubicBezTo>
                <a:cubicBezTo>
                  <a:pt x="276" y="349"/>
                  <a:pt x="282" y="344"/>
                  <a:pt x="283" y="338"/>
                </a:cubicBezTo>
                <a:cubicBezTo>
                  <a:pt x="283" y="337"/>
                  <a:pt x="283" y="336"/>
                  <a:pt x="283" y="335"/>
                </a:cubicBezTo>
                <a:cubicBezTo>
                  <a:pt x="283" y="330"/>
                  <a:pt x="280" y="325"/>
                  <a:pt x="275" y="323"/>
                </a:cubicBezTo>
                <a:cubicBezTo>
                  <a:pt x="274" y="323"/>
                  <a:pt x="253" y="314"/>
                  <a:pt x="241" y="286"/>
                </a:cubicBezTo>
                <a:cubicBezTo>
                  <a:pt x="237" y="276"/>
                  <a:pt x="235" y="266"/>
                  <a:pt x="235" y="256"/>
                </a:cubicBezTo>
                <a:cubicBezTo>
                  <a:pt x="235" y="221"/>
                  <a:pt x="259" y="191"/>
                  <a:pt x="294" y="180"/>
                </a:cubicBezTo>
                <a:cubicBezTo>
                  <a:pt x="297" y="179"/>
                  <a:pt x="300" y="177"/>
                  <a:pt x="302" y="173"/>
                </a:cubicBezTo>
                <a:cubicBezTo>
                  <a:pt x="303" y="172"/>
                  <a:pt x="303" y="170"/>
                  <a:pt x="303" y="168"/>
                </a:cubicBezTo>
                <a:cubicBezTo>
                  <a:pt x="303" y="166"/>
                  <a:pt x="303" y="164"/>
                  <a:pt x="302" y="163"/>
                </a:cubicBezTo>
                <a:cubicBezTo>
                  <a:pt x="295" y="144"/>
                  <a:pt x="288" y="133"/>
                  <a:pt x="279" y="122"/>
                </a:cubicBezTo>
                <a:cubicBezTo>
                  <a:pt x="289" y="119"/>
                  <a:pt x="293" y="118"/>
                  <a:pt x="299" y="116"/>
                </a:cubicBezTo>
                <a:cubicBezTo>
                  <a:pt x="303" y="123"/>
                  <a:pt x="309" y="133"/>
                  <a:pt x="313" y="145"/>
                </a:cubicBezTo>
                <a:cubicBezTo>
                  <a:pt x="314" y="150"/>
                  <a:pt x="317" y="153"/>
                  <a:pt x="322" y="154"/>
                </a:cubicBezTo>
                <a:cubicBezTo>
                  <a:pt x="326" y="156"/>
                  <a:pt x="331" y="155"/>
                  <a:pt x="335" y="151"/>
                </a:cubicBezTo>
                <a:cubicBezTo>
                  <a:pt x="343" y="144"/>
                  <a:pt x="354" y="136"/>
                  <a:pt x="366" y="129"/>
                </a:cubicBezTo>
                <a:cubicBezTo>
                  <a:pt x="382" y="121"/>
                  <a:pt x="399" y="119"/>
                  <a:pt x="412" y="119"/>
                </a:cubicBezTo>
                <a:cubicBezTo>
                  <a:pt x="404" y="130"/>
                  <a:pt x="393" y="143"/>
                  <a:pt x="378" y="151"/>
                </a:cubicBezTo>
                <a:cubicBezTo>
                  <a:pt x="371" y="154"/>
                  <a:pt x="365" y="157"/>
                  <a:pt x="358" y="159"/>
                </a:cubicBezTo>
                <a:cubicBezTo>
                  <a:pt x="353" y="161"/>
                  <a:pt x="350" y="166"/>
                  <a:pt x="349" y="172"/>
                </a:cubicBezTo>
                <a:cubicBezTo>
                  <a:pt x="349" y="172"/>
                  <a:pt x="349" y="172"/>
                  <a:pt x="349" y="172"/>
                </a:cubicBezTo>
                <a:cubicBezTo>
                  <a:pt x="349" y="177"/>
                  <a:pt x="353" y="182"/>
                  <a:pt x="357" y="184"/>
                </a:cubicBezTo>
                <a:cubicBezTo>
                  <a:pt x="387" y="197"/>
                  <a:pt x="406" y="225"/>
                  <a:pt x="406" y="256"/>
                </a:cubicBezTo>
                <a:cubicBezTo>
                  <a:pt x="406" y="273"/>
                  <a:pt x="401" y="289"/>
                  <a:pt x="390" y="303"/>
                </a:cubicBezTo>
                <a:cubicBezTo>
                  <a:pt x="383" y="311"/>
                  <a:pt x="375" y="318"/>
                  <a:pt x="365" y="324"/>
                </a:cubicBezTo>
                <a:cubicBezTo>
                  <a:pt x="361" y="326"/>
                  <a:pt x="358" y="331"/>
                  <a:pt x="358" y="335"/>
                </a:cubicBezTo>
                <a:cubicBezTo>
                  <a:pt x="358" y="338"/>
                  <a:pt x="359" y="340"/>
                  <a:pt x="360" y="342"/>
                </a:cubicBezTo>
                <a:cubicBezTo>
                  <a:pt x="364" y="348"/>
                  <a:pt x="372" y="351"/>
                  <a:pt x="378" y="347"/>
                </a:cubicBezTo>
                <a:cubicBezTo>
                  <a:pt x="391" y="340"/>
                  <a:pt x="402" y="330"/>
                  <a:pt x="411" y="319"/>
                </a:cubicBezTo>
                <a:cubicBezTo>
                  <a:pt x="425" y="301"/>
                  <a:pt x="433" y="279"/>
                  <a:pt x="433" y="256"/>
                </a:cubicBezTo>
                <a:cubicBezTo>
                  <a:pt x="433" y="224"/>
                  <a:pt x="417" y="194"/>
                  <a:pt x="391" y="174"/>
                </a:cubicBezTo>
                <a:cubicBezTo>
                  <a:pt x="428" y="154"/>
                  <a:pt x="445" y="115"/>
                  <a:pt x="446" y="113"/>
                </a:cubicBezTo>
                <a:cubicBezTo>
                  <a:pt x="447" y="112"/>
                  <a:pt x="447" y="110"/>
                  <a:pt x="447" y="108"/>
                </a:cubicBezTo>
                <a:cubicBezTo>
                  <a:pt x="447" y="106"/>
                  <a:pt x="446" y="104"/>
                  <a:pt x="445" y="102"/>
                </a:cubicBezTo>
                <a:cubicBezTo>
                  <a:pt x="444" y="98"/>
                  <a:pt x="440" y="96"/>
                  <a:pt x="436" y="95"/>
                </a:cubicBezTo>
                <a:cubicBezTo>
                  <a:pt x="435" y="95"/>
                  <a:pt x="392" y="86"/>
                  <a:pt x="354" y="106"/>
                </a:cubicBezTo>
                <a:cubicBezTo>
                  <a:pt x="346" y="110"/>
                  <a:pt x="338" y="115"/>
                  <a:pt x="331" y="120"/>
                </a:cubicBezTo>
                <a:cubicBezTo>
                  <a:pt x="324" y="104"/>
                  <a:pt x="315" y="93"/>
                  <a:pt x="314" y="92"/>
                </a:cubicBezTo>
                <a:cubicBezTo>
                  <a:pt x="311" y="88"/>
                  <a:pt x="305" y="86"/>
                  <a:pt x="300" y="88"/>
                </a:cubicBezTo>
                <a:cubicBezTo>
                  <a:pt x="251" y="102"/>
                  <a:pt x="251" y="102"/>
                  <a:pt x="251" y="102"/>
                </a:cubicBezTo>
                <a:cubicBezTo>
                  <a:pt x="247" y="104"/>
                  <a:pt x="243" y="107"/>
                  <a:pt x="242" y="112"/>
                </a:cubicBezTo>
                <a:cubicBezTo>
                  <a:pt x="242" y="113"/>
                  <a:pt x="242" y="114"/>
                  <a:pt x="242" y="115"/>
                </a:cubicBezTo>
                <a:cubicBezTo>
                  <a:pt x="242" y="119"/>
                  <a:pt x="243" y="122"/>
                  <a:pt x="245" y="124"/>
                </a:cubicBezTo>
                <a:cubicBezTo>
                  <a:pt x="258" y="138"/>
                  <a:pt x="265" y="145"/>
                  <a:pt x="272" y="160"/>
                </a:cubicBezTo>
                <a:cubicBezTo>
                  <a:pt x="233" y="178"/>
                  <a:pt x="208" y="214"/>
                  <a:pt x="208" y="256"/>
                </a:cubicBezTo>
                <a:cubicBezTo>
                  <a:pt x="208" y="256"/>
                  <a:pt x="208" y="256"/>
                  <a:pt x="208" y="256"/>
                </a:cubicBezTo>
                <a:cubicBezTo>
                  <a:pt x="208" y="269"/>
                  <a:pt x="211" y="283"/>
                  <a:pt x="216" y="296"/>
                </a:cubicBezTo>
                <a:cubicBezTo>
                  <a:pt x="221" y="307"/>
                  <a:pt x="226" y="315"/>
                  <a:pt x="232" y="322"/>
                </a:cubicBezTo>
                <a:cubicBezTo>
                  <a:pt x="206" y="322"/>
                  <a:pt x="172" y="322"/>
                  <a:pt x="157" y="322"/>
                </a:cubicBezTo>
                <a:cubicBezTo>
                  <a:pt x="157" y="300"/>
                  <a:pt x="157" y="183"/>
                  <a:pt x="157" y="183"/>
                </a:cubicBezTo>
                <a:cubicBezTo>
                  <a:pt x="157" y="165"/>
                  <a:pt x="133" y="116"/>
                  <a:pt x="124" y="98"/>
                </a:cubicBezTo>
                <a:cubicBezTo>
                  <a:pt x="124" y="92"/>
                  <a:pt x="124" y="34"/>
                  <a:pt x="124" y="34"/>
                </a:cubicBezTo>
                <a:cubicBezTo>
                  <a:pt x="124" y="21"/>
                  <a:pt x="118" y="11"/>
                  <a:pt x="107" y="5"/>
                </a:cubicBezTo>
                <a:cubicBezTo>
                  <a:pt x="98" y="1"/>
                  <a:pt x="87" y="0"/>
                  <a:pt x="79" y="0"/>
                </a:cubicBezTo>
                <a:lnTo>
                  <a:pt x="78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7" name="TextBox 306"/>
          <p:cNvSpPr txBox="1"/>
          <p:nvPr userDrawn="1"/>
        </p:nvSpPr>
        <p:spPr>
          <a:xfrm>
            <a:off x="4230515" y="2639098"/>
            <a:ext cx="523058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Food &amp;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beverage</a:t>
            </a:r>
          </a:p>
        </p:txBody>
      </p:sp>
      <p:sp>
        <p:nvSpPr>
          <p:cNvPr id="308" name="Freeform 108"/>
          <p:cNvSpPr>
            <a:spLocks noChangeAspect="1"/>
          </p:cNvSpPr>
          <p:nvPr userDrawn="1"/>
        </p:nvSpPr>
        <p:spPr bwMode="auto">
          <a:xfrm>
            <a:off x="2370514" y="3060615"/>
            <a:ext cx="479320" cy="337566"/>
          </a:xfrm>
          <a:custGeom>
            <a:avLst/>
            <a:gdLst/>
            <a:ahLst/>
            <a:cxnLst>
              <a:cxn ang="0">
                <a:pos x="13" y="0"/>
              </a:cxn>
              <a:cxn ang="0">
                <a:pos x="0" y="13"/>
              </a:cxn>
              <a:cxn ang="0">
                <a:pos x="0" y="311"/>
              </a:cxn>
              <a:cxn ang="0">
                <a:pos x="13" y="325"/>
              </a:cxn>
              <a:cxn ang="0">
                <a:pos x="70" y="325"/>
              </a:cxn>
              <a:cxn ang="0">
                <a:pos x="84" y="311"/>
              </a:cxn>
              <a:cxn ang="0">
                <a:pos x="84" y="259"/>
              </a:cxn>
              <a:cxn ang="0">
                <a:pos x="377" y="259"/>
              </a:cxn>
              <a:cxn ang="0">
                <a:pos x="377" y="311"/>
              </a:cxn>
              <a:cxn ang="0">
                <a:pos x="390" y="325"/>
              </a:cxn>
              <a:cxn ang="0">
                <a:pos x="448" y="325"/>
              </a:cxn>
              <a:cxn ang="0">
                <a:pos x="461" y="311"/>
              </a:cxn>
              <a:cxn ang="0">
                <a:pos x="461" y="183"/>
              </a:cxn>
              <a:cxn ang="0">
                <a:pos x="461" y="182"/>
              </a:cxn>
              <a:cxn ang="0">
                <a:pos x="381" y="126"/>
              </a:cxn>
              <a:cxn ang="0">
                <a:pos x="199" y="126"/>
              </a:cxn>
              <a:cxn ang="0">
                <a:pos x="186" y="140"/>
              </a:cxn>
              <a:cxn ang="0">
                <a:pos x="186" y="193"/>
              </a:cxn>
              <a:cxn ang="0">
                <a:pos x="199" y="207"/>
              </a:cxn>
              <a:cxn ang="0">
                <a:pos x="213" y="193"/>
              </a:cxn>
              <a:cxn ang="0">
                <a:pos x="213" y="153"/>
              </a:cxn>
              <a:cxn ang="0">
                <a:pos x="381" y="153"/>
              </a:cxn>
              <a:cxn ang="0">
                <a:pos x="434" y="184"/>
              </a:cxn>
              <a:cxn ang="0">
                <a:pos x="434" y="298"/>
              </a:cxn>
              <a:cxn ang="0">
                <a:pos x="404" y="298"/>
              </a:cxn>
              <a:cxn ang="0">
                <a:pos x="404" y="246"/>
              </a:cxn>
              <a:cxn ang="0">
                <a:pos x="390" y="232"/>
              </a:cxn>
              <a:cxn ang="0">
                <a:pos x="70" y="232"/>
              </a:cxn>
              <a:cxn ang="0">
                <a:pos x="57" y="246"/>
              </a:cxn>
              <a:cxn ang="0">
                <a:pos x="57" y="298"/>
              </a:cxn>
              <a:cxn ang="0">
                <a:pos x="26" y="298"/>
              </a:cxn>
              <a:cxn ang="0">
                <a:pos x="26" y="27"/>
              </a:cxn>
              <a:cxn ang="0">
                <a:pos x="57" y="27"/>
              </a:cxn>
              <a:cxn ang="0">
                <a:pos x="57" y="140"/>
              </a:cxn>
              <a:cxn ang="0">
                <a:pos x="70" y="153"/>
              </a:cxn>
              <a:cxn ang="0">
                <a:pos x="160" y="153"/>
              </a:cxn>
              <a:cxn ang="0">
                <a:pos x="173" y="141"/>
              </a:cxn>
              <a:cxn ang="0">
                <a:pos x="155" y="81"/>
              </a:cxn>
              <a:cxn ang="0">
                <a:pos x="113" y="64"/>
              </a:cxn>
              <a:cxn ang="0">
                <a:pos x="100" y="77"/>
              </a:cxn>
              <a:cxn ang="0">
                <a:pos x="113" y="90"/>
              </a:cxn>
              <a:cxn ang="0">
                <a:pos x="135" y="99"/>
              </a:cxn>
              <a:cxn ang="0">
                <a:pos x="146" y="126"/>
              </a:cxn>
              <a:cxn ang="0">
                <a:pos x="84" y="126"/>
              </a:cxn>
              <a:cxn ang="0">
                <a:pos x="84" y="13"/>
              </a:cxn>
              <a:cxn ang="0">
                <a:pos x="70" y="0"/>
              </a:cxn>
              <a:cxn ang="0">
                <a:pos x="13" y="0"/>
              </a:cxn>
            </a:cxnLst>
            <a:rect l="0" t="0" r="r" b="b"/>
            <a:pathLst>
              <a:path w="461" h="325">
                <a:moveTo>
                  <a:pt x="13" y="0"/>
                </a:moveTo>
                <a:cubicBezTo>
                  <a:pt x="6" y="0"/>
                  <a:pt x="0" y="6"/>
                  <a:pt x="0" y="13"/>
                </a:cubicBezTo>
                <a:cubicBezTo>
                  <a:pt x="0" y="311"/>
                  <a:pt x="0" y="311"/>
                  <a:pt x="0" y="311"/>
                </a:cubicBezTo>
                <a:cubicBezTo>
                  <a:pt x="0" y="319"/>
                  <a:pt x="6" y="325"/>
                  <a:pt x="13" y="325"/>
                </a:cubicBezTo>
                <a:cubicBezTo>
                  <a:pt x="70" y="325"/>
                  <a:pt x="70" y="325"/>
                  <a:pt x="70" y="325"/>
                </a:cubicBezTo>
                <a:cubicBezTo>
                  <a:pt x="78" y="325"/>
                  <a:pt x="84" y="319"/>
                  <a:pt x="84" y="311"/>
                </a:cubicBezTo>
                <a:cubicBezTo>
                  <a:pt x="84" y="311"/>
                  <a:pt x="84" y="276"/>
                  <a:pt x="84" y="259"/>
                </a:cubicBezTo>
                <a:cubicBezTo>
                  <a:pt x="107" y="259"/>
                  <a:pt x="354" y="259"/>
                  <a:pt x="377" y="259"/>
                </a:cubicBezTo>
                <a:cubicBezTo>
                  <a:pt x="377" y="276"/>
                  <a:pt x="377" y="311"/>
                  <a:pt x="377" y="311"/>
                </a:cubicBezTo>
                <a:cubicBezTo>
                  <a:pt x="377" y="319"/>
                  <a:pt x="383" y="325"/>
                  <a:pt x="390" y="325"/>
                </a:cubicBezTo>
                <a:cubicBezTo>
                  <a:pt x="448" y="325"/>
                  <a:pt x="448" y="325"/>
                  <a:pt x="448" y="325"/>
                </a:cubicBezTo>
                <a:cubicBezTo>
                  <a:pt x="455" y="325"/>
                  <a:pt x="461" y="319"/>
                  <a:pt x="461" y="311"/>
                </a:cubicBezTo>
                <a:cubicBezTo>
                  <a:pt x="461" y="183"/>
                  <a:pt x="461" y="183"/>
                  <a:pt x="461" y="183"/>
                </a:cubicBezTo>
                <a:cubicBezTo>
                  <a:pt x="461" y="182"/>
                  <a:pt x="461" y="182"/>
                  <a:pt x="461" y="182"/>
                </a:cubicBezTo>
                <a:cubicBezTo>
                  <a:pt x="460" y="163"/>
                  <a:pt x="441" y="126"/>
                  <a:pt x="381" y="126"/>
                </a:cubicBezTo>
                <a:cubicBezTo>
                  <a:pt x="199" y="126"/>
                  <a:pt x="199" y="126"/>
                  <a:pt x="199" y="126"/>
                </a:cubicBezTo>
                <a:cubicBezTo>
                  <a:pt x="192" y="126"/>
                  <a:pt x="186" y="132"/>
                  <a:pt x="186" y="140"/>
                </a:cubicBezTo>
                <a:cubicBezTo>
                  <a:pt x="186" y="193"/>
                  <a:pt x="186" y="193"/>
                  <a:pt x="186" y="193"/>
                </a:cubicBezTo>
                <a:cubicBezTo>
                  <a:pt x="186" y="201"/>
                  <a:pt x="192" y="207"/>
                  <a:pt x="199" y="207"/>
                </a:cubicBezTo>
                <a:cubicBezTo>
                  <a:pt x="207" y="207"/>
                  <a:pt x="213" y="201"/>
                  <a:pt x="213" y="193"/>
                </a:cubicBezTo>
                <a:cubicBezTo>
                  <a:pt x="213" y="193"/>
                  <a:pt x="213" y="168"/>
                  <a:pt x="213" y="153"/>
                </a:cubicBezTo>
                <a:cubicBezTo>
                  <a:pt x="231" y="153"/>
                  <a:pt x="381" y="153"/>
                  <a:pt x="381" y="153"/>
                </a:cubicBezTo>
                <a:cubicBezTo>
                  <a:pt x="428" y="153"/>
                  <a:pt x="434" y="179"/>
                  <a:pt x="434" y="184"/>
                </a:cubicBezTo>
                <a:cubicBezTo>
                  <a:pt x="434" y="185"/>
                  <a:pt x="434" y="277"/>
                  <a:pt x="434" y="298"/>
                </a:cubicBezTo>
                <a:cubicBezTo>
                  <a:pt x="423" y="298"/>
                  <a:pt x="415" y="298"/>
                  <a:pt x="404" y="298"/>
                </a:cubicBezTo>
                <a:cubicBezTo>
                  <a:pt x="404" y="281"/>
                  <a:pt x="404" y="246"/>
                  <a:pt x="404" y="246"/>
                </a:cubicBezTo>
                <a:cubicBezTo>
                  <a:pt x="404" y="238"/>
                  <a:pt x="398" y="232"/>
                  <a:pt x="390" y="232"/>
                </a:cubicBezTo>
                <a:cubicBezTo>
                  <a:pt x="70" y="232"/>
                  <a:pt x="70" y="232"/>
                  <a:pt x="70" y="232"/>
                </a:cubicBezTo>
                <a:cubicBezTo>
                  <a:pt x="63" y="232"/>
                  <a:pt x="57" y="238"/>
                  <a:pt x="57" y="246"/>
                </a:cubicBezTo>
                <a:cubicBezTo>
                  <a:pt x="57" y="246"/>
                  <a:pt x="57" y="281"/>
                  <a:pt x="57" y="298"/>
                </a:cubicBezTo>
                <a:cubicBezTo>
                  <a:pt x="46" y="298"/>
                  <a:pt x="37" y="298"/>
                  <a:pt x="26" y="298"/>
                </a:cubicBezTo>
                <a:cubicBezTo>
                  <a:pt x="26" y="275"/>
                  <a:pt x="26" y="50"/>
                  <a:pt x="26" y="27"/>
                </a:cubicBezTo>
                <a:cubicBezTo>
                  <a:pt x="37" y="27"/>
                  <a:pt x="46" y="27"/>
                  <a:pt x="57" y="27"/>
                </a:cubicBezTo>
                <a:cubicBezTo>
                  <a:pt x="57" y="48"/>
                  <a:pt x="57" y="140"/>
                  <a:pt x="57" y="140"/>
                </a:cubicBezTo>
                <a:cubicBezTo>
                  <a:pt x="57" y="147"/>
                  <a:pt x="63" y="153"/>
                  <a:pt x="70" y="153"/>
                </a:cubicBezTo>
                <a:cubicBezTo>
                  <a:pt x="160" y="153"/>
                  <a:pt x="160" y="153"/>
                  <a:pt x="160" y="153"/>
                </a:cubicBezTo>
                <a:cubicBezTo>
                  <a:pt x="167" y="153"/>
                  <a:pt x="172" y="148"/>
                  <a:pt x="173" y="141"/>
                </a:cubicBezTo>
                <a:cubicBezTo>
                  <a:pt x="173" y="139"/>
                  <a:pt x="175" y="103"/>
                  <a:pt x="155" y="81"/>
                </a:cubicBezTo>
                <a:cubicBezTo>
                  <a:pt x="144" y="70"/>
                  <a:pt x="130" y="64"/>
                  <a:pt x="113" y="64"/>
                </a:cubicBezTo>
                <a:cubicBezTo>
                  <a:pt x="106" y="64"/>
                  <a:pt x="100" y="70"/>
                  <a:pt x="100" y="77"/>
                </a:cubicBezTo>
                <a:cubicBezTo>
                  <a:pt x="100" y="84"/>
                  <a:pt x="106" y="90"/>
                  <a:pt x="113" y="90"/>
                </a:cubicBezTo>
                <a:cubicBezTo>
                  <a:pt x="123" y="90"/>
                  <a:pt x="130" y="93"/>
                  <a:pt x="135" y="99"/>
                </a:cubicBezTo>
                <a:cubicBezTo>
                  <a:pt x="142" y="106"/>
                  <a:pt x="145" y="117"/>
                  <a:pt x="146" y="126"/>
                </a:cubicBezTo>
                <a:cubicBezTo>
                  <a:pt x="129" y="126"/>
                  <a:pt x="99" y="126"/>
                  <a:pt x="84" y="126"/>
                </a:cubicBezTo>
                <a:cubicBezTo>
                  <a:pt x="84" y="105"/>
                  <a:pt x="84" y="13"/>
                  <a:pt x="84" y="13"/>
                </a:cubicBezTo>
                <a:cubicBezTo>
                  <a:pt x="84" y="6"/>
                  <a:pt x="78" y="0"/>
                  <a:pt x="70" y="0"/>
                </a:cubicBezTo>
                <a:lnTo>
                  <a:pt x="13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09" name="TextBox 308"/>
          <p:cNvSpPr txBox="1"/>
          <p:nvPr userDrawn="1"/>
        </p:nvSpPr>
        <p:spPr>
          <a:xfrm>
            <a:off x="2292240" y="3463575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Hotels</a:t>
            </a:r>
          </a:p>
        </p:txBody>
      </p:sp>
      <p:sp>
        <p:nvSpPr>
          <p:cNvPr id="310" name="Freeform 80"/>
          <p:cNvSpPr>
            <a:spLocks noChangeAspect="1"/>
          </p:cNvSpPr>
          <p:nvPr userDrawn="1"/>
        </p:nvSpPr>
        <p:spPr bwMode="auto">
          <a:xfrm>
            <a:off x="1494880" y="3004989"/>
            <a:ext cx="332363" cy="393192"/>
          </a:xfrm>
          <a:custGeom>
            <a:avLst/>
            <a:gdLst/>
            <a:ahLst/>
            <a:cxnLst>
              <a:cxn ang="0">
                <a:pos x="237" y="0"/>
              </a:cxn>
              <a:cxn ang="0">
                <a:pos x="200" y="37"/>
              </a:cxn>
              <a:cxn ang="0">
                <a:pos x="200" y="129"/>
              </a:cxn>
              <a:cxn ang="0">
                <a:pos x="199" y="132"/>
              </a:cxn>
              <a:cxn ang="0">
                <a:pos x="115" y="132"/>
              </a:cxn>
              <a:cxn ang="0">
                <a:pos x="115" y="130"/>
              </a:cxn>
              <a:cxn ang="0">
                <a:pos x="115" y="37"/>
              </a:cxn>
              <a:cxn ang="0">
                <a:pos x="78" y="1"/>
              </a:cxn>
              <a:cxn ang="0">
                <a:pos x="37" y="1"/>
              </a:cxn>
              <a:cxn ang="0">
                <a:pos x="0" y="37"/>
              </a:cxn>
              <a:cxn ang="0">
                <a:pos x="0" y="336"/>
              </a:cxn>
              <a:cxn ang="0">
                <a:pos x="11" y="362"/>
              </a:cxn>
              <a:cxn ang="0">
                <a:pos x="37" y="373"/>
              </a:cxn>
              <a:cxn ang="0">
                <a:pos x="78" y="373"/>
              </a:cxn>
              <a:cxn ang="0">
                <a:pos x="104" y="362"/>
              </a:cxn>
              <a:cxn ang="0">
                <a:pos x="115" y="337"/>
              </a:cxn>
              <a:cxn ang="0">
                <a:pos x="115" y="337"/>
              </a:cxn>
              <a:cxn ang="0">
                <a:pos x="115" y="336"/>
              </a:cxn>
              <a:cxn ang="0">
                <a:pos x="115" y="336"/>
              </a:cxn>
              <a:cxn ang="0">
                <a:pos x="115" y="336"/>
              </a:cxn>
              <a:cxn ang="0">
                <a:pos x="115" y="336"/>
              </a:cxn>
              <a:cxn ang="0">
                <a:pos x="115" y="336"/>
              </a:cxn>
              <a:cxn ang="0">
                <a:pos x="115" y="233"/>
              </a:cxn>
              <a:cxn ang="0">
                <a:pos x="116" y="229"/>
              </a:cxn>
              <a:cxn ang="0">
                <a:pos x="199" y="229"/>
              </a:cxn>
              <a:cxn ang="0">
                <a:pos x="200" y="232"/>
              </a:cxn>
              <a:cxn ang="0">
                <a:pos x="200" y="336"/>
              </a:cxn>
              <a:cxn ang="0">
                <a:pos x="200" y="336"/>
              </a:cxn>
              <a:cxn ang="0">
                <a:pos x="237" y="372"/>
              </a:cxn>
              <a:cxn ang="0">
                <a:pos x="278" y="372"/>
              </a:cxn>
              <a:cxn ang="0">
                <a:pos x="315" y="335"/>
              </a:cxn>
              <a:cxn ang="0">
                <a:pos x="315" y="100"/>
              </a:cxn>
              <a:cxn ang="0">
                <a:pos x="301" y="86"/>
              </a:cxn>
              <a:cxn ang="0">
                <a:pos x="288" y="100"/>
              </a:cxn>
              <a:cxn ang="0">
                <a:pos x="288" y="335"/>
              </a:cxn>
              <a:cxn ang="0">
                <a:pos x="278" y="345"/>
              </a:cxn>
              <a:cxn ang="0">
                <a:pos x="237" y="345"/>
              </a:cxn>
              <a:cxn ang="0">
                <a:pos x="227" y="335"/>
              </a:cxn>
              <a:cxn ang="0">
                <a:pos x="227" y="335"/>
              </a:cxn>
              <a:cxn ang="0">
                <a:pos x="227" y="232"/>
              </a:cxn>
              <a:cxn ang="0">
                <a:pos x="201" y="202"/>
              </a:cxn>
              <a:cxn ang="0">
                <a:pos x="114" y="202"/>
              </a:cxn>
              <a:cxn ang="0">
                <a:pos x="88" y="233"/>
              </a:cxn>
              <a:cxn ang="0">
                <a:pos x="88" y="336"/>
              </a:cxn>
              <a:cxn ang="0">
                <a:pos x="78" y="346"/>
              </a:cxn>
              <a:cxn ang="0">
                <a:pos x="37" y="346"/>
              </a:cxn>
              <a:cxn ang="0">
                <a:pos x="27" y="336"/>
              </a:cxn>
              <a:cxn ang="0">
                <a:pos x="27" y="37"/>
              </a:cxn>
              <a:cxn ang="0">
                <a:pos x="37" y="27"/>
              </a:cxn>
              <a:cxn ang="0">
                <a:pos x="78" y="27"/>
              </a:cxn>
              <a:cxn ang="0">
                <a:pos x="88" y="37"/>
              </a:cxn>
              <a:cxn ang="0">
                <a:pos x="88" y="130"/>
              </a:cxn>
              <a:cxn ang="0">
                <a:pos x="114" y="158"/>
              </a:cxn>
              <a:cxn ang="0">
                <a:pos x="201" y="158"/>
              </a:cxn>
              <a:cxn ang="0">
                <a:pos x="227" y="129"/>
              </a:cxn>
              <a:cxn ang="0">
                <a:pos x="227" y="37"/>
              </a:cxn>
              <a:cxn ang="0">
                <a:pos x="237" y="27"/>
              </a:cxn>
              <a:cxn ang="0">
                <a:pos x="289" y="27"/>
              </a:cxn>
              <a:cxn ang="0">
                <a:pos x="302" y="13"/>
              </a:cxn>
              <a:cxn ang="0">
                <a:pos x="289" y="0"/>
              </a:cxn>
              <a:cxn ang="0">
                <a:pos x="237" y="0"/>
              </a:cxn>
            </a:cxnLst>
            <a:rect l="0" t="0" r="r" b="b"/>
            <a:pathLst>
              <a:path w="315" h="373">
                <a:moveTo>
                  <a:pt x="237" y="0"/>
                </a:moveTo>
                <a:cubicBezTo>
                  <a:pt x="217" y="0"/>
                  <a:pt x="200" y="16"/>
                  <a:pt x="200" y="37"/>
                </a:cubicBezTo>
                <a:cubicBezTo>
                  <a:pt x="200" y="37"/>
                  <a:pt x="200" y="129"/>
                  <a:pt x="200" y="129"/>
                </a:cubicBezTo>
                <a:cubicBezTo>
                  <a:pt x="200" y="130"/>
                  <a:pt x="200" y="131"/>
                  <a:pt x="199" y="132"/>
                </a:cubicBezTo>
                <a:cubicBezTo>
                  <a:pt x="197" y="132"/>
                  <a:pt x="117" y="132"/>
                  <a:pt x="115" y="132"/>
                </a:cubicBezTo>
                <a:cubicBezTo>
                  <a:pt x="115" y="131"/>
                  <a:pt x="115" y="130"/>
                  <a:pt x="115" y="130"/>
                </a:cubicBezTo>
                <a:cubicBezTo>
                  <a:pt x="115" y="129"/>
                  <a:pt x="115" y="37"/>
                  <a:pt x="115" y="37"/>
                </a:cubicBezTo>
                <a:cubicBezTo>
                  <a:pt x="115" y="17"/>
                  <a:pt x="98" y="1"/>
                  <a:pt x="78" y="1"/>
                </a:cubicBezTo>
                <a:cubicBezTo>
                  <a:pt x="37" y="1"/>
                  <a:pt x="37" y="1"/>
                  <a:pt x="37" y="1"/>
                </a:cubicBezTo>
                <a:cubicBezTo>
                  <a:pt x="17" y="1"/>
                  <a:pt x="0" y="17"/>
                  <a:pt x="0" y="37"/>
                </a:cubicBezTo>
                <a:cubicBezTo>
                  <a:pt x="0" y="336"/>
                  <a:pt x="0" y="336"/>
                  <a:pt x="0" y="336"/>
                </a:cubicBezTo>
                <a:cubicBezTo>
                  <a:pt x="0" y="346"/>
                  <a:pt x="4" y="355"/>
                  <a:pt x="11" y="362"/>
                </a:cubicBezTo>
                <a:cubicBezTo>
                  <a:pt x="18" y="369"/>
                  <a:pt x="27" y="373"/>
                  <a:pt x="37" y="373"/>
                </a:cubicBezTo>
                <a:cubicBezTo>
                  <a:pt x="78" y="373"/>
                  <a:pt x="78" y="373"/>
                  <a:pt x="78" y="373"/>
                </a:cubicBezTo>
                <a:cubicBezTo>
                  <a:pt x="87" y="373"/>
                  <a:pt x="97" y="369"/>
                  <a:pt x="104" y="362"/>
                </a:cubicBezTo>
                <a:cubicBezTo>
                  <a:pt x="111" y="355"/>
                  <a:pt x="114" y="346"/>
                  <a:pt x="115" y="337"/>
                </a:cubicBezTo>
                <a:cubicBezTo>
                  <a:pt x="115" y="337"/>
                  <a:pt x="115" y="337"/>
                  <a:pt x="115" y="337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6"/>
                  <a:pt x="115" y="336"/>
                  <a:pt x="115" y="336"/>
                </a:cubicBezTo>
                <a:cubicBezTo>
                  <a:pt x="115" y="335"/>
                  <a:pt x="115" y="233"/>
                  <a:pt x="115" y="233"/>
                </a:cubicBezTo>
                <a:cubicBezTo>
                  <a:pt x="115" y="232"/>
                  <a:pt x="115" y="230"/>
                  <a:pt x="116" y="229"/>
                </a:cubicBezTo>
                <a:cubicBezTo>
                  <a:pt x="118" y="229"/>
                  <a:pt x="197" y="229"/>
                  <a:pt x="199" y="229"/>
                </a:cubicBezTo>
                <a:cubicBezTo>
                  <a:pt x="200" y="230"/>
                  <a:pt x="200" y="231"/>
                  <a:pt x="200" y="232"/>
                </a:cubicBezTo>
                <a:cubicBezTo>
                  <a:pt x="200" y="232"/>
                  <a:pt x="200" y="336"/>
                  <a:pt x="200" y="336"/>
                </a:cubicBezTo>
                <a:cubicBezTo>
                  <a:pt x="200" y="336"/>
                  <a:pt x="200" y="336"/>
                  <a:pt x="200" y="336"/>
                </a:cubicBezTo>
                <a:cubicBezTo>
                  <a:pt x="200" y="356"/>
                  <a:pt x="217" y="372"/>
                  <a:pt x="237" y="372"/>
                </a:cubicBezTo>
                <a:cubicBezTo>
                  <a:pt x="278" y="372"/>
                  <a:pt x="278" y="372"/>
                  <a:pt x="278" y="372"/>
                </a:cubicBezTo>
                <a:cubicBezTo>
                  <a:pt x="298" y="372"/>
                  <a:pt x="315" y="356"/>
                  <a:pt x="315" y="335"/>
                </a:cubicBezTo>
                <a:cubicBezTo>
                  <a:pt x="315" y="100"/>
                  <a:pt x="315" y="100"/>
                  <a:pt x="315" y="100"/>
                </a:cubicBezTo>
                <a:cubicBezTo>
                  <a:pt x="315" y="92"/>
                  <a:pt x="309" y="86"/>
                  <a:pt x="301" y="86"/>
                </a:cubicBezTo>
                <a:cubicBezTo>
                  <a:pt x="294" y="86"/>
                  <a:pt x="288" y="92"/>
                  <a:pt x="288" y="100"/>
                </a:cubicBezTo>
                <a:cubicBezTo>
                  <a:pt x="288" y="335"/>
                  <a:pt x="288" y="335"/>
                  <a:pt x="288" y="335"/>
                </a:cubicBezTo>
                <a:cubicBezTo>
                  <a:pt x="288" y="341"/>
                  <a:pt x="283" y="345"/>
                  <a:pt x="278" y="345"/>
                </a:cubicBezTo>
                <a:cubicBezTo>
                  <a:pt x="237" y="345"/>
                  <a:pt x="237" y="345"/>
                  <a:pt x="237" y="345"/>
                </a:cubicBezTo>
                <a:cubicBezTo>
                  <a:pt x="231" y="345"/>
                  <a:pt x="227" y="341"/>
                  <a:pt x="227" y="335"/>
                </a:cubicBezTo>
                <a:cubicBezTo>
                  <a:pt x="227" y="335"/>
                  <a:pt x="227" y="335"/>
                  <a:pt x="227" y="335"/>
                </a:cubicBezTo>
                <a:cubicBezTo>
                  <a:pt x="227" y="334"/>
                  <a:pt x="227" y="232"/>
                  <a:pt x="227" y="232"/>
                </a:cubicBezTo>
                <a:cubicBezTo>
                  <a:pt x="227" y="217"/>
                  <a:pt x="218" y="202"/>
                  <a:pt x="201" y="202"/>
                </a:cubicBezTo>
                <a:cubicBezTo>
                  <a:pt x="114" y="202"/>
                  <a:pt x="114" y="202"/>
                  <a:pt x="114" y="202"/>
                </a:cubicBezTo>
                <a:cubicBezTo>
                  <a:pt x="97" y="202"/>
                  <a:pt x="88" y="217"/>
                  <a:pt x="88" y="233"/>
                </a:cubicBezTo>
                <a:cubicBezTo>
                  <a:pt x="88" y="233"/>
                  <a:pt x="88" y="335"/>
                  <a:pt x="88" y="336"/>
                </a:cubicBezTo>
                <a:cubicBezTo>
                  <a:pt x="88" y="342"/>
                  <a:pt x="83" y="346"/>
                  <a:pt x="78" y="346"/>
                </a:cubicBezTo>
                <a:cubicBezTo>
                  <a:pt x="37" y="346"/>
                  <a:pt x="37" y="346"/>
                  <a:pt x="37" y="346"/>
                </a:cubicBezTo>
                <a:cubicBezTo>
                  <a:pt x="31" y="346"/>
                  <a:pt x="27" y="342"/>
                  <a:pt x="27" y="336"/>
                </a:cubicBezTo>
                <a:cubicBezTo>
                  <a:pt x="27" y="37"/>
                  <a:pt x="27" y="37"/>
                  <a:pt x="27" y="37"/>
                </a:cubicBezTo>
                <a:cubicBezTo>
                  <a:pt x="27" y="32"/>
                  <a:pt x="31" y="27"/>
                  <a:pt x="37" y="27"/>
                </a:cubicBezTo>
                <a:cubicBezTo>
                  <a:pt x="78" y="27"/>
                  <a:pt x="78" y="27"/>
                  <a:pt x="78" y="27"/>
                </a:cubicBezTo>
                <a:cubicBezTo>
                  <a:pt x="83" y="27"/>
                  <a:pt x="88" y="32"/>
                  <a:pt x="88" y="37"/>
                </a:cubicBezTo>
                <a:cubicBezTo>
                  <a:pt x="88" y="130"/>
                  <a:pt x="88" y="130"/>
                  <a:pt x="88" y="130"/>
                </a:cubicBezTo>
                <a:cubicBezTo>
                  <a:pt x="88" y="144"/>
                  <a:pt x="97" y="158"/>
                  <a:pt x="114" y="158"/>
                </a:cubicBezTo>
                <a:cubicBezTo>
                  <a:pt x="201" y="158"/>
                  <a:pt x="201" y="158"/>
                  <a:pt x="201" y="158"/>
                </a:cubicBezTo>
                <a:cubicBezTo>
                  <a:pt x="218" y="158"/>
                  <a:pt x="227" y="144"/>
                  <a:pt x="227" y="129"/>
                </a:cubicBezTo>
                <a:cubicBezTo>
                  <a:pt x="227" y="37"/>
                  <a:pt x="227" y="37"/>
                  <a:pt x="227" y="37"/>
                </a:cubicBezTo>
                <a:cubicBezTo>
                  <a:pt x="227" y="31"/>
                  <a:pt x="231" y="27"/>
                  <a:pt x="237" y="27"/>
                </a:cubicBezTo>
                <a:cubicBezTo>
                  <a:pt x="289" y="27"/>
                  <a:pt x="289" y="27"/>
                  <a:pt x="289" y="27"/>
                </a:cubicBezTo>
                <a:cubicBezTo>
                  <a:pt x="296" y="27"/>
                  <a:pt x="302" y="21"/>
                  <a:pt x="302" y="13"/>
                </a:cubicBezTo>
                <a:cubicBezTo>
                  <a:pt x="302" y="6"/>
                  <a:pt x="296" y="0"/>
                  <a:pt x="289" y="0"/>
                </a:cubicBezTo>
                <a:lnTo>
                  <a:pt x="237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1" name="TextBox 310"/>
          <p:cNvSpPr txBox="1"/>
          <p:nvPr userDrawn="1"/>
        </p:nvSpPr>
        <p:spPr>
          <a:xfrm>
            <a:off x="1283709" y="3463575"/>
            <a:ext cx="769928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Healthcare</a:t>
            </a:r>
          </a:p>
        </p:txBody>
      </p:sp>
      <p:sp>
        <p:nvSpPr>
          <p:cNvPr id="312" name="Freeform 100"/>
          <p:cNvSpPr>
            <a:spLocks noChangeAspect="1"/>
          </p:cNvSpPr>
          <p:nvPr userDrawn="1"/>
        </p:nvSpPr>
        <p:spPr bwMode="auto">
          <a:xfrm>
            <a:off x="3418411" y="2874434"/>
            <a:ext cx="330960" cy="523747"/>
          </a:xfrm>
          <a:custGeom>
            <a:avLst/>
            <a:gdLst/>
            <a:ahLst/>
            <a:cxnLst>
              <a:cxn ang="0">
                <a:pos x="116" y="75"/>
              </a:cxn>
              <a:cxn ang="0">
                <a:pos x="46" y="287"/>
              </a:cxn>
              <a:cxn ang="0">
                <a:pos x="131" y="323"/>
              </a:cxn>
              <a:cxn ang="0">
                <a:pos x="148" y="314"/>
              </a:cxn>
              <a:cxn ang="0">
                <a:pos x="157" y="229"/>
              </a:cxn>
              <a:cxn ang="0">
                <a:pos x="144" y="189"/>
              </a:cxn>
              <a:cxn ang="0">
                <a:pos x="181" y="184"/>
              </a:cxn>
              <a:cxn ang="0">
                <a:pos x="185" y="220"/>
              </a:cxn>
              <a:cxn ang="0">
                <a:pos x="204" y="302"/>
              </a:cxn>
              <a:cxn ang="0">
                <a:pos x="125" y="348"/>
              </a:cxn>
              <a:cxn ang="0">
                <a:pos x="32" y="337"/>
              </a:cxn>
              <a:cxn ang="0">
                <a:pos x="4" y="453"/>
              </a:cxn>
              <a:cxn ang="0">
                <a:pos x="276" y="459"/>
              </a:cxn>
              <a:cxn ang="0">
                <a:pos x="276" y="432"/>
              </a:cxn>
              <a:cxn ang="0">
                <a:pos x="54" y="357"/>
              </a:cxn>
              <a:cxn ang="0">
                <a:pos x="187" y="365"/>
              </a:cxn>
              <a:cxn ang="0">
                <a:pos x="233" y="285"/>
              </a:cxn>
              <a:cxn ang="0">
                <a:pos x="217" y="205"/>
              </a:cxn>
              <a:cxn ang="0">
                <a:pos x="197" y="163"/>
              </a:cxn>
              <a:cxn ang="0">
                <a:pos x="123" y="173"/>
              </a:cxn>
              <a:cxn ang="0">
                <a:pos x="113" y="211"/>
              </a:cxn>
              <a:cxn ang="0">
                <a:pos x="125" y="294"/>
              </a:cxn>
              <a:cxn ang="0">
                <a:pos x="122" y="104"/>
              </a:cxn>
              <a:cxn ang="0">
                <a:pos x="155" y="32"/>
              </a:cxn>
              <a:cxn ang="0">
                <a:pos x="163" y="101"/>
              </a:cxn>
              <a:cxn ang="0">
                <a:pos x="172" y="117"/>
              </a:cxn>
              <a:cxn ang="0">
                <a:pos x="169" y="132"/>
              </a:cxn>
              <a:cxn ang="0">
                <a:pos x="195" y="136"/>
              </a:cxn>
              <a:cxn ang="0">
                <a:pos x="202" y="108"/>
              </a:cxn>
              <a:cxn ang="0">
                <a:pos x="193" y="95"/>
              </a:cxn>
              <a:cxn ang="0">
                <a:pos x="210" y="29"/>
              </a:cxn>
              <a:cxn ang="0">
                <a:pos x="200" y="16"/>
              </a:cxn>
              <a:cxn ang="0">
                <a:pos x="133" y="12"/>
              </a:cxn>
            </a:cxnLst>
            <a:rect l="0" t="0" r="r" b="b"/>
            <a:pathLst>
              <a:path w="290" h="459">
                <a:moveTo>
                  <a:pt x="133" y="12"/>
                </a:moveTo>
                <a:cubicBezTo>
                  <a:pt x="133" y="12"/>
                  <a:pt x="121" y="57"/>
                  <a:pt x="116" y="75"/>
                </a:cubicBezTo>
                <a:cubicBezTo>
                  <a:pt x="109" y="73"/>
                  <a:pt x="102" y="77"/>
                  <a:pt x="100" y="84"/>
                </a:cubicBezTo>
                <a:cubicBezTo>
                  <a:pt x="46" y="287"/>
                  <a:pt x="46" y="287"/>
                  <a:pt x="46" y="287"/>
                </a:cubicBezTo>
                <a:cubicBezTo>
                  <a:pt x="44" y="294"/>
                  <a:pt x="48" y="301"/>
                  <a:pt x="55" y="303"/>
                </a:cubicBezTo>
                <a:cubicBezTo>
                  <a:pt x="131" y="323"/>
                  <a:pt x="131" y="323"/>
                  <a:pt x="131" y="323"/>
                </a:cubicBezTo>
                <a:cubicBezTo>
                  <a:pt x="135" y="324"/>
                  <a:pt x="138" y="324"/>
                  <a:pt x="141" y="322"/>
                </a:cubicBezTo>
                <a:cubicBezTo>
                  <a:pt x="144" y="320"/>
                  <a:pt x="147" y="317"/>
                  <a:pt x="148" y="314"/>
                </a:cubicBezTo>
                <a:cubicBezTo>
                  <a:pt x="166" y="245"/>
                  <a:pt x="166" y="245"/>
                  <a:pt x="166" y="245"/>
                </a:cubicBezTo>
                <a:cubicBezTo>
                  <a:pt x="168" y="238"/>
                  <a:pt x="164" y="231"/>
                  <a:pt x="157" y="229"/>
                </a:cubicBezTo>
                <a:cubicBezTo>
                  <a:pt x="147" y="226"/>
                  <a:pt x="140" y="218"/>
                  <a:pt x="139" y="208"/>
                </a:cubicBezTo>
                <a:cubicBezTo>
                  <a:pt x="138" y="201"/>
                  <a:pt x="140" y="194"/>
                  <a:pt x="144" y="189"/>
                </a:cubicBezTo>
                <a:cubicBezTo>
                  <a:pt x="150" y="182"/>
                  <a:pt x="159" y="178"/>
                  <a:pt x="168" y="179"/>
                </a:cubicBezTo>
                <a:cubicBezTo>
                  <a:pt x="173" y="179"/>
                  <a:pt x="177" y="181"/>
                  <a:pt x="181" y="184"/>
                </a:cubicBezTo>
                <a:cubicBezTo>
                  <a:pt x="186" y="188"/>
                  <a:pt x="190" y="194"/>
                  <a:pt x="191" y="201"/>
                </a:cubicBezTo>
                <a:cubicBezTo>
                  <a:pt x="191" y="208"/>
                  <a:pt x="190" y="215"/>
                  <a:pt x="185" y="220"/>
                </a:cubicBezTo>
                <a:cubicBezTo>
                  <a:pt x="181" y="226"/>
                  <a:pt x="182" y="233"/>
                  <a:pt x="187" y="238"/>
                </a:cubicBezTo>
                <a:cubicBezTo>
                  <a:pt x="204" y="255"/>
                  <a:pt x="211" y="279"/>
                  <a:pt x="204" y="302"/>
                </a:cubicBezTo>
                <a:cubicBezTo>
                  <a:pt x="200" y="319"/>
                  <a:pt x="189" y="333"/>
                  <a:pt x="174" y="342"/>
                </a:cubicBezTo>
                <a:cubicBezTo>
                  <a:pt x="159" y="350"/>
                  <a:pt x="141" y="353"/>
                  <a:pt x="125" y="348"/>
                </a:cubicBezTo>
                <a:cubicBezTo>
                  <a:pt x="49" y="328"/>
                  <a:pt x="49" y="328"/>
                  <a:pt x="49" y="328"/>
                </a:cubicBezTo>
                <a:cubicBezTo>
                  <a:pt x="42" y="326"/>
                  <a:pt x="35" y="330"/>
                  <a:pt x="32" y="337"/>
                </a:cubicBezTo>
                <a:cubicBezTo>
                  <a:pt x="2" y="442"/>
                  <a:pt x="2" y="442"/>
                  <a:pt x="2" y="442"/>
                </a:cubicBezTo>
                <a:cubicBezTo>
                  <a:pt x="0" y="446"/>
                  <a:pt x="1" y="450"/>
                  <a:pt x="4" y="453"/>
                </a:cubicBezTo>
                <a:cubicBezTo>
                  <a:pt x="6" y="457"/>
                  <a:pt x="10" y="459"/>
                  <a:pt x="14" y="459"/>
                </a:cubicBezTo>
                <a:cubicBezTo>
                  <a:pt x="276" y="459"/>
                  <a:pt x="276" y="459"/>
                  <a:pt x="276" y="459"/>
                </a:cubicBezTo>
                <a:cubicBezTo>
                  <a:pt x="284" y="459"/>
                  <a:pt x="290" y="453"/>
                  <a:pt x="290" y="445"/>
                </a:cubicBezTo>
                <a:cubicBezTo>
                  <a:pt x="290" y="438"/>
                  <a:pt x="284" y="432"/>
                  <a:pt x="276" y="432"/>
                </a:cubicBezTo>
                <a:cubicBezTo>
                  <a:pt x="276" y="432"/>
                  <a:pt x="63" y="432"/>
                  <a:pt x="32" y="432"/>
                </a:cubicBezTo>
                <a:cubicBezTo>
                  <a:pt x="38" y="412"/>
                  <a:pt x="50" y="373"/>
                  <a:pt x="54" y="357"/>
                </a:cubicBezTo>
                <a:cubicBezTo>
                  <a:pt x="72" y="362"/>
                  <a:pt x="118" y="374"/>
                  <a:pt x="118" y="374"/>
                </a:cubicBezTo>
                <a:cubicBezTo>
                  <a:pt x="141" y="380"/>
                  <a:pt x="166" y="377"/>
                  <a:pt x="187" y="365"/>
                </a:cubicBezTo>
                <a:cubicBezTo>
                  <a:pt x="209" y="352"/>
                  <a:pt x="224" y="333"/>
                  <a:pt x="230" y="309"/>
                </a:cubicBezTo>
                <a:cubicBezTo>
                  <a:pt x="232" y="301"/>
                  <a:pt x="233" y="293"/>
                  <a:pt x="233" y="285"/>
                </a:cubicBezTo>
                <a:cubicBezTo>
                  <a:pt x="233" y="264"/>
                  <a:pt x="226" y="243"/>
                  <a:pt x="213" y="227"/>
                </a:cubicBezTo>
                <a:cubicBezTo>
                  <a:pt x="216" y="220"/>
                  <a:pt x="217" y="212"/>
                  <a:pt x="217" y="205"/>
                </a:cubicBezTo>
                <a:cubicBezTo>
                  <a:pt x="217" y="202"/>
                  <a:pt x="217" y="200"/>
                  <a:pt x="217" y="198"/>
                </a:cubicBezTo>
                <a:cubicBezTo>
                  <a:pt x="215" y="184"/>
                  <a:pt x="208" y="171"/>
                  <a:pt x="197" y="163"/>
                </a:cubicBezTo>
                <a:cubicBezTo>
                  <a:pt x="189" y="157"/>
                  <a:pt x="181" y="154"/>
                  <a:pt x="171" y="152"/>
                </a:cubicBezTo>
                <a:cubicBezTo>
                  <a:pt x="153" y="150"/>
                  <a:pt x="134" y="158"/>
                  <a:pt x="123" y="173"/>
                </a:cubicBezTo>
                <a:cubicBezTo>
                  <a:pt x="116" y="182"/>
                  <a:pt x="112" y="193"/>
                  <a:pt x="112" y="205"/>
                </a:cubicBezTo>
                <a:cubicBezTo>
                  <a:pt x="112" y="207"/>
                  <a:pt x="112" y="209"/>
                  <a:pt x="113" y="211"/>
                </a:cubicBezTo>
                <a:cubicBezTo>
                  <a:pt x="115" y="227"/>
                  <a:pt x="124" y="241"/>
                  <a:pt x="137" y="249"/>
                </a:cubicBezTo>
                <a:cubicBezTo>
                  <a:pt x="134" y="261"/>
                  <a:pt x="129" y="280"/>
                  <a:pt x="125" y="294"/>
                </a:cubicBezTo>
                <a:cubicBezTo>
                  <a:pt x="111" y="290"/>
                  <a:pt x="89" y="284"/>
                  <a:pt x="75" y="281"/>
                </a:cubicBezTo>
                <a:cubicBezTo>
                  <a:pt x="81" y="260"/>
                  <a:pt x="117" y="125"/>
                  <a:pt x="122" y="104"/>
                </a:cubicBezTo>
                <a:cubicBezTo>
                  <a:pt x="130" y="106"/>
                  <a:pt x="137" y="102"/>
                  <a:pt x="139" y="95"/>
                </a:cubicBezTo>
                <a:cubicBezTo>
                  <a:pt x="139" y="95"/>
                  <a:pt x="151" y="49"/>
                  <a:pt x="155" y="32"/>
                </a:cubicBezTo>
                <a:cubicBezTo>
                  <a:pt x="165" y="34"/>
                  <a:pt x="171" y="36"/>
                  <a:pt x="180" y="38"/>
                </a:cubicBezTo>
                <a:cubicBezTo>
                  <a:pt x="176" y="56"/>
                  <a:pt x="163" y="101"/>
                  <a:pt x="163" y="101"/>
                </a:cubicBezTo>
                <a:cubicBezTo>
                  <a:pt x="163" y="102"/>
                  <a:pt x="163" y="104"/>
                  <a:pt x="163" y="105"/>
                </a:cubicBezTo>
                <a:cubicBezTo>
                  <a:pt x="163" y="110"/>
                  <a:pt x="167" y="116"/>
                  <a:pt x="172" y="117"/>
                </a:cubicBezTo>
                <a:cubicBezTo>
                  <a:pt x="171" y="123"/>
                  <a:pt x="169" y="128"/>
                  <a:pt x="169" y="128"/>
                </a:cubicBezTo>
                <a:cubicBezTo>
                  <a:pt x="169" y="130"/>
                  <a:pt x="169" y="131"/>
                  <a:pt x="169" y="132"/>
                </a:cubicBezTo>
                <a:cubicBezTo>
                  <a:pt x="169" y="138"/>
                  <a:pt x="172" y="143"/>
                  <a:pt x="178" y="145"/>
                </a:cubicBezTo>
                <a:cubicBezTo>
                  <a:pt x="185" y="147"/>
                  <a:pt x="193" y="143"/>
                  <a:pt x="195" y="136"/>
                </a:cubicBezTo>
                <a:cubicBezTo>
                  <a:pt x="202" y="112"/>
                  <a:pt x="202" y="112"/>
                  <a:pt x="202" y="112"/>
                </a:cubicBezTo>
                <a:cubicBezTo>
                  <a:pt x="202" y="111"/>
                  <a:pt x="202" y="109"/>
                  <a:pt x="202" y="108"/>
                </a:cubicBezTo>
                <a:cubicBezTo>
                  <a:pt x="202" y="106"/>
                  <a:pt x="202" y="104"/>
                  <a:pt x="201" y="102"/>
                </a:cubicBezTo>
                <a:cubicBezTo>
                  <a:pt x="199" y="98"/>
                  <a:pt x="196" y="96"/>
                  <a:pt x="193" y="95"/>
                </a:cubicBezTo>
                <a:cubicBezTo>
                  <a:pt x="197" y="78"/>
                  <a:pt x="209" y="32"/>
                  <a:pt x="209" y="32"/>
                </a:cubicBezTo>
                <a:cubicBezTo>
                  <a:pt x="210" y="31"/>
                  <a:pt x="210" y="30"/>
                  <a:pt x="210" y="29"/>
                </a:cubicBezTo>
                <a:cubicBezTo>
                  <a:pt x="210" y="26"/>
                  <a:pt x="209" y="24"/>
                  <a:pt x="208" y="22"/>
                </a:cubicBezTo>
                <a:cubicBezTo>
                  <a:pt x="206" y="19"/>
                  <a:pt x="203" y="17"/>
                  <a:pt x="200" y="16"/>
                </a:cubicBezTo>
                <a:cubicBezTo>
                  <a:pt x="149" y="2"/>
                  <a:pt x="149" y="2"/>
                  <a:pt x="149" y="2"/>
                </a:cubicBezTo>
                <a:cubicBezTo>
                  <a:pt x="142" y="0"/>
                  <a:pt x="135" y="5"/>
                  <a:pt x="133" y="12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3" name="TextBox 312"/>
          <p:cNvSpPr txBox="1"/>
          <p:nvPr userDrawn="1"/>
        </p:nvSpPr>
        <p:spPr>
          <a:xfrm>
            <a:off x="3286803" y="3463575"/>
            <a:ext cx="523058" cy="24622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Life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sciences</a:t>
            </a:r>
          </a:p>
        </p:txBody>
      </p:sp>
      <p:sp>
        <p:nvSpPr>
          <p:cNvPr id="314" name="Freeform 104"/>
          <p:cNvSpPr>
            <a:spLocks noChangeAspect="1"/>
          </p:cNvSpPr>
          <p:nvPr userDrawn="1"/>
        </p:nvSpPr>
        <p:spPr bwMode="auto">
          <a:xfrm>
            <a:off x="2359068" y="3733689"/>
            <a:ext cx="479233" cy="479229"/>
          </a:xfrm>
          <a:custGeom>
            <a:avLst/>
            <a:gdLst/>
            <a:ahLst/>
            <a:cxnLst>
              <a:cxn ang="0">
                <a:pos x="0" y="38"/>
              </a:cxn>
              <a:cxn ang="0">
                <a:pos x="3" y="55"/>
              </a:cxn>
              <a:cxn ang="0">
                <a:pos x="69" y="253"/>
              </a:cxn>
              <a:cxn ang="0">
                <a:pos x="95" y="253"/>
              </a:cxn>
              <a:cxn ang="0">
                <a:pos x="94" y="173"/>
              </a:cxn>
              <a:cxn ang="0">
                <a:pos x="26" y="38"/>
              </a:cxn>
              <a:cxn ang="0">
                <a:pos x="38" y="26"/>
              </a:cxn>
              <a:cxn ang="0">
                <a:pos x="50" y="34"/>
              </a:cxn>
              <a:cxn ang="0">
                <a:pos x="105" y="142"/>
              </a:cxn>
              <a:cxn ang="0">
                <a:pos x="338" y="305"/>
              </a:cxn>
              <a:cxn ang="0">
                <a:pos x="68" y="318"/>
              </a:cxn>
              <a:cxn ang="0">
                <a:pos x="82" y="386"/>
              </a:cxn>
              <a:cxn ang="0">
                <a:pos x="93" y="394"/>
              </a:cxn>
              <a:cxn ang="0">
                <a:pos x="131" y="433"/>
              </a:cxn>
              <a:cxn ang="0">
                <a:pos x="169" y="386"/>
              </a:cxn>
              <a:cxn ang="0">
                <a:pos x="281" y="394"/>
              </a:cxn>
              <a:cxn ang="0">
                <a:pos x="358" y="394"/>
              </a:cxn>
              <a:cxn ang="0">
                <a:pos x="323" y="364"/>
              </a:cxn>
              <a:cxn ang="0">
                <a:pos x="331" y="394"/>
              </a:cxn>
              <a:cxn ang="0">
                <a:pos x="319" y="406"/>
              </a:cxn>
              <a:cxn ang="0">
                <a:pos x="308" y="394"/>
              </a:cxn>
              <a:cxn ang="0">
                <a:pos x="311" y="365"/>
              </a:cxn>
              <a:cxn ang="0">
                <a:pos x="151" y="359"/>
              </a:cxn>
              <a:cxn ang="0">
                <a:pos x="139" y="377"/>
              </a:cxn>
              <a:cxn ang="0">
                <a:pos x="140" y="403"/>
              </a:cxn>
              <a:cxn ang="0">
                <a:pos x="123" y="403"/>
              </a:cxn>
              <a:cxn ang="0">
                <a:pos x="122" y="382"/>
              </a:cxn>
              <a:cxn ang="0">
                <a:pos x="114" y="359"/>
              </a:cxn>
              <a:cxn ang="0">
                <a:pos x="95" y="331"/>
              </a:cxn>
              <a:cxn ang="0">
                <a:pos x="359" y="323"/>
              </a:cxn>
              <a:cxn ang="0">
                <a:pos x="432" y="129"/>
              </a:cxn>
              <a:cxn ang="0">
                <a:pos x="418" y="115"/>
              </a:cxn>
              <a:cxn ang="0">
                <a:pos x="74" y="24"/>
              </a:cxn>
              <a:cxn ang="0">
                <a:pos x="38" y="0"/>
              </a:cxn>
            </a:cxnLst>
            <a:rect l="0" t="0" r="r" b="b"/>
            <a:pathLst>
              <a:path w="432" h="433">
                <a:moveTo>
                  <a:pt x="11" y="11"/>
                </a:moveTo>
                <a:cubicBezTo>
                  <a:pt x="4" y="18"/>
                  <a:pt x="0" y="28"/>
                  <a:pt x="0" y="38"/>
                </a:cubicBezTo>
                <a:cubicBezTo>
                  <a:pt x="0" y="44"/>
                  <a:pt x="1" y="49"/>
                  <a:pt x="3" y="54"/>
                </a:cubicBezTo>
                <a:cubicBezTo>
                  <a:pt x="3" y="54"/>
                  <a:pt x="3" y="55"/>
                  <a:pt x="3" y="55"/>
                </a:cubicBezTo>
                <a:cubicBezTo>
                  <a:pt x="3" y="55"/>
                  <a:pt x="66" y="177"/>
                  <a:pt x="69" y="182"/>
                </a:cubicBezTo>
                <a:cubicBezTo>
                  <a:pt x="69" y="188"/>
                  <a:pt x="69" y="253"/>
                  <a:pt x="69" y="253"/>
                </a:cubicBezTo>
                <a:cubicBezTo>
                  <a:pt x="69" y="261"/>
                  <a:pt x="74" y="267"/>
                  <a:pt x="82" y="267"/>
                </a:cubicBezTo>
                <a:cubicBezTo>
                  <a:pt x="89" y="267"/>
                  <a:pt x="95" y="261"/>
                  <a:pt x="95" y="253"/>
                </a:cubicBezTo>
                <a:cubicBezTo>
                  <a:pt x="95" y="179"/>
                  <a:pt x="95" y="179"/>
                  <a:pt x="95" y="179"/>
                </a:cubicBezTo>
                <a:cubicBezTo>
                  <a:pt x="95" y="177"/>
                  <a:pt x="95" y="175"/>
                  <a:pt x="94" y="173"/>
                </a:cubicBezTo>
                <a:cubicBezTo>
                  <a:pt x="94" y="173"/>
                  <a:pt x="28" y="44"/>
                  <a:pt x="27" y="43"/>
                </a:cubicBezTo>
                <a:cubicBezTo>
                  <a:pt x="27" y="42"/>
                  <a:pt x="26" y="40"/>
                  <a:pt x="26" y="38"/>
                </a:cubicBezTo>
                <a:cubicBezTo>
                  <a:pt x="26" y="35"/>
                  <a:pt x="28" y="32"/>
                  <a:pt x="30" y="30"/>
                </a:cubicBezTo>
                <a:cubicBezTo>
                  <a:pt x="32" y="28"/>
                  <a:pt x="35" y="26"/>
                  <a:pt x="38" y="26"/>
                </a:cubicBezTo>
                <a:cubicBezTo>
                  <a:pt x="43" y="26"/>
                  <a:pt x="48" y="29"/>
                  <a:pt x="49" y="34"/>
                </a:cubicBezTo>
                <a:cubicBezTo>
                  <a:pt x="49" y="34"/>
                  <a:pt x="50" y="34"/>
                  <a:pt x="50" y="34"/>
                </a:cubicBezTo>
                <a:cubicBezTo>
                  <a:pt x="93" y="134"/>
                  <a:pt x="93" y="134"/>
                  <a:pt x="93" y="134"/>
                </a:cubicBezTo>
                <a:cubicBezTo>
                  <a:pt x="95" y="139"/>
                  <a:pt x="100" y="142"/>
                  <a:pt x="105" y="142"/>
                </a:cubicBezTo>
                <a:cubicBezTo>
                  <a:pt x="105" y="142"/>
                  <a:pt x="365" y="142"/>
                  <a:pt x="399" y="142"/>
                </a:cubicBezTo>
                <a:cubicBezTo>
                  <a:pt x="388" y="170"/>
                  <a:pt x="343" y="291"/>
                  <a:pt x="338" y="305"/>
                </a:cubicBezTo>
                <a:cubicBezTo>
                  <a:pt x="320" y="305"/>
                  <a:pt x="82" y="305"/>
                  <a:pt x="82" y="305"/>
                </a:cubicBezTo>
                <a:cubicBezTo>
                  <a:pt x="74" y="305"/>
                  <a:pt x="68" y="311"/>
                  <a:pt x="68" y="318"/>
                </a:cubicBezTo>
                <a:cubicBezTo>
                  <a:pt x="68" y="372"/>
                  <a:pt x="68" y="372"/>
                  <a:pt x="68" y="372"/>
                </a:cubicBezTo>
                <a:cubicBezTo>
                  <a:pt x="68" y="380"/>
                  <a:pt x="74" y="386"/>
                  <a:pt x="82" y="386"/>
                </a:cubicBezTo>
                <a:cubicBezTo>
                  <a:pt x="82" y="386"/>
                  <a:pt x="88" y="386"/>
                  <a:pt x="93" y="386"/>
                </a:cubicBezTo>
                <a:cubicBezTo>
                  <a:pt x="93" y="389"/>
                  <a:pt x="93" y="393"/>
                  <a:pt x="93" y="394"/>
                </a:cubicBezTo>
                <a:cubicBezTo>
                  <a:pt x="93" y="405"/>
                  <a:pt x="97" y="414"/>
                  <a:pt x="104" y="422"/>
                </a:cubicBezTo>
                <a:cubicBezTo>
                  <a:pt x="111" y="429"/>
                  <a:pt x="121" y="433"/>
                  <a:pt x="131" y="433"/>
                </a:cubicBezTo>
                <a:cubicBezTo>
                  <a:pt x="152" y="433"/>
                  <a:pt x="170" y="416"/>
                  <a:pt x="170" y="394"/>
                </a:cubicBezTo>
                <a:cubicBezTo>
                  <a:pt x="170" y="392"/>
                  <a:pt x="169" y="389"/>
                  <a:pt x="169" y="386"/>
                </a:cubicBezTo>
                <a:cubicBezTo>
                  <a:pt x="193" y="386"/>
                  <a:pt x="258" y="386"/>
                  <a:pt x="282" y="386"/>
                </a:cubicBezTo>
                <a:cubicBezTo>
                  <a:pt x="281" y="389"/>
                  <a:pt x="281" y="392"/>
                  <a:pt x="281" y="394"/>
                </a:cubicBezTo>
                <a:cubicBezTo>
                  <a:pt x="281" y="416"/>
                  <a:pt x="298" y="433"/>
                  <a:pt x="319" y="433"/>
                </a:cubicBezTo>
                <a:cubicBezTo>
                  <a:pt x="341" y="433"/>
                  <a:pt x="358" y="416"/>
                  <a:pt x="358" y="394"/>
                </a:cubicBezTo>
                <a:cubicBezTo>
                  <a:pt x="358" y="381"/>
                  <a:pt x="352" y="368"/>
                  <a:pt x="342" y="361"/>
                </a:cubicBezTo>
                <a:cubicBezTo>
                  <a:pt x="336" y="357"/>
                  <a:pt x="328" y="358"/>
                  <a:pt x="323" y="364"/>
                </a:cubicBezTo>
                <a:cubicBezTo>
                  <a:pt x="319" y="370"/>
                  <a:pt x="320" y="379"/>
                  <a:pt x="326" y="383"/>
                </a:cubicBezTo>
                <a:cubicBezTo>
                  <a:pt x="329" y="385"/>
                  <a:pt x="331" y="390"/>
                  <a:pt x="331" y="394"/>
                </a:cubicBezTo>
                <a:cubicBezTo>
                  <a:pt x="331" y="398"/>
                  <a:pt x="330" y="401"/>
                  <a:pt x="328" y="403"/>
                </a:cubicBezTo>
                <a:cubicBezTo>
                  <a:pt x="326" y="405"/>
                  <a:pt x="323" y="406"/>
                  <a:pt x="319" y="406"/>
                </a:cubicBezTo>
                <a:cubicBezTo>
                  <a:pt x="316" y="406"/>
                  <a:pt x="313" y="405"/>
                  <a:pt x="311" y="403"/>
                </a:cubicBezTo>
                <a:cubicBezTo>
                  <a:pt x="309" y="401"/>
                  <a:pt x="308" y="398"/>
                  <a:pt x="308" y="394"/>
                </a:cubicBezTo>
                <a:cubicBezTo>
                  <a:pt x="308" y="391"/>
                  <a:pt x="310" y="383"/>
                  <a:pt x="312" y="377"/>
                </a:cubicBezTo>
                <a:cubicBezTo>
                  <a:pt x="314" y="373"/>
                  <a:pt x="313" y="368"/>
                  <a:pt x="311" y="365"/>
                </a:cubicBezTo>
                <a:cubicBezTo>
                  <a:pt x="308" y="361"/>
                  <a:pt x="304" y="359"/>
                  <a:pt x="300" y="359"/>
                </a:cubicBezTo>
                <a:cubicBezTo>
                  <a:pt x="151" y="359"/>
                  <a:pt x="151" y="359"/>
                  <a:pt x="151" y="359"/>
                </a:cubicBezTo>
                <a:cubicBezTo>
                  <a:pt x="147" y="359"/>
                  <a:pt x="143" y="361"/>
                  <a:pt x="140" y="365"/>
                </a:cubicBezTo>
                <a:cubicBezTo>
                  <a:pt x="138" y="368"/>
                  <a:pt x="137" y="373"/>
                  <a:pt x="139" y="377"/>
                </a:cubicBezTo>
                <a:cubicBezTo>
                  <a:pt x="141" y="382"/>
                  <a:pt x="143" y="390"/>
                  <a:pt x="143" y="394"/>
                </a:cubicBezTo>
                <a:cubicBezTo>
                  <a:pt x="143" y="398"/>
                  <a:pt x="142" y="401"/>
                  <a:pt x="140" y="403"/>
                </a:cubicBezTo>
                <a:cubicBezTo>
                  <a:pt x="137" y="405"/>
                  <a:pt x="134" y="406"/>
                  <a:pt x="131" y="406"/>
                </a:cubicBezTo>
                <a:cubicBezTo>
                  <a:pt x="128" y="406"/>
                  <a:pt x="125" y="405"/>
                  <a:pt x="123" y="403"/>
                </a:cubicBezTo>
                <a:cubicBezTo>
                  <a:pt x="121" y="401"/>
                  <a:pt x="119" y="398"/>
                  <a:pt x="119" y="394"/>
                </a:cubicBezTo>
                <a:cubicBezTo>
                  <a:pt x="119" y="388"/>
                  <a:pt x="121" y="383"/>
                  <a:pt x="122" y="382"/>
                </a:cubicBezTo>
                <a:cubicBezTo>
                  <a:pt x="126" y="379"/>
                  <a:pt x="128" y="373"/>
                  <a:pt x="126" y="368"/>
                </a:cubicBezTo>
                <a:cubicBezTo>
                  <a:pt x="124" y="362"/>
                  <a:pt x="119" y="359"/>
                  <a:pt x="114" y="359"/>
                </a:cubicBezTo>
                <a:cubicBezTo>
                  <a:pt x="114" y="359"/>
                  <a:pt x="104" y="359"/>
                  <a:pt x="95" y="359"/>
                </a:cubicBezTo>
                <a:cubicBezTo>
                  <a:pt x="95" y="349"/>
                  <a:pt x="95" y="342"/>
                  <a:pt x="95" y="331"/>
                </a:cubicBezTo>
                <a:cubicBezTo>
                  <a:pt x="119" y="331"/>
                  <a:pt x="347" y="331"/>
                  <a:pt x="347" y="331"/>
                </a:cubicBezTo>
                <a:cubicBezTo>
                  <a:pt x="352" y="331"/>
                  <a:pt x="357" y="328"/>
                  <a:pt x="359" y="323"/>
                </a:cubicBezTo>
                <a:cubicBezTo>
                  <a:pt x="431" y="133"/>
                  <a:pt x="431" y="133"/>
                  <a:pt x="431" y="133"/>
                </a:cubicBezTo>
                <a:cubicBezTo>
                  <a:pt x="431" y="132"/>
                  <a:pt x="432" y="130"/>
                  <a:pt x="432" y="129"/>
                </a:cubicBezTo>
                <a:cubicBezTo>
                  <a:pt x="432" y="126"/>
                  <a:pt x="431" y="123"/>
                  <a:pt x="429" y="121"/>
                </a:cubicBezTo>
                <a:cubicBezTo>
                  <a:pt x="427" y="118"/>
                  <a:pt x="423" y="115"/>
                  <a:pt x="418" y="115"/>
                </a:cubicBezTo>
                <a:cubicBezTo>
                  <a:pt x="418" y="115"/>
                  <a:pt x="131" y="115"/>
                  <a:pt x="114" y="115"/>
                </a:cubicBezTo>
                <a:cubicBezTo>
                  <a:pt x="108" y="102"/>
                  <a:pt x="74" y="24"/>
                  <a:pt x="74" y="24"/>
                </a:cubicBezTo>
                <a:cubicBezTo>
                  <a:pt x="74" y="24"/>
                  <a:pt x="74" y="24"/>
                  <a:pt x="74" y="24"/>
                </a:cubicBezTo>
                <a:cubicBezTo>
                  <a:pt x="68" y="9"/>
                  <a:pt x="54" y="0"/>
                  <a:pt x="38" y="0"/>
                </a:cubicBezTo>
                <a:cubicBezTo>
                  <a:pt x="28" y="0"/>
                  <a:pt x="18" y="4"/>
                  <a:pt x="11" y="11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5" name="TextBox 314"/>
          <p:cNvSpPr txBox="1"/>
          <p:nvPr userDrawn="1"/>
        </p:nvSpPr>
        <p:spPr>
          <a:xfrm>
            <a:off x="2225210" y="4284666"/>
            <a:ext cx="769928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etail</a:t>
            </a:r>
          </a:p>
        </p:txBody>
      </p:sp>
      <p:sp>
        <p:nvSpPr>
          <p:cNvPr id="316" name="Freeform 56"/>
          <p:cNvSpPr>
            <a:spLocks noChangeAspect="1"/>
          </p:cNvSpPr>
          <p:nvPr userDrawn="1"/>
        </p:nvSpPr>
        <p:spPr bwMode="auto">
          <a:xfrm>
            <a:off x="5234357" y="2195360"/>
            <a:ext cx="379970" cy="393192"/>
          </a:xfrm>
          <a:custGeom>
            <a:avLst/>
            <a:gdLst/>
            <a:ahLst/>
            <a:cxnLst>
              <a:cxn ang="0">
                <a:pos x="427" y="4"/>
              </a:cxn>
              <a:cxn ang="0">
                <a:pos x="238" y="2"/>
              </a:cxn>
              <a:cxn ang="0">
                <a:pos x="119" y="27"/>
              </a:cxn>
              <a:cxn ang="0">
                <a:pos x="23" y="257"/>
              </a:cxn>
              <a:cxn ang="0">
                <a:pos x="97" y="324"/>
              </a:cxn>
              <a:cxn ang="0">
                <a:pos x="111" y="311"/>
              </a:cxn>
              <a:cxn ang="0">
                <a:pos x="123" y="199"/>
              </a:cxn>
              <a:cxn ang="0">
                <a:pos x="136" y="112"/>
              </a:cxn>
              <a:cxn ang="0">
                <a:pos x="181" y="241"/>
              </a:cxn>
              <a:cxn ang="0">
                <a:pos x="218" y="255"/>
              </a:cxn>
              <a:cxn ang="0">
                <a:pos x="231" y="305"/>
              </a:cxn>
              <a:cxn ang="0">
                <a:pos x="283" y="291"/>
              </a:cxn>
              <a:cxn ang="0">
                <a:pos x="298" y="154"/>
              </a:cxn>
              <a:cxn ang="0">
                <a:pos x="312" y="246"/>
              </a:cxn>
              <a:cxn ang="0">
                <a:pos x="325" y="141"/>
              </a:cxn>
              <a:cxn ang="0">
                <a:pos x="270" y="127"/>
              </a:cxn>
              <a:cxn ang="0">
                <a:pos x="257" y="278"/>
              </a:cxn>
              <a:cxn ang="0">
                <a:pos x="245" y="241"/>
              </a:cxn>
              <a:cxn ang="0">
                <a:pos x="208" y="228"/>
              </a:cxn>
              <a:cxn ang="0">
                <a:pos x="195" y="86"/>
              </a:cxn>
              <a:cxn ang="0">
                <a:pos x="110" y="99"/>
              </a:cxn>
              <a:cxn ang="0">
                <a:pos x="98" y="172"/>
              </a:cxn>
              <a:cxn ang="0">
                <a:pos x="84" y="289"/>
              </a:cxn>
              <a:cxn ang="0">
                <a:pos x="39" y="150"/>
              </a:cxn>
              <a:cxn ang="0">
                <a:pos x="240" y="28"/>
              </a:cxn>
              <a:cxn ang="0">
                <a:pos x="396" y="32"/>
              </a:cxn>
              <a:cxn ang="0">
                <a:pos x="342" y="262"/>
              </a:cxn>
              <a:cxn ang="0">
                <a:pos x="135" y="348"/>
              </a:cxn>
              <a:cxn ang="0">
                <a:pos x="134" y="348"/>
              </a:cxn>
              <a:cxn ang="0">
                <a:pos x="132" y="347"/>
              </a:cxn>
              <a:cxn ang="0">
                <a:pos x="131" y="347"/>
              </a:cxn>
              <a:cxn ang="0">
                <a:pos x="130" y="348"/>
              </a:cxn>
              <a:cxn ang="0">
                <a:pos x="128" y="348"/>
              </a:cxn>
              <a:cxn ang="0">
                <a:pos x="127" y="348"/>
              </a:cxn>
              <a:cxn ang="0">
                <a:pos x="126" y="349"/>
              </a:cxn>
              <a:cxn ang="0">
                <a:pos x="125" y="349"/>
              </a:cxn>
              <a:cxn ang="0">
                <a:pos x="124" y="350"/>
              </a:cxn>
              <a:cxn ang="0">
                <a:pos x="123" y="351"/>
              </a:cxn>
              <a:cxn ang="0">
                <a:pos x="122" y="352"/>
              </a:cxn>
              <a:cxn ang="0">
                <a:pos x="121" y="353"/>
              </a:cxn>
              <a:cxn ang="0">
                <a:pos x="112" y="412"/>
              </a:cxn>
              <a:cxn ang="0">
                <a:pos x="158" y="460"/>
              </a:cxn>
              <a:cxn ang="0">
                <a:pos x="162" y="434"/>
              </a:cxn>
              <a:cxn ang="0">
                <a:pos x="138" y="376"/>
              </a:cxn>
              <a:cxn ang="0">
                <a:pos x="366" y="273"/>
              </a:cxn>
              <a:cxn ang="0">
                <a:pos x="436" y="29"/>
              </a:cxn>
            </a:cxnLst>
            <a:rect l="0" t="0" r="r" b="b"/>
            <a:pathLst>
              <a:path w="443" h="460">
                <a:moveTo>
                  <a:pt x="441" y="13"/>
                </a:moveTo>
                <a:cubicBezTo>
                  <a:pt x="439" y="7"/>
                  <a:pt x="433" y="4"/>
                  <a:pt x="427" y="4"/>
                </a:cubicBezTo>
                <a:cubicBezTo>
                  <a:pt x="411" y="6"/>
                  <a:pt x="374" y="5"/>
                  <a:pt x="338" y="3"/>
                </a:cubicBezTo>
                <a:cubicBezTo>
                  <a:pt x="300" y="1"/>
                  <a:pt x="260" y="0"/>
                  <a:pt x="238" y="2"/>
                </a:cubicBezTo>
                <a:cubicBezTo>
                  <a:pt x="236" y="2"/>
                  <a:pt x="235" y="2"/>
                  <a:pt x="233" y="2"/>
                </a:cubicBezTo>
                <a:cubicBezTo>
                  <a:pt x="209" y="5"/>
                  <a:pt x="163" y="9"/>
                  <a:pt x="119" y="27"/>
                </a:cubicBezTo>
                <a:cubicBezTo>
                  <a:pt x="63" y="51"/>
                  <a:pt x="28" y="90"/>
                  <a:pt x="14" y="143"/>
                </a:cubicBezTo>
                <a:cubicBezTo>
                  <a:pt x="0" y="193"/>
                  <a:pt x="12" y="233"/>
                  <a:pt x="23" y="257"/>
                </a:cubicBezTo>
                <a:cubicBezTo>
                  <a:pt x="38" y="287"/>
                  <a:pt x="63" y="311"/>
                  <a:pt x="90" y="323"/>
                </a:cubicBezTo>
                <a:cubicBezTo>
                  <a:pt x="92" y="324"/>
                  <a:pt x="95" y="324"/>
                  <a:pt x="97" y="324"/>
                </a:cubicBezTo>
                <a:cubicBezTo>
                  <a:pt x="97" y="324"/>
                  <a:pt x="97" y="324"/>
                  <a:pt x="98" y="324"/>
                </a:cubicBezTo>
                <a:cubicBezTo>
                  <a:pt x="105" y="324"/>
                  <a:pt x="111" y="318"/>
                  <a:pt x="111" y="311"/>
                </a:cubicBezTo>
                <a:cubicBezTo>
                  <a:pt x="111" y="199"/>
                  <a:pt x="111" y="199"/>
                  <a:pt x="111" y="199"/>
                </a:cubicBezTo>
                <a:cubicBezTo>
                  <a:pt x="123" y="199"/>
                  <a:pt x="123" y="199"/>
                  <a:pt x="123" y="199"/>
                </a:cubicBezTo>
                <a:cubicBezTo>
                  <a:pt x="130" y="199"/>
                  <a:pt x="136" y="193"/>
                  <a:pt x="136" y="185"/>
                </a:cubicBezTo>
                <a:cubicBezTo>
                  <a:pt x="136" y="112"/>
                  <a:pt x="136" y="112"/>
                  <a:pt x="136" y="112"/>
                </a:cubicBezTo>
                <a:cubicBezTo>
                  <a:pt x="181" y="112"/>
                  <a:pt x="181" y="112"/>
                  <a:pt x="181" y="112"/>
                </a:cubicBezTo>
                <a:cubicBezTo>
                  <a:pt x="181" y="241"/>
                  <a:pt x="181" y="241"/>
                  <a:pt x="181" y="241"/>
                </a:cubicBezTo>
                <a:cubicBezTo>
                  <a:pt x="181" y="249"/>
                  <a:pt x="187" y="255"/>
                  <a:pt x="195" y="255"/>
                </a:cubicBezTo>
                <a:cubicBezTo>
                  <a:pt x="218" y="255"/>
                  <a:pt x="218" y="255"/>
                  <a:pt x="218" y="255"/>
                </a:cubicBezTo>
                <a:cubicBezTo>
                  <a:pt x="218" y="291"/>
                  <a:pt x="218" y="291"/>
                  <a:pt x="218" y="291"/>
                </a:cubicBezTo>
                <a:cubicBezTo>
                  <a:pt x="218" y="299"/>
                  <a:pt x="224" y="305"/>
                  <a:pt x="231" y="305"/>
                </a:cubicBezTo>
                <a:cubicBezTo>
                  <a:pt x="270" y="305"/>
                  <a:pt x="270" y="305"/>
                  <a:pt x="270" y="305"/>
                </a:cubicBezTo>
                <a:cubicBezTo>
                  <a:pt x="277" y="305"/>
                  <a:pt x="283" y="299"/>
                  <a:pt x="283" y="291"/>
                </a:cubicBezTo>
                <a:cubicBezTo>
                  <a:pt x="283" y="154"/>
                  <a:pt x="283" y="154"/>
                  <a:pt x="283" y="154"/>
                </a:cubicBezTo>
                <a:cubicBezTo>
                  <a:pt x="298" y="154"/>
                  <a:pt x="298" y="154"/>
                  <a:pt x="298" y="154"/>
                </a:cubicBezTo>
                <a:cubicBezTo>
                  <a:pt x="298" y="232"/>
                  <a:pt x="298" y="232"/>
                  <a:pt x="298" y="232"/>
                </a:cubicBezTo>
                <a:cubicBezTo>
                  <a:pt x="298" y="240"/>
                  <a:pt x="304" y="246"/>
                  <a:pt x="312" y="246"/>
                </a:cubicBezTo>
                <a:cubicBezTo>
                  <a:pt x="319" y="246"/>
                  <a:pt x="325" y="240"/>
                  <a:pt x="325" y="232"/>
                </a:cubicBezTo>
                <a:cubicBezTo>
                  <a:pt x="325" y="141"/>
                  <a:pt x="325" y="141"/>
                  <a:pt x="325" y="141"/>
                </a:cubicBezTo>
                <a:cubicBezTo>
                  <a:pt x="325" y="133"/>
                  <a:pt x="319" y="127"/>
                  <a:pt x="312" y="127"/>
                </a:cubicBezTo>
                <a:cubicBezTo>
                  <a:pt x="270" y="127"/>
                  <a:pt x="270" y="127"/>
                  <a:pt x="270" y="127"/>
                </a:cubicBezTo>
                <a:cubicBezTo>
                  <a:pt x="263" y="127"/>
                  <a:pt x="257" y="133"/>
                  <a:pt x="257" y="141"/>
                </a:cubicBezTo>
                <a:cubicBezTo>
                  <a:pt x="257" y="278"/>
                  <a:pt x="257" y="278"/>
                  <a:pt x="257" y="278"/>
                </a:cubicBezTo>
                <a:cubicBezTo>
                  <a:pt x="245" y="278"/>
                  <a:pt x="245" y="278"/>
                  <a:pt x="245" y="278"/>
                </a:cubicBezTo>
                <a:cubicBezTo>
                  <a:pt x="245" y="241"/>
                  <a:pt x="245" y="241"/>
                  <a:pt x="245" y="241"/>
                </a:cubicBezTo>
                <a:cubicBezTo>
                  <a:pt x="245" y="234"/>
                  <a:pt x="239" y="228"/>
                  <a:pt x="231" y="228"/>
                </a:cubicBezTo>
                <a:cubicBezTo>
                  <a:pt x="208" y="228"/>
                  <a:pt x="208" y="228"/>
                  <a:pt x="208" y="228"/>
                </a:cubicBezTo>
                <a:cubicBezTo>
                  <a:pt x="208" y="99"/>
                  <a:pt x="208" y="99"/>
                  <a:pt x="208" y="99"/>
                </a:cubicBezTo>
                <a:cubicBezTo>
                  <a:pt x="208" y="92"/>
                  <a:pt x="202" y="86"/>
                  <a:pt x="195" y="86"/>
                </a:cubicBezTo>
                <a:cubicBezTo>
                  <a:pt x="123" y="86"/>
                  <a:pt x="123" y="86"/>
                  <a:pt x="123" y="86"/>
                </a:cubicBezTo>
                <a:cubicBezTo>
                  <a:pt x="116" y="86"/>
                  <a:pt x="110" y="92"/>
                  <a:pt x="110" y="99"/>
                </a:cubicBezTo>
                <a:cubicBezTo>
                  <a:pt x="110" y="172"/>
                  <a:pt x="110" y="172"/>
                  <a:pt x="110" y="172"/>
                </a:cubicBezTo>
                <a:cubicBezTo>
                  <a:pt x="98" y="172"/>
                  <a:pt x="98" y="172"/>
                  <a:pt x="98" y="172"/>
                </a:cubicBezTo>
                <a:cubicBezTo>
                  <a:pt x="90" y="172"/>
                  <a:pt x="84" y="178"/>
                  <a:pt x="84" y="185"/>
                </a:cubicBezTo>
                <a:cubicBezTo>
                  <a:pt x="84" y="289"/>
                  <a:pt x="84" y="289"/>
                  <a:pt x="84" y="289"/>
                </a:cubicBezTo>
                <a:cubicBezTo>
                  <a:pt x="69" y="279"/>
                  <a:pt x="56" y="264"/>
                  <a:pt x="47" y="245"/>
                </a:cubicBezTo>
                <a:cubicBezTo>
                  <a:pt x="38" y="225"/>
                  <a:pt x="28" y="192"/>
                  <a:pt x="39" y="150"/>
                </a:cubicBezTo>
                <a:cubicBezTo>
                  <a:pt x="68" y="45"/>
                  <a:pt x="190" y="33"/>
                  <a:pt x="236" y="29"/>
                </a:cubicBezTo>
                <a:cubicBezTo>
                  <a:pt x="237" y="29"/>
                  <a:pt x="239" y="29"/>
                  <a:pt x="240" y="28"/>
                </a:cubicBezTo>
                <a:cubicBezTo>
                  <a:pt x="261" y="26"/>
                  <a:pt x="300" y="28"/>
                  <a:pt x="337" y="30"/>
                </a:cubicBezTo>
                <a:cubicBezTo>
                  <a:pt x="358" y="31"/>
                  <a:pt x="379" y="32"/>
                  <a:pt x="396" y="32"/>
                </a:cubicBezTo>
                <a:cubicBezTo>
                  <a:pt x="374" y="64"/>
                  <a:pt x="370" y="108"/>
                  <a:pt x="365" y="152"/>
                </a:cubicBezTo>
                <a:cubicBezTo>
                  <a:pt x="361" y="190"/>
                  <a:pt x="357" y="230"/>
                  <a:pt x="342" y="262"/>
                </a:cubicBezTo>
                <a:cubicBezTo>
                  <a:pt x="305" y="338"/>
                  <a:pt x="222" y="373"/>
                  <a:pt x="135" y="348"/>
                </a:cubicBezTo>
                <a:cubicBezTo>
                  <a:pt x="135" y="348"/>
                  <a:pt x="135" y="348"/>
                  <a:pt x="135" y="348"/>
                </a:cubicBezTo>
                <a:cubicBezTo>
                  <a:pt x="135" y="348"/>
                  <a:pt x="134" y="348"/>
                  <a:pt x="134" y="348"/>
                </a:cubicBezTo>
                <a:cubicBezTo>
                  <a:pt x="134" y="348"/>
                  <a:pt x="134" y="348"/>
                  <a:pt x="134" y="348"/>
                </a:cubicBezTo>
                <a:cubicBezTo>
                  <a:pt x="133" y="348"/>
                  <a:pt x="133" y="348"/>
                  <a:pt x="133" y="348"/>
                </a:cubicBezTo>
                <a:cubicBezTo>
                  <a:pt x="133" y="348"/>
                  <a:pt x="132" y="347"/>
                  <a:pt x="132" y="347"/>
                </a:cubicBezTo>
                <a:cubicBezTo>
                  <a:pt x="132" y="347"/>
                  <a:pt x="132" y="347"/>
                  <a:pt x="132" y="347"/>
                </a:cubicBezTo>
                <a:cubicBezTo>
                  <a:pt x="131" y="347"/>
                  <a:pt x="131" y="347"/>
                  <a:pt x="131" y="347"/>
                </a:cubicBezTo>
                <a:cubicBezTo>
                  <a:pt x="131" y="347"/>
                  <a:pt x="131" y="347"/>
                  <a:pt x="131" y="347"/>
                </a:cubicBezTo>
                <a:cubicBezTo>
                  <a:pt x="130" y="348"/>
                  <a:pt x="130" y="348"/>
                  <a:pt x="130" y="348"/>
                </a:cubicBezTo>
                <a:cubicBezTo>
                  <a:pt x="130" y="348"/>
                  <a:pt x="129" y="348"/>
                  <a:pt x="129" y="348"/>
                </a:cubicBezTo>
                <a:cubicBezTo>
                  <a:pt x="129" y="348"/>
                  <a:pt x="129" y="348"/>
                  <a:pt x="128" y="348"/>
                </a:cubicBezTo>
                <a:cubicBezTo>
                  <a:pt x="128" y="348"/>
                  <a:pt x="128" y="348"/>
                  <a:pt x="128" y="348"/>
                </a:cubicBezTo>
                <a:cubicBezTo>
                  <a:pt x="128" y="348"/>
                  <a:pt x="127" y="348"/>
                  <a:pt x="127" y="348"/>
                </a:cubicBezTo>
                <a:cubicBezTo>
                  <a:pt x="127" y="348"/>
                  <a:pt x="127" y="348"/>
                  <a:pt x="127" y="348"/>
                </a:cubicBezTo>
                <a:cubicBezTo>
                  <a:pt x="126" y="348"/>
                  <a:pt x="126" y="349"/>
                  <a:pt x="126" y="349"/>
                </a:cubicBezTo>
                <a:cubicBezTo>
                  <a:pt x="126" y="349"/>
                  <a:pt x="126" y="349"/>
                  <a:pt x="125" y="349"/>
                </a:cubicBezTo>
                <a:cubicBezTo>
                  <a:pt x="125" y="349"/>
                  <a:pt x="125" y="349"/>
                  <a:pt x="125" y="349"/>
                </a:cubicBezTo>
                <a:cubicBezTo>
                  <a:pt x="125" y="349"/>
                  <a:pt x="124" y="349"/>
                  <a:pt x="124" y="350"/>
                </a:cubicBezTo>
                <a:cubicBezTo>
                  <a:pt x="124" y="350"/>
                  <a:pt x="124" y="350"/>
                  <a:pt x="124" y="350"/>
                </a:cubicBezTo>
                <a:cubicBezTo>
                  <a:pt x="124" y="350"/>
                  <a:pt x="123" y="350"/>
                  <a:pt x="123" y="350"/>
                </a:cubicBezTo>
                <a:cubicBezTo>
                  <a:pt x="123" y="350"/>
                  <a:pt x="123" y="351"/>
                  <a:pt x="123" y="351"/>
                </a:cubicBezTo>
                <a:cubicBezTo>
                  <a:pt x="123" y="351"/>
                  <a:pt x="122" y="351"/>
                  <a:pt x="122" y="351"/>
                </a:cubicBezTo>
                <a:cubicBezTo>
                  <a:pt x="122" y="351"/>
                  <a:pt x="122" y="351"/>
                  <a:pt x="122" y="352"/>
                </a:cubicBezTo>
                <a:cubicBezTo>
                  <a:pt x="122" y="352"/>
                  <a:pt x="122" y="352"/>
                  <a:pt x="121" y="352"/>
                </a:cubicBezTo>
                <a:cubicBezTo>
                  <a:pt x="121" y="352"/>
                  <a:pt x="121" y="352"/>
                  <a:pt x="121" y="353"/>
                </a:cubicBezTo>
                <a:cubicBezTo>
                  <a:pt x="121" y="353"/>
                  <a:pt x="121" y="353"/>
                  <a:pt x="121" y="353"/>
                </a:cubicBezTo>
                <a:cubicBezTo>
                  <a:pt x="108" y="370"/>
                  <a:pt x="105" y="391"/>
                  <a:pt x="112" y="412"/>
                </a:cubicBezTo>
                <a:cubicBezTo>
                  <a:pt x="119" y="434"/>
                  <a:pt x="138" y="455"/>
                  <a:pt x="155" y="459"/>
                </a:cubicBezTo>
                <a:cubicBezTo>
                  <a:pt x="156" y="460"/>
                  <a:pt x="157" y="460"/>
                  <a:pt x="158" y="460"/>
                </a:cubicBezTo>
                <a:cubicBezTo>
                  <a:pt x="164" y="460"/>
                  <a:pt x="170" y="456"/>
                  <a:pt x="171" y="450"/>
                </a:cubicBezTo>
                <a:cubicBezTo>
                  <a:pt x="173" y="443"/>
                  <a:pt x="169" y="436"/>
                  <a:pt x="162" y="434"/>
                </a:cubicBezTo>
                <a:cubicBezTo>
                  <a:pt x="156" y="432"/>
                  <a:pt x="143" y="420"/>
                  <a:pt x="137" y="403"/>
                </a:cubicBezTo>
                <a:cubicBezTo>
                  <a:pt x="134" y="394"/>
                  <a:pt x="134" y="384"/>
                  <a:pt x="138" y="376"/>
                </a:cubicBezTo>
                <a:cubicBezTo>
                  <a:pt x="156" y="381"/>
                  <a:pt x="173" y="383"/>
                  <a:pt x="191" y="383"/>
                </a:cubicBezTo>
                <a:cubicBezTo>
                  <a:pt x="266" y="383"/>
                  <a:pt x="332" y="343"/>
                  <a:pt x="366" y="273"/>
                </a:cubicBezTo>
                <a:cubicBezTo>
                  <a:pt x="383" y="238"/>
                  <a:pt x="387" y="196"/>
                  <a:pt x="392" y="155"/>
                </a:cubicBezTo>
                <a:cubicBezTo>
                  <a:pt x="397" y="102"/>
                  <a:pt x="402" y="51"/>
                  <a:pt x="436" y="29"/>
                </a:cubicBezTo>
                <a:cubicBezTo>
                  <a:pt x="441" y="25"/>
                  <a:pt x="443" y="19"/>
                  <a:pt x="441" y="13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7" name="TextBox 316"/>
          <p:cNvSpPr txBox="1"/>
          <p:nvPr userDrawn="1"/>
        </p:nvSpPr>
        <p:spPr>
          <a:xfrm>
            <a:off x="5048080" y="2639098"/>
            <a:ext cx="769928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Green buildings</a:t>
            </a:r>
          </a:p>
        </p:txBody>
      </p:sp>
      <p:sp>
        <p:nvSpPr>
          <p:cNvPr id="318" name="Freeform 216"/>
          <p:cNvSpPr>
            <a:spLocks noChangeAspect="1"/>
          </p:cNvSpPr>
          <p:nvPr userDrawn="1"/>
        </p:nvSpPr>
        <p:spPr bwMode="auto">
          <a:xfrm>
            <a:off x="3327989" y="2195360"/>
            <a:ext cx="421382" cy="393192"/>
          </a:xfrm>
          <a:custGeom>
            <a:avLst/>
            <a:gdLst/>
            <a:ahLst/>
            <a:cxnLst>
              <a:cxn ang="0">
                <a:pos x="15" y="392"/>
              </a:cxn>
              <a:cxn ang="0">
                <a:pos x="2" y="163"/>
              </a:cxn>
              <a:cxn ang="0">
                <a:pos x="70" y="150"/>
              </a:cxn>
              <a:cxn ang="0">
                <a:pos x="83" y="321"/>
              </a:cxn>
              <a:cxn ang="0">
                <a:pos x="101" y="163"/>
              </a:cxn>
              <a:cxn ang="0">
                <a:pos x="114" y="150"/>
              </a:cxn>
              <a:cxn ang="0">
                <a:pos x="181" y="154"/>
              </a:cxn>
              <a:cxn ang="0">
                <a:pos x="184" y="321"/>
              </a:cxn>
              <a:cxn ang="0">
                <a:pos x="254" y="163"/>
              </a:cxn>
              <a:cxn ang="0">
                <a:pos x="323" y="150"/>
              </a:cxn>
              <a:cxn ang="0">
                <a:pos x="336" y="321"/>
              </a:cxn>
              <a:cxn ang="0">
                <a:pos x="355" y="161"/>
              </a:cxn>
              <a:cxn ang="0">
                <a:pos x="380" y="161"/>
              </a:cxn>
              <a:cxn ang="0">
                <a:pos x="368" y="346"/>
              </a:cxn>
              <a:cxn ang="0">
                <a:pos x="311" y="334"/>
              </a:cxn>
              <a:cxn ang="0">
                <a:pos x="279" y="176"/>
              </a:cxn>
              <a:cxn ang="0">
                <a:pos x="261" y="347"/>
              </a:cxn>
              <a:cxn ang="0">
                <a:pos x="162" y="343"/>
              </a:cxn>
              <a:cxn ang="0">
                <a:pos x="159" y="176"/>
              </a:cxn>
              <a:cxn ang="0">
                <a:pos x="127" y="334"/>
              </a:cxn>
              <a:cxn ang="0">
                <a:pos x="115" y="347"/>
              </a:cxn>
              <a:cxn ang="0">
                <a:pos x="70" y="347"/>
              </a:cxn>
              <a:cxn ang="0">
                <a:pos x="57" y="334"/>
              </a:cxn>
              <a:cxn ang="0">
                <a:pos x="27" y="176"/>
              </a:cxn>
              <a:cxn ang="0">
                <a:pos x="395" y="366"/>
              </a:cxn>
              <a:cxn ang="0">
                <a:pos x="209" y="28"/>
              </a:cxn>
              <a:cxn ang="0">
                <a:pos x="340" y="113"/>
              </a:cxn>
              <a:cxn ang="0">
                <a:pos x="340" y="139"/>
              </a:cxn>
              <a:cxn ang="0">
                <a:pos x="1" y="129"/>
              </a:cxn>
              <a:cxn ang="0">
                <a:pos x="203" y="3"/>
              </a:cxn>
              <a:cxn ang="0">
                <a:pos x="414" y="111"/>
              </a:cxn>
              <a:cxn ang="0">
                <a:pos x="421" y="379"/>
              </a:cxn>
            </a:cxnLst>
            <a:rect l="0" t="0" r="r" b="b"/>
            <a:pathLst>
              <a:path w="421" h="392">
                <a:moveTo>
                  <a:pt x="408" y="392"/>
                </a:moveTo>
                <a:cubicBezTo>
                  <a:pt x="15" y="392"/>
                  <a:pt x="15" y="392"/>
                  <a:pt x="15" y="392"/>
                </a:cubicBezTo>
                <a:cubicBezTo>
                  <a:pt x="8" y="392"/>
                  <a:pt x="2" y="386"/>
                  <a:pt x="2" y="379"/>
                </a:cubicBezTo>
                <a:cubicBezTo>
                  <a:pt x="2" y="163"/>
                  <a:pt x="2" y="163"/>
                  <a:pt x="2" y="163"/>
                </a:cubicBezTo>
                <a:cubicBezTo>
                  <a:pt x="2" y="156"/>
                  <a:pt x="8" y="150"/>
                  <a:pt x="15" y="150"/>
                </a:cubicBezTo>
                <a:cubicBezTo>
                  <a:pt x="70" y="150"/>
                  <a:pt x="70" y="150"/>
                  <a:pt x="70" y="150"/>
                </a:cubicBezTo>
                <a:cubicBezTo>
                  <a:pt x="77" y="150"/>
                  <a:pt x="83" y="156"/>
                  <a:pt x="83" y="163"/>
                </a:cubicBezTo>
                <a:cubicBezTo>
                  <a:pt x="83" y="321"/>
                  <a:pt x="83" y="321"/>
                  <a:pt x="83" y="321"/>
                </a:cubicBezTo>
                <a:cubicBezTo>
                  <a:pt x="102" y="321"/>
                  <a:pt x="102" y="321"/>
                  <a:pt x="102" y="321"/>
                </a:cubicBezTo>
                <a:cubicBezTo>
                  <a:pt x="101" y="163"/>
                  <a:pt x="101" y="163"/>
                  <a:pt x="101" y="163"/>
                </a:cubicBezTo>
                <a:cubicBezTo>
                  <a:pt x="101" y="160"/>
                  <a:pt x="103" y="156"/>
                  <a:pt x="105" y="154"/>
                </a:cubicBezTo>
                <a:cubicBezTo>
                  <a:pt x="107" y="151"/>
                  <a:pt x="111" y="150"/>
                  <a:pt x="114" y="150"/>
                </a:cubicBezTo>
                <a:cubicBezTo>
                  <a:pt x="172" y="150"/>
                  <a:pt x="172" y="150"/>
                  <a:pt x="172" y="150"/>
                </a:cubicBezTo>
                <a:cubicBezTo>
                  <a:pt x="175" y="150"/>
                  <a:pt x="178" y="151"/>
                  <a:pt x="181" y="154"/>
                </a:cubicBezTo>
                <a:cubicBezTo>
                  <a:pt x="183" y="156"/>
                  <a:pt x="184" y="160"/>
                  <a:pt x="184" y="163"/>
                </a:cubicBezTo>
                <a:cubicBezTo>
                  <a:pt x="184" y="321"/>
                  <a:pt x="184" y="321"/>
                  <a:pt x="184" y="321"/>
                </a:cubicBezTo>
                <a:cubicBezTo>
                  <a:pt x="253" y="321"/>
                  <a:pt x="253" y="321"/>
                  <a:pt x="253" y="321"/>
                </a:cubicBezTo>
                <a:cubicBezTo>
                  <a:pt x="254" y="163"/>
                  <a:pt x="254" y="163"/>
                  <a:pt x="254" y="163"/>
                </a:cubicBezTo>
                <a:cubicBezTo>
                  <a:pt x="254" y="156"/>
                  <a:pt x="260" y="150"/>
                  <a:pt x="267" y="150"/>
                </a:cubicBezTo>
                <a:cubicBezTo>
                  <a:pt x="323" y="150"/>
                  <a:pt x="323" y="150"/>
                  <a:pt x="323" y="150"/>
                </a:cubicBezTo>
                <a:cubicBezTo>
                  <a:pt x="330" y="150"/>
                  <a:pt x="336" y="156"/>
                  <a:pt x="336" y="163"/>
                </a:cubicBezTo>
                <a:cubicBezTo>
                  <a:pt x="336" y="321"/>
                  <a:pt x="336" y="321"/>
                  <a:pt x="336" y="321"/>
                </a:cubicBezTo>
                <a:cubicBezTo>
                  <a:pt x="355" y="321"/>
                  <a:pt x="355" y="321"/>
                  <a:pt x="355" y="321"/>
                </a:cubicBezTo>
                <a:cubicBezTo>
                  <a:pt x="355" y="161"/>
                  <a:pt x="355" y="161"/>
                  <a:pt x="355" y="161"/>
                </a:cubicBezTo>
                <a:cubicBezTo>
                  <a:pt x="355" y="154"/>
                  <a:pt x="361" y="148"/>
                  <a:pt x="368" y="148"/>
                </a:cubicBezTo>
                <a:cubicBezTo>
                  <a:pt x="375" y="148"/>
                  <a:pt x="380" y="154"/>
                  <a:pt x="380" y="161"/>
                </a:cubicBezTo>
                <a:cubicBezTo>
                  <a:pt x="380" y="334"/>
                  <a:pt x="380" y="334"/>
                  <a:pt x="380" y="334"/>
                </a:cubicBezTo>
                <a:cubicBezTo>
                  <a:pt x="380" y="341"/>
                  <a:pt x="375" y="346"/>
                  <a:pt x="368" y="346"/>
                </a:cubicBezTo>
                <a:cubicBezTo>
                  <a:pt x="323" y="346"/>
                  <a:pt x="323" y="346"/>
                  <a:pt x="323" y="346"/>
                </a:cubicBezTo>
                <a:cubicBezTo>
                  <a:pt x="316" y="346"/>
                  <a:pt x="311" y="341"/>
                  <a:pt x="311" y="334"/>
                </a:cubicBezTo>
                <a:cubicBezTo>
                  <a:pt x="311" y="176"/>
                  <a:pt x="311" y="176"/>
                  <a:pt x="311" y="176"/>
                </a:cubicBezTo>
                <a:cubicBezTo>
                  <a:pt x="279" y="176"/>
                  <a:pt x="279" y="176"/>
                  <a:pt x="279" y="176"/>
                </a:cubicBezTo>
                <a:cubicBezTo>
                  <a:pt x="279" y="334"/>
                  <a:pt x="279" y="334"/>
                  <a:pt x="279" y="334"/>
                </a:cubicBezTo>
                <a:cubicBezTo>
                  <a:pt x="279" y="341"/>
                  <a:pt x="268" y="347"/>
                  <a:pt x="261" y="347"/>
                </a:cubicBezTo>
                <a:cubicBezTo>
                  <a:pt x="171" y="347"/>
                  <a:pt x="171" y="347"/>
                  <a:pt x="171" y="347"/>
                </a:cubicBezTo>
                <a:cubicBezTo>
                  <a:pt x="168" y="347"/>
                  <a:pt x="165" y="345"/>
                  <a:pt x="162" y="343"/>
                </a:cubicBezTo>
                <a:cubicBezTo>
                  <a:pt x="160" y="341"/>
                  <a:pt x="159" y="337"/>
                  <a:pt x="159" y="334"/>
                </a:cubicBezTo>
                <a:cubicBezTo>
                  <a:pt x="159" y="176"/>
                  <a:pt x="159" y="176"/>
                  <a:pt x="159" y="176"/>
                </a:cubicBezTo>
                <a:cubicBezTo>
                  <a:pt x="127" y="176"/>
                  <a:pt x="127" y="176"/>
                  <a:pt x="127" y="176"/>
                </a:cubicBezTo>
                <a:cubicBezTo>
                  <a:pt x="127" y="334"/>
                  <a:pt x="127" y="334"/>
                  <a:pt x="127" y="334"/>
                </a:cubicBezTo>
                <a:cubicBezTo>
                  <a:pt x="127" y="337"/>
                  <a:pt x="126" y="340"/>
                  <a:pt x="124" y="343"/>
                </a:cubicBezTo>
                <a:cubicBezTo>
                  <a:pt x="121" y="345"/>
                  <a:pt x="118" y="347"/>
                  <a:pt x="115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67" y="347"/>
                  <a:pt x="64" y="345"/>
                  <a:pt x="61" y="343"/>
                </a:cubicBezTo>
                <a:cubicBezTo>
                  <a:pt x="59" y="341"/>
                  <a:pt x="57" y="337"/>
                  <a:pt x="57" y="334"/>
                </a:cubicBezTo>
                <a:cubicBezTo>
                  <a:pt x="57" y="176"/>
                  <a:pt x="57" y="176"/>
                  <a:pt x="57" y="176"/>
                </a:cubicBezTo>
                <a:cubicBezTo>
                  <a:pt x="27" y="176"/>
                  <a:pt x="27" y="176"/>
                  <a:pt x="27" y="176"/>
                </a:cubicBezTo>
                <a:cubicBezTo>
                  <a:pt x="27" y="366"/>
                  <a:pt x="27" y="366"/>
                  <a:pt x="27" y="366"/>
                </a:cubicBezTo>
                <a:cubicBezTo>
                  <a:pt x="395" y="366"/>
                  <a:pt x="395" y="366"/>
                  <a:pt x="395" y="366"/>
                </a:cubicBezTo>
                <a:cubicBezTo>
                  <a:pt x="395" y="130"/>
                  <a:pt x="395" y="130"/>
                  <a:pt x="395" y="130"/>
                </a:cubicBezTo>
                <a:cubicBezTo>
                  <a:pt x="209" y="28"/>
                  <a:pt x="209" y="28"/>
                  <a:pt x="209" y="28"/>
                </a:cubicBezTo>
                <a:cubicBezTo>
                  <a:pt x="62" y="113"/>
                  <a:pt x="62" y="113"/>
                  <a:pt x="62" y="113"/>
                </a:cubicBezTo>
                <a:cubicBezTo>
                  <a:pt x="340" y="113"/>
                  <a:pt x="340" y="113"/>
                  <a:pt x="340" y="113"/>
                </a:cubicBezTo>
                <a:cubicBezTo>
                  <a:pt x="347" y="113"/>
                  <a:pt x="353" y="119"/>
                  <a:pt x="353" y="126"/>
                </a:cubicBezTo>
                <a:cubicBezTo>
                  <a:pt x="353" y="133"/>
                  <a:pt x="347" y="139"/>
                  <a:pt x="340" y="139"/>
                </a:cubicBezTo>
                <a:cubicBezTo>
                  <a:pt x="13" y="139"/>
                  <a:pt x="13" y="139"/>
                  <a:pt x="13" y="139"/>
                </a:cubicBezTo>
                <a:cubicBezTo>
                  <a:pt x="8" y="139"/>
                  <a:pt x="3" y="135"/>
                  <a:pt x="1" y="129"/>
                </a:cubicBezTo>
                <a:cubicBezTo>
                  <a:pt x="0" y="123"/>
                  <a:pt x="2" y="118"/>
                  <a:pt x="7" y="115"/>
                </a:cubicBezTo>
                <a:cubicBezTo>
                  <a:pt x="203" y="3"/>
                  <a:pt x="203" y="3"/>
                  <a:pt x="203" y="3"/>
                </a:cubicBezTo>
                <a:cubicBezTo>
                  <a:pt x="207" y="0"/>
                  <a:pt x="211" y="0"/>
                  <a:pt x="215" y="3"/>
                </a:cubicBezTo>
                <a:cubicBezTo>
                  <a:pt x="414" y="111"/>
                  <a:pt x="414" y="111"/>
                  <a:pt x="414" y="111"/>
                </a:cubicBezTo>
                <a:cubicBezTo>
                  <a:pt x="418" y="113"/>
                  <a:pt x="421" y="118"/>
                  <a:pt x="421" y="122"/>
                </a:cubicBezTo>
                <a:cubicBezTo>
                  <a:pt x="421" y="379"/>
                  <a:pt x="421" y="379"/>
                  <a:pt x="421" y="379"/>
                </a:cubicBezTo>
                <a:cubicBezTo>
                  <a:pt x="421" y="386"/>
                  <a:pt x="415" y="392"/>
                  <a:pt x="408" y="392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19" name="TextBox 318"/>
          <p:cNvSpPr txBox="1"/>
          <p:nvPr userDrawn="1"/>
        </p:nvSpPr>
        <p:spPr>
          <a:xfrm>
            <a:off x="3230398" y="2639098"/>
            <a:ext cx="635869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Finance</a:t>
            </a:r>
          </a:p>
        </p:txBody>
      </p:sp>
      <p:sp>
        <p:nvSpPr>
          <p:cNvPr id="320" name="Freeform 224"/>
          <p:cNvSpPr>
            <a:spLocks noChangeAspect="1"/>
          </p:cNvSpPr>
          <p:nvPr userDrawn="1"/>
        </p:nvSpPr>
        <p:spPr bwMode="auto">
          <a:xfrm>
            <a:off x="1438331" y="2242598"/>
            <a:ext cx="525440" cy="345954"/>
          </a:xfrm>
          <a:custGeom>
            <a:avLst/>
            <a:gdLst/>
            <a:ahLst/>
            <a:cxnLst>
              <a:cxn ang="0">
                <a:pos x="221" y="248"/>
              </a:cxn>
              <a:cxn ang="0">
                <a:pos x="342" y="248"/>
              </a:cxn>
              <a:cxn ang="0">
                <a:pos x="419" y="171"/>
              </a:cxn>
              <a:cxn ang="0">
                <a:pos x="344" y="92"/>
              </a:cxn>
              <a:cxn ang="0">
                <a:pos x="324" y="95"/>
              </a:cxn>
              <a:cxn ang="0">
                <a:pos x="286" y="32"/>
              </a:cxn>
              <a:cxn ang="0">
                <a:pos x="201" y="0"/>
              </a:cxn>
              <a:cxn ang="0">
                <a:pos x="86" y="76"/>
              </a:cxn>
              <a:cxn ang="0">
                <a:pos x="30" y="95"/>
              </a:cxn>
              <a:cxn ang="0">
                <a:pos x="0" y="162"/>
              </a:cxn>
              <a:cxn ang="0">
                <a:pos x="25" y="224"/>
              </a:cxn>
              <a:cxn ang="0">
                <a:pos x="86" y="248"/>
              </a:cxn>
              <a:cxn ang="0">
                <a:pos x="126" y="248"/>
              </a:cxn>
              <a:cxn ang="0">
                <a:pos x="139" y="235"/>
              </a:cxn>
              <a:cxn ang="0">
                <a:pos x="126" y="221"/>
              </a:cxn>
              <a:cxn ang="0">
                <a:pos x="86" y="221"/>
              </a:cxn>
              <a:cxn ang="0">
                <a:pos x="44" y="205"/>
              </a:cxn>
              <a:cxn ang="0">
                <a:pos x="26" y="162"/>
              </a:cxn>
              <a:cxn ang="0">
                <a:pos x="47" y="115"/>
              </a:cxn>
              <a:cxn ang="0">
                <a:pos x="84" y="102"/>
              </a:cxn>
              <a:cxn ang="0">
                <a:pos x="93" y="103"/>
              </a:cxn>
              <a:cxn ang="0">
                <a:pos x="107" y="94"/>
              </a:cxn>
              <a:cxn ang="0">
                <a:pos x="201" y="27"/>
              </a:cxn>
              <a:cxn ang="0">
                <a:pos x="268" y="52"/>
              </a:cxn>
              <a:cxn ang="0">
                <a:pos x="300" y="114"/>
              </a:cxn>
              <a:cxn ang="0">
                <a:pos x="306" y="124"/>
              </a:cxn>
              <a:cxn ang="0">
                <a:pos x="318" y="125"/>
              </a:cxn>
              <a:cxn ang="0">
                <a:pos x="327" y="122"/>
              </a:cxn>
              <a:cxn ang="0">
                <a:pos x="344" y="119"/>
              </a:cxn>
              <a:cxn ang="0">
                <a:pos x="378" y="134"/>
              </a:cxn>
              <a:cxn ang="0">
                <a:pos x="392" y="171"/>
              </a:cxn>
              <a:cxn ang="0">
                <a:pos x="342" y="221"/>
              </a:cxn>
              <a:cxn ang="0">
                <a:pos x="196" y="222"/>
              </a:cxn>
              <a:cxn ang="0">
                <a:pos x="185" y="227"/>
              </a:cxn>
              <a:cxn ang="0">
                <a:pos x="184" y="240"/>
              </a:cxn>
              <a:cxn ang="0">
                <a:pos x="189" y="246"/>
              </a:cxn>
              <a:cxn ang="0">
                <a:pos x="193" y="247"/>
              </a:cxn>
              <a:cxn ang="0">
                <a:pos x="197" y="248"/>
              </a:cxn>
              <a:cxn ang="0">
                <a:pos x="205" y="248"/>
              </a:cxn>
              <a:cxn ang="0">
                <a:pos x="216" y="248"/>
              </a:cxn>
              <a:cxn ang="0">
                <a:pos x="221" y="248"/>
              </a:cxn>
            </a:cxnLst>
            <a:rect l="0" t="0" r="r" b="b"/>
            <a:pathLst>
              <a:path w="419" h="248">
                <a:moveTo>
                  <a:pt x="221" y="248"/>
                </a:moveTo>
                <a:cubicBezTo>
                  <a:pt x="342" y="248"/>
                  <a:pt x="342" y="248"/>
                  <a:pt x="342" y="248"/>
                </a:cubicBezTo>
                <a:cubicBezTo>
                  <a:pt x="385" y="248"/>
                  <a:pt x="419" y="213"/>
                  <a:pt x="419" y="171"/>
                </a:cubicBezTo>
                <a:cubicBezTo>
                  <a:pt x="419" y="127"/>
                  <a:pt x="385" y="92"/>
                  <a:pt x="344" y="92"/>
                </a:cubicBezTo>
                <a:cubicBezTo>
                  <a:pt x="337" y="92"/>
                  <a:pt x="330" y="93"/>
                  <a:pt x="324" y="95"/>
                </a:cubicBezTo>
                <a:cubicBezTo>
                  <a:pt x="318" y="71"/>
                  <a:pt x="305" y="49"/>
                  <a:pt x="286" y="32"/>
                </a:cubicBezTo>
                <a:cubicBezTo>
                  <a:pt x="262" y="11"/>
                  <a:pt x="232" y="0"/>
                  <a:pt x="201" y="0"/>
                </a:cubicBezTo>
                <a:cubicBezTo>
                  <a:pt x="150" y="0"/>
                  <a:pt x="105" y="30"/>
                  <a:pt x="86" y="76"/>
                </a:cubicBezTo>
                <a:cubicBezTo>
                  <a:pt x="66" y="74"/>
                  <a:pt x="46" y="81"/>
                  <a:pt x="30" y="95"/>
                </a:cubicBezTo>
                <a:cubicBezTo>
                  <a:pt x="11" y="112"/>
                  <a:pt x="0" y="137"/>
                  <a:pt x="0" y="162"/>
                </a:cubicBezTo>
                <a:cubicBezTo>
                  <a:pt x="0" y="185"/>
                  <a:pt x="9" y="207"/>
                  <a:pt x="25" y="224"/>
                </a:cubicBezTo>
                <a:cubicBezTo>
                  <a:pt x="41" y="240"/>
                  <a:pt x="63" y="248"/>
                  <a:pt x="86" y="248"/>
                </a:cubicBezTo>
                <a:cubicBezTo>
                  <a:pt x="126" y="248"/>
                  <a:pt x="126" y="248"/>
                  <a:pt x="126" y="248"/>
                </a:cubicBezTo>
                <a:cubicBezTo>
                  <a:pt x="133" y="248"/>
                  <a:pt x="139" y="242"/>
                  <a:pt x="139" y="235"/>
                </a:cubicBezTo>
                <a:cubicBezTo>
                  <a:pt x="139" y="227"/>
                  <a:pt x="133" y="221"/>
                  <a:pt x="126" y="221"/>
                </a:cubicBezTo>
                <a:cubicBezTo>
                  <a:pt x="86" y="221"/>
                  <a:pt x="86" y="221"/>
                  <a:pt x="86" y="221"/>
                </a:cubicBezTo>
                <a:cubicBezTo>
                  <a:pt x="70" y="221"/>
                  <a:pt x="55" y="216"/>
                  <a:pt x="44" y="205"/>
                </a:cubicBezTo>
                <a:cubicBezTo>
                  <a:pt x="32" y="193"/>
                  <a:pt x="26" y="178"/>
                  <a:pt x="26" y="162"/>
                </a:cubicBezTo>
                <a:cubicBezTo>
                  <a:pt x="26" y="144"/>
                  <a:pt x="34" y="127"/>
                  <a:pt x="47" y="115"/>
                </a:cubicBezTo>
                <a:cubicBezTo>
                  <a:pt x="58" y="105"/>
                  <a:pt x="71" y="101"/>
                  <a:pt x="84" y="102"/>
                </a:cubicBezTo>
                <a:cubicBezTo>
                  <a:pt x="93" y="103"/>
                  <a:pt x="93" y="103"/>
                  <a:pt x="93" y="103"/>
                </a:cubicBezTo>
                <a:cubicBezTo>
                  <a:pt x="99" y="104"/>
                  <a:pt x="105" y="100"/>
                  <a:pt x="107" y="94"/>
                </a:cubicBezTo>
                <a:cubicBezTo>
                  <a:pt x="121" y="54"/>
                  <a:pt x="158" y="27"/>
                  <a:pt x="201" y="27"/>
                </a:cubicBezTo>
                <a:cubicBezTo>
                  <a:pt x="226" y="27"/>
                  <a:pt x="250" y="36"/>
                  <a:pt x="268" y="52"/>
                </a:cubicBezTo>
                <a:cubicBezTo>
                  <a:pt x="286" y="68"/>
                  <a:pt x="298" y="90"/>
                  <a:pt x="300" y="114"/>
                </a:cubicBezTo>
                <a:cubicBezTo>
                  <a:pt x="301" y="118"/>
                  <a:pt x="303" y="122"/>
                  <a:pt x="306" y="124"/>
                </a:cubicBezTo>
                <a:cubicBezTo>
                  <a:pt x="310" y="126"/>
                  <a:pt x="314" y="126"/>
                  <a:pt x="318" y="125"/>
                </a:cubicBezTo>
                <a:cubicBezTo>
                  <a:pt x="318" y="125"/>
                  <a:pt x="327" y="122"/>
                  <a:pt x="327" y="122"/>
                </a:cubicBezTo>
                <a:cubicBezTo>
                  <a:pt x="332" y="120"/>
                  <a:pt x="338" y="119"/>
                  <a:pt x="344" y="119"/>
                </a:cubicBezTo>
                <a:cubicBezTo>
                  <a:pt x="357" y="119"/>
                  <a:pt x="369" y="124"/>
                  <a:pt x="378" y="134"/>
                </a:cubicBezTo>
                <a:cubicBezTo>
                  <a:pt x="387" y="144"/>
                  <a:pt x="392" y="157"/>
                  <a:pt x="392" y="171"/>
                </a:cubicBezTo>
                <a:cubicBezTo>
                  <a:pt x="392" y="198"/>
                  <a:pt x="370" y="221"/>
                  <a:pt x="342" y="221"/>
                </a:cubicBezTo>
                <a:cubicBezTo>
                  <a:pt x="196" y="222"/>
                  <a:pt x="196" y="222"/>
                  <a:pt x="196" y="222"/>
                </a:cubicBezTo>
                <a:cubicBezTo>
                  <a:pt x="192" y="222"/>
                  <a:pt x="188" y="224"/>
                  <a:pt x="185" y="227"/>
                </a:cubicBezTo>
                <a:cubicBezTo>
                  <a:pt x="183" y="231"/>
                  <a:pt x="182" y="237"/>
                  <a:pt x="184" y="240"/>
                </a:cubicBezTo>
                <a:cubicBezTo>
                  <a:pt x="184" y="240"/>
                  <a:pt x="186" y="244"/>
                  <a:pt x="189" y="246"/>
                </a:cubicBezTo>
                <a:cubicBezTo>
                  <a:pt x="190" y="246"/>
                  <a:pt x="192" y="247"/>
                  <a:pt x="193" y="247"/>
                </a:cubicBezTo>
                <a:cubicBezTo>
                  <a:pt x="195" y="248"/>
                  <a:pt x="197" y="248"/>
                  <a:pt x="197" y="248"/>
                </a:cubicBezTo>
                <a:cubicBezTo>
                  <a:pt x="205" y="248"/>
                  <a:pt x="205" y="248"/>
                  <a:pt x="205" y="248"/>
                </a:cubicBezTo>
                <a:cubicBezTo>
                  <a:pt x="216" y="248"/>
                  <a:pt x="216" y="248"/>
                  <a:pt x="216" y="248"/>
                </a:cubicBezTo>
                <a:lnTo>
                  <a:pt x="221" y="248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21" name="TextBox 320"/>
          <p:cNvSpPr txBox="1"/>
          <p:nvPr userDrawn="1"/>
        </p:nvSpPr>
        <p:spPr>
          <a:xfrm>
            <a:off x="1342302" y="2639098"/>
            <a:ext cx="652701" cy="24622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loud and telecom</a:t>
            </a:r>
          </a:p>
        </p:txBody>
      </p:sp>
      <p:sp>
        <p:nvSpPr>
          <p:cNvPr id="322" name="TextBox 321"/>
          <p:cNvSpPr txBox="1"/>
          <p:nvPr userDrawn="1"/>
        </p:nvSpPr>
        <p:spPr>
          <a:xfrm>
            <a:off x="9111403" y="3463575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nagement software</a:t>
            </a:r>
          </a:p>
        </p:txBody>
      </p:sp>
      <p:sp>
        <p:nvSpPr>
          <p:cNvPr id="323" name="TextBox 322"/>
          <p:cNvSpPr txBox="1"/>
          <p:nvPr userDrawn="1"/>
        </p:nvSpPr>
        <p:spPr>
          <a:xfrm>
            <a:off x="8216668" y="4284666"/>
            <a:ext cx="923938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ower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easurement</a:t>
            </a:r>
          </a:p>
        </p:txBody>
      </p:sp>
      <p:sp>
        <p:nvSpPr>
          <p:cNvPr id="324" name="TextBox 323"/>
          <p:cNvSpPr txBox="1"/>
          <p:nvPr userDrawn="1"/>
        </p:nvSpPr>
        <p:spPr>
          <a:xfrm>
            <a:off x="11002917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ntelligent power and motor control</a:t>
            </a:r>
          </a:p>
        </p:txBody>
      </p:sp>
      <p:sp>
        <p:nvSpPr>
          <p:cNvPr id="325" name="TextBox 324"/>
          <p:cNvSpPr txBox="1"/>
          <p:nvPr userDrawn="1"/>
        </p:nvSpPr>
        <p:spPr>
          <a:xfrm>
            <a:off x="10011711" y="4284666"/>
            <a:ext cx="1088520" cy="205184"/>
          </a:xfrm>
          <a:prstGeom prst="rect">
            <a:avLst/>
          </a:prstGeom>
          <a:noFill/>
        </p:spPr>
        <p:txBody>
          <a:bodyPr wrap="square" tIns="0" bIns="0" rtlCol="0" anchor="t" anchorCtr="0">
            <a:spAutoFit/>
          </a:bodyPr>
          <a:lstStyle/>
          <a:p>
            <a:pPr algn="ctr">
              <a:lnSpc>
                <a:spcPts val="800"/>
              </a:lnSpc>
            </a:pP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Renewable energy conversion</a:t>
            </a:r>
          </a:p>
        </p:txBody>
      </p:sp>
      <p:sp>
        <p:nvSpPr>
          <p:cNvPr id="326" name="TextBox 325"/>
          <p:cNvSpPr txBox="1"/>
          <p:nvPr userDrawn="1"/>
        </p:nvSpPr>
        <p:spPr>
          <a:xfrm>
            <a:off x="8155724" y="2639098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lectric vehicle recharging</a:t>
            </a:r>
          </a:p>
        </p:txBody>
      </p:sp>
      <p:sp>
        <p:nvSpPr>
          <p:cNvPr id="327" name="TextBox 326"/>
          <p:cNvSpPr txBox="1"/>
          <p:nvPr userDrawn="1"/>
        </p:nvSpPr>
        <p:spPr>
          <a:xfrm>
            <a:off x="7161499" y="3463575"/>
            <a:ext cx="1131215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Lifts and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escalators control</a:t>
            </a:r>
          </a:p>
        </p:txBody>
      </p:sp>
      <p:sp>
        <p:nvSpPr>
          <p:cNvPr id="328" name="TextBox 327"/>
          <p:cNvSpPr txBox="1"/>
          <p:nvPr userDrawn="1"/>
        </p:nvSpPr>
        <p:spPr>
          <a:xfrm>
            <a:off x="10011711" y="3463575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terial handling control</a:t>
            </a:r>
          </a:p>
        </p:txBody>
      </p:sp>
      <p:sp>
        <p:nvSpPr>
          <p:cNvPr id="329" name="TextBox 328"/>
          <p:cNvSpPr txBox="1"/>
          <p:nvPr userDrawn="1"/>
        </p:nvSpPr>
        <p:spPr>
          <a:xfrm>
            <a:off x="9111403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Hoisting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0" name="TextBox 329"/>
          <p:cNvSpPr txBox="1"/>
          <p:nvPr userDrawn="1"/>
        </p:nvSpPr>
        <p:spPr>
          <a:xfrm>
            <a:off x="7220946" y="5053355"/>
            <a:ext cx="1088520" cy="338554"/>
          </a:xfrm>
          <a:prstGeom prst="rect">
            <a:avLst/>
          </a:prstGeom>
          <a:noFill/>
        </p:spPr>
        <p:txBody>
          <a:bodyPr wrap="square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Uninterruptable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ower supply</a:t>
            </a:r>
          </a:p>
        </p:txBody>
      </p:sp>
      <p:sp>
        <p:nvSpPr>
          <p:cNvPr id="331" name="TextBox 330"/>
          <p:cNvSpPr txBox="1"/>
          <p:nvPr userDrawn="1"/>
        </p:nvSpPr>
        <p:spPr>
          <a:xfrm>
            <a:off x="11002917" y="4284666"/>
            <a:ext cx="1088520" cy="12311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Surveillance</a:t>
            </a:r>
          </a:p>
        </p:txBody>
      </p:sp>
      <p:sp>
        <p:nvSpPr>
          <p:cNvPr id="332" name="TextBox 331"/>
          <p:cNvSpPr txBox="1"/>
          <p:nvPr userDrawn="1"/>
        </p:nvSpPr>
        <p:spPr>
          <a:xfrm>
            <a:off x="10011711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HVAC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3" name="TextBox 332"/>
          <p:cNvSpPr txBox="1"/>
          <p:nvPr userDrawn="1"/>
        </p:nvSpPr>
        <p:spPr>
          <a:xfrm>
            <a:off x="8113030" y="3463575"/>
            <a:ext cx="1131215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Lighting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4" name="Freeform 196"/>
          <p:cNvSpPr>
            <a:spLocks noChangeAspect="1"/>
          </p:cNvSpPr>
          <p:nvPr userDrawn="1"/>
        </p:nvSpPr>
        <p:spPr bwMode="auto">
          <a:xfrm>
            <a:off x="7555769" y="2195360"/>
            <a:ext cx="327661" cy="393192"/>
          </a:xfrm>
          <a:custGeom>
            <a:avLst/>
            <a:gdLst/>
            <a:ahLst/>
            <a:cxnLst>
              <a:cxn ang="0">
                <a:pos x="47" y="131"/>
              </a:cxn>
              <a:cxn ang="0">
                <a:pos x="47" y="135"/>
              </a:cxn>
              <a:cxn ang="0">
                <a:pos x="86" y="174"/>
              </a:cxn>
              <a:cxn ang="0">
                <a:pos x="133" y="107"/>
              </a:cxn>
              <a:cxn ang="0">
                <a:pos x="226" y="133"/>
              </a:cxn>
              <a:cxn ang="0">
                <a:pos x="181" y="196"/>
              </a:cxn>
              <a:cxn ang="0">
                <a:pos x="167" y="240"/>
              </a:cxn>
              <a:cxn ang="0">
                <a:pos x="181" y="344"/>
              </a:cxn>
              <a:cxn ang="0">
                <a:pos x="231" y="275"/>
              </a:cxn>
              <a:cxn ang="0">
                <a:pos x="205" y="283"/>
              </a:cxn>
              <a:cxn ang="0">
                <a:pos x="181" y="317"/>
              </a:cxn>
              <a:cxn ang="0">
                <a:pos x="181" y="265"/>
              </a:cxn>
              <a:cxn ang="0">
                <a:pos x="194" y="223"/>
              </a:cxn>
              <a:cxn ang="0">
                <a:pos x="253" y="209"/>
              </a:cxn>
              <a:cxn ang="0">
                <a:pos x="175" y="55"/>
              </a:cxn>
              <a:cxn ang="0">
                <a:pos x="97" y="134"/>
              </a:cxn>
              <a:cxn ang="0">
                <a:pos x="86" y="147"/>
              </a:cxn>
              <a:cxn ang="0">
                <a:pos x="74" y="135"/>
              </a:cxn>
              <a:cxn ang="0">
                <a:pos x="73" y="130"/>
              </a:cxn>
              <a:cxn ang="0">
                <a:pos x="281" y="130"/>
              </a:cxn>
              <a:cxn ang="0">
                <a:pos x="281" y="206"/>
              </a:cxn>
              <a:cxn ang="0">
                <a:pos x="295" y="223"/>
              </a:cxn>
              <a:cxn ang="0">
                <a:pos x="346" y="370"/>
              </a:cxn>
              <a:cxn ang="0">
                <a:pos x="79" y="422"/>
              </a:cxn>
              <a:cxn ang="0">
                <a:pos x="26" y="276"/>
              </a:cxn>
              <a:cxn ang="0">
                <a:pos x="99" y="223"/>
              </a:cxn>
              <a:cxn ang="0">
                <a:pos x="99" y="197"/>
              </a:cxn>
              <a:cxn ang="0">
                <a:pos x="0" y="276"/>
              </a:cxn>
              <a:cxn ang="0">
                <a:pos x="79" y="449"/>
              </a:cxn>
              <a:cxn ang="0">
                <a:pos x="373" y="370"/>
              </a:cxn>
              <a:cxn ang="0">
                <a:pos x="308" y="198"/>
              </a:cxn>
              <a:cxn ang="0">
                <a:pos x="177" y="0"/>
              </a:cxn>
            </a:cxnLst>
            <a:rect l="0" t="0" r="r" b="b"/>
            <a:pathLst>
              <a:path w="373" h="449">
                <a:moveTo>
                  <a:pt x="47" y="130"/>
                </a:moveTo>
                <a:cubicBezTo>
                  <a:pt x="47" y="130"/>
                  <a:pt x="47" y="131"/>
                  <a:pt x="47" y="131"/>
                </a:cubicBezTo>
                <a:cubicBezTo>
                  <a:pt x="47" y="136"/>
                  <a:pt x="47" y="136"/>
                  <a:pt x="47" y="136"/>
                </a:cubicBezTo>
                <a:cubicBezTo>
                  <a:pt x="47" y="136"/>
                  <a:pt x="47" y="136"/>
                  <a:pt x="47" y="135"/>
                </a:cubicBezTo>
                <a:cubicBezTo>
                  <a:pt x="47" y="146"/>
                  <a:pt x="51" y="155"/>
                  <a:pt x="58" y="163"/>
                </a:cubicBezTo>
                <a:cubicBezTo>
                  <a:pt x="66" y="170"/>
                  <a:pt x="75" y="174"/>
                  <a:pt x="86" y="174"/>
                </a:cubicBezTo>
                <a:cubicBezTo>
                  <a:pt x="106" y="174"/>
                  <a:pt x="123" y="157"/>
                  <a:pt x="124" y="136"/>
                </a:cubicBezTo>
                <a:cubicBezTo>
                  <a:pt x="124" y="136"/>
                  <a:pt x="125" y="121"/>
                  <a:pt x="133" y="107"/>
                </a:cubicBezTo>
                <a:cubicBezTo>
                  <a:pt x="142" y="90"/>
                  <a:pt x="156" y="82"/>
                  <a:pt x="175" y="82"/>
                </a:cubicBezTo>
                <a:cubicBezTo>
                  <a:pt x="204" y="82"/>
                  <a:pt x="226" y="105"/>
                  <a:pt x="226" y="133"/>
                </a:cubicBezTo>
                <a:cubicBezTo>
                  <a:pt x="226" y="133"/>
                  <a:pt x="226" y="178"/>
                  <a:pt x="226" y="196"/>
                </a:cubicBezTo>
                <a:cubicBezTo>
                  <a:pt x="210" y="196"/>
                  <a:pt x="181" y="196"/>
                  <a:pt x="181" y="196"/>
                </a:cubicBezTo>
                <a:cubicBezTo>
                  <a:pt x="173" y="196"/>
                  <a:pt x="167" y="202"/>
                  <a:pt x="167" y="209"/>
                </a:cubicBezTo>
                <a:cubicBezTo>
                  <a:pt x="167" y="209"/>
                  <a:pt x="167" y="228"/>
                  <a:pt x="167" y="240"/>
                </a:cubicBezTo>
                <a:cubicBezTo>
                  <a:pt x="145" y="246"/>
                  <a:pt x="128" y="267"/>
                  <a:pt x="128" y="291"/>
                </a:cubicBezTo>
                <a:cubicBezTo>
                  <a:pt x="128" y="320"/>
                  <a:pt x="152" y="344"/>
                  <a:pt x="181" y="344"/>
                </a:cubicBezTo>
                <a:cubicBezTo>
                  <a:pt x="210" y="344"/>
                  <a:pt x="233" y="320"/>
                  <a:pt x="233" y="291"/>
                </a:cubicBezTo>
                <a:cubicBezTo>
                  <a:pt x="233" y="285"/>
                  <a:pt x="232" y="280"/>
                  <a:pt x="231" y="275"/>
                </a:cubicBezTo>
                <a:cubicBezTo>
                  <a:pt x="228" y="268"/>
                  <a:pt x="221" y="264"/>
                  <a:pt x="214" y="266"/>
                </a:cubicBezTo>
                <a:cubicBezTo>
                  <a:pt x="207" y="268"/>
                  <a:pt x="203" y="276"/>
                  <a:pt x="205" y="283"/>
                </a:cubicBezTo>
                <a:cubicBezTo>
                  <a:pt x="206" y="285"/>
                  <a:pt x="207" y="288"/>
                  <a:pt x="207" y="291"/>
                </a:cubicBezTo>
                <a:cubicBezTo>
                  <a:pt x="207" y="305"/>
                  <a:pt x="195" y="317"/>
                  <a:pt x="181" y="317"/>
                </a:cubicBezTo>
                <a:cubicBezTo>
                  <a:pt x="166" y="317"/>
                  <a:pt x="155" y="305"/>
                  <a:pt x="155" y="291"/>
                </a:cubicBezTo>
                <a:cubicBezTo>
                  <a:pt x="155" y="277"/>
                  <a:pt x="166" y="265"/>
                  <a:pt x="181" y="265"/>
                </a:cubicBezTo>
                <a:cubicBezTo>
                  <a:pt x="188" y="265"/>
                  <a:pt x="194" y="259"/>
                  <a:pt x="194" y="252"/>
                </a:cubicBezTo>
                <a:cubicBezTo>
                  <a:pt x="194" y="252"/>
                  <a:pt x="194" y="235"/>
                  <a:pt x="194" y="223"/>
                </a:cubicBezTo>
                <a:cubicBezTo>
                  <a:pt x="210" y="223"/>
                  <a:pt x="240" y="223"/>
                  <a:pt x="240" y="223"/>
                </a:cubicBezTo>
                <a:cubicBezTo>
                  <a:pt x="247" y="223"/>
                  <a:pt x="253" y="217"/>
                  <a:pt x="253" y="209"/>
                </a:cubicBezTo>
                <a:cubicBezTo>
                  <a:pt x="253" y="133"/>
                  <a:pt x="253" y="133"/>
                  <a:pt x="253" y="133"/>
                </a:cubicBezTo>
                <a:cubicBezTo>
                  <a:pt x="253" y="90"/>
                  <a:pt x="218" y="55"/>
                  <a:pt x="175" y="55"/>
                </a:cubicBezTo>
                <a:cubicBezTo>
                  <a:pt x="146" y="55"/>
                  <a:pt x="123" y="69"/>
                  <a:pt x="109" y="96"/>
                </a:cubicBezTo>
                <a:cubicBezTo>
                  <a:pt x="99" y="114"/>
                  <a:pt x="97" y="133"/>
                  <a:pt x="97" y="134"/>
                </a:cubicBezTo>
                <a:cubicBezTo>
                  <a:pt x="97" y="134"/>
                  <a:pt x="97" y="135"/>
                  <a:pt x="97" y="135"/>
                </a:cubicBezTo>
                <a:cubicBezTo>
                  <a:pt x="97" y="142"/>
                  <a:pt x="92" y="147"/>
                  <a:pt x="86" y="147"/>
                </a:cubicBezTo>
                <a:cubicBezTo>
                  <a:pt x="82" y="147"/>
                  <a:pt x="79" y="146"/>
                  <a:pt x="77" y="144"/>
                </a:cubicBezTo>
                <a:cubicBezTo>
                  <a:pt x="75" y="141"/>
                  <a:pt x="74" y="138"/>
                  <a:pt x="74" y="135"/>
                </a:cubicBezTo>
                <a:cubicBezTo>
                  <a:pt x="74" y="135"/>
                  <a:pt x="74" y="135"/>
                  <a:pt x="74" y="135"/>
                </a:cubicBezTo>
                <a:cubicBezTo>
                  <a:pt x="74" y="135"/>
                  <a:pt x="73" y="131"/>
                  <a:pt x="73" y="130"/>
                </a:cubicBezTo>
                <a:cubicBezTo>
                  <a:pt x="74" y="73"/>
                  <a:pt x="120" y="27"/>
                  <a:pt x="177" y="27"/>
                </a:cubicBezTo>
                <a:cubicBezTo>
                  <a:pt x="235" y="27"/>
                  <a:pt x="281" y="73"/>
                  <a:pt x="281" y="130"/>
                </a:cubicBezTo>
                <a:cubicBezTo>
                  <a:pt x="281" y="206"/>
                  <a:pt x="281" y="206"/>
                  <a:pt x="281" y="206"/>
                </a:cubicBezTo>
                <a:cubicBezTo>
                  <a:pt x="281" y="206"/>
                  <a:pt x="281" y="206"/>
                  <a:pt x="281" y="206"/>
                </a:cubicBezTo>
                <a:cubicBezTo>
                  <a:pt x="281" y="210"/>
                  <a:pt x="281" y="210"/>
                  <a:pt x="281" y="210"/>
                </a:cubicBezTo>
                <a:cubicBezTo>
                  <a:pt x="281" y="217"/>
                  <a:pt x="287" y="223"/>
                  <a:pt x="295" y="223"/>
                </a:cubicBezTo>
                <a:cubicBezTo>
                  <a:pt x="323" y="223"/>
                  <a:pt x="346" y="247"/>
                  <a:pt x="346" y="276"/>
                </a:cubicBezTo>
                <a:cubicBezTo>
                  <a:pt x="346" y="370"/>
                  <a:pt x="346" y="370"/>
                  <a:pt x="346" y="370"/>
                </a:cubicBezTo>
                <a:cubicBezTo>
                  <a:pt x="346" y="399"/>
                  <a:pt x="323" y="422"/>
                  <a:pt x="294" y="422"/>
                </a:cubicBezTo>
                <a:cubicBezTo>
                  <a:pt x="79" y="422"/>
                  <a:pt x="79" y="422"/>
                  <a:pt x="79" y="422"/>
                </a:cubicBezTo>
                <a:cubicBezTo>
                  <a:pt x="50" y="422"/>
                  <a:pt x="26" y="399"/>
                  <a:pt x="26" y="370"/>
                </a:cubicBezTo>
                <a:cubicBezTo>
                  <a:pt x="26" y="276"/>
                  <a:pt x="26" y="276"/>
                  <a:pt x="26" y="276"/>
                </a:cubicBezTo>
                <a:cubicBezTo>
                  <a:pt x="26" y="247"/>
                  <a:pt x="50" y="223"/>
                  <a:pt x="79" y="223"/>
                </a:cubicBezTo>
                <a:cubicBezTo>
                  <a:pt x="99" y="223"/>
                  <a:pt x="99" y="223"/>
                  <a:pt x="99" y="223"/>
                </a:cubicBezTo>
                <a:cubicBezTo>
                  <a:pt x="106" y="223"/>
                  <a:pt x="112" y="217"/>
                  <a:pt x="112" y="210"/>
                </a:cubicBezTo>
                <a:cubicBezTo>
                  <a:pt x="112" y="202"/>
                  <a:pt x="106" y="197"/>
                  <a:pt x="99" y="197"/>
                </a:cubicBezTo>
                <a:cubicBezTo>
                  <a:pt x="79" y="197"/>
                  <a:pt x="79" y="197"/>
                  <a:pt x="79" y="197"/>
                </a:cubicBezTo>
                <a:cubicBezTo>
                  <a:pt x="35" y="197"/>
                  <a:pt x="0" y="232"/>
                  <a:pt x="0" y="276"/>
                </a:cubicBezTo>
                <a:cubicBezTo>
                  <a:pt x="0" y="370"/>
                  <a:pt x="0" y="370"/>
                  <a:pt x="0" y="370"/>
                </a:cubicBezTo>
                <a:cubicBezTo>
                  <a:pt x="0" y="413"/>
                  <a:pt x="35" y="449"/>
                  <a:pt x="79" y="449"/>
                </a:cubicBezTo>
                <a:cubicBezTo>
                  <a:pt x="294" y="449"/>
                  <a:pt x="294" y="449"/>
                  <a:pt x="294" y="449"/>
                </a:cubicBezTo>
                <a:cubicBezTo>
                  <a:pt x="337" y="449"/>
                  <a:pt x="373" y="413"/>
                  <a:pt x="373" y="370"/>
                </a:cubicBezTo>
                <a:cubicBezTo>
                  <a:pt x="373" y="276"/>
                  <a:pt x="373" y="276"/>
                  <a:pt x="373" y="276"/>
                </a:cubicBezTo>
                <a:cubicBezTo>
                  <a:pt x="373" y="237"/>
                  <a:pt x="345" y="204"/>
                  <a:pt x="308" y="198"/>
                </a:cubicBezTo>
                <a:cubicBezTo>
                  <a:pt x="308" y="185"/>
                  <a:pt x="308" y="130"/>
                  <a:pt x="308" y="130"/>
                </a:cubicBezTo>
                <a:cubicBezTo>
                  <a:pt x="308" y="58"/>
                  <a:pt x="249" y="0"/>
                  <a:pt x="177" y="0"/>
                </a:cubicBezTo>
                <a:cubicBezTo>
                  <a:pt x="105" y="0"/>
                  <a:pt x="47" y="58"/>
                  <a:pt x="47" y="130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algn="ctr"/>
            <a:endParaRPr lang="en-US"/>
          </a:p>
        </p:txBody>
      </p:sp>
      <p:sp>
        <p:nvSpPr>
          <p:cNvPr id="335" name="TextBox 334"/>
          <p:cNvSpPr txBox="1"/>
          <p:nvPr userDrawn="1"/>
        </p:nvSpPr>
        <p:spPr>
          <a:xfrm>
            <a:off x="7182846" y="2639098"/>
            <a:ext cx="1088520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Access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trol</a:t>
            </a:r>
          </a:p>
        </p:txBody>
      </p:sp>
      <p:sp>
        <p:nvSpPr>
          <p:cNvPr id="336" name="Freeform 335"/>
          <p:cNvSpPr>
            <a:spLocks noChangeAspect="1"/>
          </p:cNvSpPr>
          <p:nvPr userDrawn="1"/>
        </p:nvSpPr>
        <p:spPr bwMode="auto">
          <a:xfrm>
            <a:off x="11279225" y="3000094"/>
            <a:ext cx="509366" cy="393192"/>
          </a:xfrm>
          <a:custGeom>
            <a:avLst/>
            <a:gdLst/>
            <a:ahLst/>
            <a:cxnLst>
              <a:cxn ang="0">
                <a:pos x="197" y="14"/>
              </a:cxn>
              <a:cxn ang="0">
                <a:pos x="180" y="79"/>
              </a:cxn>
              <a:cxn ang="0">
                <a:pos x="167" y="92"/>
              </a:cxn>
              <a:cxn ang="0">
                <a:pos x="196" y="139"/>
              </a:cxn>
              <a:cxn ang="0">
                <a:pos x="220" y="175"/>
              </a:cxn>
              <a:cxn ang="0">
                <a:pos x="234" y="185"/>
              </a:cxn>
              <a:cxn ang="0">
                <a:pos x="233" y="291"/>
              </a:cxn>
              <a:cxn ang="0">
                <a:pos x="185" y="188"/>
              </a:cxn>
              <a:cxn ang="0">
                <a:pos x="194" y="168"/>
              </a:cxn>
              <a:cxn ang="0">
                <a:pos x="125" y="79"/>
              </a:cxn>
              <a:cxn ang="0">
                <a:pos x="69" y="89"/>
              </a:cxn>
              <a:cxn ang="0">
                <a:pos x="3" y="354"/>
              </a:cxn>
              <a:cxn ang="0">
                <a:pos x="450" y="359"/>
              </a:cxn>
              <a:cxn ang="0">
                <a:pos x="463" y="343"/>
              </a:cxn>
              <a:cxn ang="0">
                <a:pos x="385" y="79"/>
              </a:cxn>
              <a:cxn ang="0">
                <a:pos x="316" y="92"/>
              </a:cxn>
              <a:cxn ang="0">
                <a:pos x="375" y="106"/>
              </a:cxn>
              <a:cxn ang="0">
                <a:pos x="31" y="333"/>
              </a:cxn>
              <a:cxn ang="0">
                <a:pos x="118" y="106"/>
              </a:cxn>
              <a:cxn ang="0">
                <a:pos x="72" y="241"/>
              </a:cxn>
              <a:cxn ang="0">
                <a:pos x="341" y="300"/>
              </a:cxn>
              <a:cxn ang="0">
                <a:pos x="342" y="180"/>
              </a:cxn>
              <a:cxn ang="0">
                <a:pos x="205" y="106"/>
              </a:cxn>
              <a:cxn ang="0">
                <a:pos x="223" y="92"/>
              </a:cxn>
              <a:cxn ang="0">
                <a:pos x="244" y="27"/>
              </a:cxn>
              <a:cxn ang="0">
                <a:pos x="257" y="106"/>
              </a:cxn>
              <a:cxn ang="0">
                <a:pos x="245" y="131"/>
              </a:cxn>
              <a:cxn ang="0">
                <a:pos x="248" y="150"/>
              </a:cxn>
              <a:cxn ang="0">
                <a:pos x="298" y="100"/>
              </a:cxn>
              <a:cxn ang="0">
                <a:pos x="287" y="79"/>
              </a:cxn>
              <a:cxn ang="0">
                <a:pos x="270" y="14"/>
              </a:cxn>
              <a:cxn ang="0">
                <a:pos x="210" y="0"/>
              </a:cxn>
            </a:cxnLst>
            <a:rect l="0" t="0" r="r" b="b"/>
            <a:pathLst>
              <a:path w="464" h="359">
                <a:moveTo>
                  <a:pt x="210" y="0"/>
                </a:moveTo>
                <a:cubicBezTo>
                  <a:pt x="203" y="0"/>
                  <a:pt x="197" y="6"/>
                  <a:pt x="197" y="14"/>
                </a:cubicBezTo>
                <a:cubicBezTo>
                  <a:pt x="197" y="14"/>
                  <a:pt x="197" y="61"/>
                  <a:pt x="197" y="79"/>
                </a:cubicBezTo>
                <a:cubicBezTo>
                  <a:pt x="188" y="79"/>
                  <a:pt x="180" y="79"/>
                  <a:pt x="180" y="79"/>
                </a:cubicBezTo>
                <a:cubicBezTo>
                  <a:pt x="175" y="79"/>
                  <a:pt x="171" y="82"/>
                  <a:pt x="168" y="86"/>
                </a:cubicBezTo>
                <a:cubicBezTo>
                  <a:pt x="167" y="88"/>
                  <a:pt x="167" y="90"/>
                  <a:pt x="167" y="92"/>
                </a:cubicBezTo>
                <a:cubicBezTo>
                  <a:pt x="167" y="95"/>
                  <a:pt x="168" y="98"/>
                  <a:pt x="169" y="100"/>
                </a:cubicBezTo>
                <a:cubicBezTo>
                  <a:pt x="196" y="139"/>
                  <a:pt x="196" y="139"/>
                  <a:pt x="196" y="139"/>
                </a:cubicBezTo>
                <a:cubicBezTo>
                  <a:pt x="214" y="166"/>
                  <a:pt x="214" y="166"/>
                  <a:pt x="214" y="166"/>
                </a:cubicBezTo>
                <a:cubicBezTo>
                  <a:pt x="220" y="175"/>
                  <a:pt x="220" y="175"/>
                  <a:pt x="220" y="175"/>
                </a:cubicBezTo>
                <a:cubicBezTo>
                  <a:pt x="224" y="180"/>
                  <a:pt x="226" y="184"/>
                  <a:pt x="233" y="185"/>
                </a:cubicBezTo>
                <a:cubicBezTo>
                  <a:pt x="233" y="185"/>
                  <a:pt x="234" y="185"/>
                  <a:pt x="234" y="185"/>
                </a:cubicBezTo>
                <a:cubicBezTo>
                  <a:pt x="311" y="185"/>
                  <a:pt x="365" y="215"/>
                  <a:pt x="365" y="241"/>
                </a:cubicBezTo>
                <a:cubicBezTo>
                  <a:pt x="365" y="266"/>
                  <a:pt x="316" y="291"/>
                  <a:pt x="233" y="291"/>
                </a:cubicBezTo>
                <a:cubicBezTo>
                  <a:pt x="150" y="291"/>
                  <a:pt x="99" y="265"/>
                  <a:pt x="99" y="241"/>
                </a:cubicBezTo>
                <a:cubicBezTo>
                  <a:pt x="99" y="219"/>
                  <a:pt x="135" y="197"/>
                  <a:pt x="185" y="188"/>
                </a:cubicBezTo>
                <a:cubicBezTo>
                  <a:pt x="190" y="188"/>
                  <a:pt x="193" y="185"/>
                  <a:pt x="195" y="180"/>
                </a:cubicBezTo>
                <a:cubicBezTo>
                  <a:pt x="197" y="176"/>
                  <a:pt x="196" y="171"/>
                  <a:pt x="194" y="168"/>
                </a:cubicBezTo>
                <a:cubicBezTo>
                  <a:pt x="136" y="85"/>
                  <a:pt x="136" y="85"/>
                  <a:pt x="136" y="85"/>
                </a:cubicBezTo>
                <a:cubicBezTo>
                  <a:pt x="134" y="81"/>
                  <a:pt x="130" y="79"/>
                  <a:pt x="125" y="79"/>
                </a:cubicBezTo>
                <a:cubicBezTo>
                  <a:pt x="82" y="79"/>
                  <a:pt x="82" y="79"/>
                  <a:pt x="82" y="79"/>
                </a:cubicBezTo>
                <a:cubicBezTo>
                  <a:pt x="76" y="79"/>
                  <a:pt x="70" y="83"/>
                  <a:pt x="69" y="89"/>
                </a:cubicBezTo>
                <a:cubicBezTo>
                  <a:pt x="1" y="342"/>
                  <a:pt x="1" y="342"/>
                  <a:pt x="1" y="342"/>
                </a:cubicBezTo>
                <a:cubicBezTo>
                  <a:pt x="0" y="346"/>
                  <a:pt x="1" y="351"/>
                  <a:pt x="3" y="354"/>
                </a:cubicBezTo>
                <a:cubicBezTo>
                  <a:pt x="6" y="357"/>
                  <a:pt x="10" y="359"/>
                  <a:pt x="14" y="359"/>
                </a:cubicBezTo>
                <a:cubicBezTo>
                  <a:pt x="450" y="359"/>
                  <a:pt x="450" y="359"/>
                  <a:pt x="450" y="359"/>
                </a:cubicBezTo>
                <a:cubicBezTo>
                  <a:pt x="454" y="359"/>
                  <a:pt x="458" y="357"/>
                  <a:pt x="461" y="354"/>
                </a:cubicBezTo>
                <a:cubicBezTo>
                  <a:pt x="463" y="351"/>
                  <a:pt x="464" y="347"/>
                  <a:pt x="463" y="343"/>
                </a:cubicBezTo>
                <a:cubicBezTo>
                  <a:pt x="398" y="89"/>
                  <a:pt x="398" y="89"/>
                  <a:pt x="398" y="89"/>
                </a:cubicBezTo>
                <a:cubicBezTo>
                  <a:pt x="397" y="83"/>
                  <a:pt x="391" y="79"/>
                  <a:pt x="385" y="79"/>
                </a:cubicBezTo>
                <a:cubicBezTo>
                  <a:pt x="329" y="79"/>
                  <a:pt x="329" y="79"/>
                  <a:pt x="329" y="79"/>
                </a:cubicBezTo>
                <a:cubicBezTo>
                  <a:pt x="321" y="79"/>
                  <a:pt x="316" y="85"/>
                  <a:pt x="316" y="92"/>
                </a:cubicBezTo>
                <a:cubicBezTo>
                  <a:pt x="316" y="100"/>
                  <a:pt x="321" y="106"/>
                  <a:pt x="329" y="106"/>
                </a:cubicBezTo>
                <a:cubicBezTo>
                  <a:pt x="329" y="106"/>
                  <a:pt x="361" y="106"/>
                  <a:pt x="375" y="106"/>
                </a:cubicBezTo>
                <a:cubicBezTo>
                  <a:pt x="379" y="123"/>
                  <a:pt x="426" y="305"/>
                  <a:pt x="433" y="333"/>
                </a:cubicBezTo>
                <a:cubicBezTo>
                  <a:pt x="403" y="333"/>
                  <a:pt x="62" y="333"/>
                  <a:pt x="31" y="333"/>
                </a:cubicBezTo>
                <a:cubicBezTo>
                  <a:pt x="39" y="304"/>
                  <a:pt x="87" y="123"/>
                  <a:pt x="92" y="106"/>
                </a:cubicBezTo>
                <a:cubicBezTo>
                  <a:pt x="101" y="106"/>
                  <a:pt x="111" y="106"/>
                  <a:pt x="118" y="106"/>
                </a:cubicBezTo>
                <a:cubicBezTo>
                  <a:pt x="124" y="113"/>
                  <a:pt x="147" y="147"/>
                  <a:pt x="160" y="166"/>
                </a:cubicBezTo>
                <a:cubicBezTo>
                  <a:pt x="106" y="180"/>
                  <a:pt x="72" y="208"/>
                  <a:pt x="72" y="241"/>
                </a:cubicBezTo>
                <a:cubicBezTo>
                  <a:pt x="72" y="286"/>
                  <a:pt x="138" y="318"/>
                  <a:pt x="233" y="318"/>
                </a:cubicBezTo>
                <a:cubicBezTo>
                  <a:pt x="275" y="318"/>
                  <a:pt x="313" y="311"/>
                  <a:pt x="341" y="300"/>
                </a:cubicBezTo>
                <a:cubicBezTo>
                  <a:pt x="374" y="286"/>
                  <a:pt x="392" y="265"/>
                  <a:pt x="392" y="241"/>
                </a:cubicBezTo>
                <a:cubicBezTo>
                  <a:pt x="392" y="217"/>
                  <a:pt x="374" y="195"/>
                  <a:pt x="342" y="180"/>
                </a:cubicBezTo>
                <a:cubicBezTo>
                  <a:pt x="315" y="167"/>
                  <a:pt x="279" y="159"/>
                  <a:pt x="241" y="158"/>
                </a:cubicBezTo>
                <a:cubicBezTo>
                  <a:pt x="234" y="148"/>
                  <a:pt x="218" y="125"/>
                  <a:pt x="205" y="106"/>
                </a:cubicBezTo>
                <a:cubicBezTo>
                  <a:pt x="206" y="106"/>
                  <a:pt x="210" y="106"/>
                  <a:pt x="210" y="106"/>
                </a:cubicBezTo>
                <a:cubicBezTo>
                  <a:pt x="217" y="106"/>
                  <a:pt x="223" y="100"/>
                  <a:pt x="223" y="92"/>
                </a:cubicBezTo>
                <a:cubicBezTo>
                  <a:pt x="223" y="92"/>
                  <a:pt x="223" y="45"/>
                  <a:pt x="223" y="27"/>
                </a:cubicBezTo>
                <a:cubicBezTo>
                  <a:pt x="232" y="27"/>
                  <a:pt x="235" y="27"/>
                  <a:pt x="244" y="27"/>
                </a:cubicBezTo>
                <a:cubicBezTo>
                  <a:pt x="244" y="45"/>
                  <a:pt x="244" y="92"/>
                  <a:pt x="244" y="92"/>
                </a:cubicBezTo>
                <a:cubicBezTo>
                  <a:pt x="244" y="100"/>
                  <a:pt x="250" y="106"/>
                  <a:pt x="257" y="106"/>
                </a:cubicBezTo>
                <a:cubicBezTo>
                  <a:pt x="257" y="106"/>
                  <a:pt x="261" y="106"/>
                  <a:pt x="262" y="106"/>
                </a:cubicBezTo>
                <a:cubicBezTo>
                  <a:pt x="253" y="118"/>
                  <a:pt x="245" y="131"/>
                  <a:pt x="245" y="131"/>
                </a:cubicBezTo>
                <a:cubicBezTo>
                  <a:pt x="243" y="133"/>
                  <a:pt x="242" y="136"/>
                  <a:pt x="242" y="139"/>
                </a:cubicBezTo>
                <a:cubicBezTo>
                  <a:pt x="242" y="143"/>
                  <a:pt x="244" y="147"/>
                  <a:pt x="248" y="150"/>
                </a:cubicBezTo>
                <a:cubicBezTo>
                  <a:pt x="254" y="154"/>
                  <a:pt x="262" y="152"/>
                  <a:pt x="267" y="146"/>
                </a:cubicBezTo>
                <a:cubicBezTo>
                  <a:pt x="298" y="100"/>
                  <a:pt x="298" y="100"/>
                  <a:pt x="298" y="100"/>
                </a:cubicBezTo>
                <a:cubicBezTo>
                  <a:pt x="301" y="96"/>
                  <a:pt x="301" y="91"/>
                  <a:pt x="299" y="86"/>
                </a:cubicBezTo>
                <a:cubicBezTo>
                  <a:pt x="296" y="82"/>
                  <a:pt x="292" y="79"/>
                  <a:pt x="287" y="79"/>
                </a:cubicBezTo>
                <a:cubicBezTo>
                  <a:pt x="287" y="79"/>
                  <a:pt x="279" y="79"/>
                  <a:pt x="270" y="79"/>
                </a:cubicBezTo>
                <a:cubicBezTo>
                  <a:pt x="270" y="61"/>
                  <a:pt x="270" y="14"/>
                  <a:pt x="270" y="14"/>
                </a:cubicBezTo>
                <a:cubicBezTo>
                  <a:pt x="270" y="6"/>
                  <a:pt x="265" y="0"/>
                  <a:pt x="257" y="0"/>
                </a:cubicBezTo>
                <a:lnTo>
                  <a:pt x="210" y="0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7" name="Freeform 160"/>
          <p:cNvSpPr>
            <a:spLocks noChangeAspect="1" noEditPoints="1"/>
          </p:cNvSpPr>
          <p:nvPr userDrawn="1"/>
        </p:nvSpPr>
        <p:spPr bwMode="auto">
          <a:xfrm>
            <a:off x="7452677" y="3824021"/>
            <a:ext cx="521678" cy="393192"/>
          </a:xfrm>
          <a:custGeom>
            <a:avLst/>
            <a:gdLst/>
            <a:ahLst/>
            <a:cxnLst>
              <a:cxn ang="0">
                <a:pos x="457" y="83"/>
              </a:cxn>
              <a:cxn ang="0">
                <a:pos x="449" y="73"/>
              </a:cxn>
              <a:cxn ang="0">
                <a:pos x="277" y="2"/>
              </a:cxn>
              <a:cxn ang="0">
                <a:pos x="264" y="3"/>
              </a:cxn>
              <a:cxn ang="0">
                <a:pos x="191" y="57"/>
              </a:cxn>
              <a:cxn ang="0">
                <a:pos x="186" y="69"/>
              </a:cxn>
              <a:cxn ang="0">
                <a:pos x="194" y="80"/>
              </a:cxn>
              <a:cxn ang="0">
                <a:pos x="311" y="126"/>
              </a:cxn>
              <a:cxn ang="0">
                <a:pos x="214" y="153"/>
              </a:cxn>
              <a:cxn ang="0">
                <a:pos x="179" y="87"/>
              </a:cxn>
              <a:cxn ang="0">
                <a:pos x="173" y="81"/>
              </a:cxn>
              <a:cxn ang="0">
                <a:pos x="21" y="7"/>
              </a:cxn>
              <a:cxn ang="0">
                <a:pos x="5" y="10"/>
              </a:cxn>
              <a:cxn ang="0">
                <a:pos x="3" y="26"/>
              </a:cxn>
              <a:cxn ang="0">
                <a:pos x="44" y="98"/>
              </a:cxn>
              <a:cxn ang="0">
                <a:pos x="44" y="250"/>
              </a:cxn>
              <a:cxn ang="0">
                <a:pos x="50" y="261"/>
              </a:cxn>
              <a:cxn ang="0">
                <a:pos x="168" y="336"/>
              </a:cxn>
              <a:cxn ang="0">
                <a:pos x="186" y="332"/>
              </a:cxn>
              <a:cxn ang="0">
                <a:pos x="182" y="314"/>
              </a:cxn>
              <a:cxn ang="0">
                <a:pos x="70" y="243"/>
              </a:cxn>
              <a:cxn ang="0">
                <a:pos x="70" y="95"/>
              </a:cxn>
              <a:cxn ang="0">
                <a:pos x="69" y="88"/>
              </a:cxn>
              <a:cxn ang="0">
                <a:pos x="47" y="50"/>
              </a:cxn>
              <a:cxn ang="0">
                <a:pos x="157" y="103"/>
              </a:cxn>
              <a:cxn ang="0">
                <a:pos x="176" y="139"/>
              </a:cxn>
              <a:cxn ang="0">
                <a:pos x="99" y="98"/>
              </a:cxn>
              <a:cxn ang="0">
                <a:pos x="81" y="104"/>
              </a:cxn>
              <a:cxn ang="0">
                <a:pos x="87" y="122"/>
              </a:cxn>
              <a:cxn ang="0">
                <a:pos x="196" y="179"/>
              </a:cxn>
              <a:cxn ang="0">
                <a:pos x="196" y="331"/>
              </a:cxn>
              <a:cxn ang="0">
                <a:pos x="201" y="342"/>
              </a:cxn>
              <a:cxn ang="0">
                <a:pos x="213" y="343"/>
              </a:cxn>
              <a:cxn ang="0">
                <a:pos x="389" y="285"/>
              </a:cxn>
              <a:cxn ang="0">
                <a:pos x="398" y="273"/>
              </a:cxn>
              <a:cxn ang="0">
                <a:pos x="398" y="139"/>
              </a:cxn>
              <a:cxn ang="0">
                <a:pos x="452" y="95"/>
              </a:cxn>
              <a:cxn ang="0">
                <a:pos x="457" y="83"/>
              </a:cxn>
              <a:cxn ang="0">
                <a:pos x="376" y="122"/>
              </a:cxn>
              <a:cxn ang="0">
                <a:pos x="371" y="133"/>
              </a:cxn>
              <a:cxn ang="0">
                <a:pos x="371" y="263"/>
              </a:cxn>
              <a:cxn ang="0">
                <a:pos x="222" y="312"/>
              </a:cxn>
              <a:cxn ang="0">
                <a:pos x="222" y="178"/>
              </a:cxn>
              <a:cxn ang="0">
                <a:pos x="357" y="141"/>
              </a:cxn>
              <a:cxn ang="0">
                <a:pos x="367" y="129"/>
              </a:cxn>
              <a:cxn ang="0">
                <a:pos x="359" y="116"/>
              </a:cxn>
              <a:cxn ang="0">
                <a:pos x="226" y="64"/>
              </a:cxn>
              <a:cxn ang="0">
                <a:pos x="274" y="29"/>
              </a:cxn>
              <a:cxn ang="0">
                <a:pos x="418" y="89"/>
              </a:cxn>
              <a:cxn ang="0">
                <a:pos x="376" y="122"/>
              </a:cxn>
            </a:cxnLst>
            <a:rect l="0" t="0" r="r" b="b"/>
            <a:pathLst>
              <a:path w="458" h="345">
                <a:moveTo>
                  <a:pt x="457" y="83"/>
                </a:moveTo>
                <a:cubicBezTo>
                  <a:pt x="456" y="78"/>
                  <a:pt x="453" y="75"/>
                  <a:pt x="449" y="73"/>
                </a:cubicBezTo>
                <a:cubicBezTo>
                  <a:pt x="277" y="2"/>
                  <a:pt x="277" y="2"/>
                  <a:pt x="277" y="2"/>
                </a:cubicBezTo>
                <a:cubicBezTo>
                  <a:pt x="273" y="0"/>
                  <a:pt x="268" y="0"/>
                  <a:pt x="264" y="3"/>
                </a:cubicBezTo>
                <a:cubicBezTo>
                  <a:pt x="191" y="57"/>
                  <a:pt x="191" y="57"/>
                  <a:pt x="191" y="57"/>
                </a:cubicBezTo>
                <a:cubicBezTo>
                  <a:pt x="187" y="59"/>
                  <a:pt x="185" y="64"/>
                  <a:pt x="186" y="69"/>
                </a:cubicBezTo>
                <a:cubicBezTo>
                  <a:pt x="186" y="74"/>
                  <a:pt x="189" y="78"/>
                  <a:pt x="194" y="80"/>
                </a:cubicBezTo>
                <a:cubicBezTo>
                  <a:pt x="311" y="126"/>
                  <a:pt x="311" y="126"/>
                  <a:pt x="311" y="126"/>
                </a:cubicBezTo>
                <a:cubicBezTo>
                  <a:pt x="214" y="153"/>
                  <a:pt x="214" y="153"/>
                  <a:pt x="214" y="153"/>
                </a:cubicBezTo>
                <a:cubicBezTo>
                  <a:pt x="179" y="87"/>
                  <a:pt x="179" y="87"/>
                  <a:pt x="179" y="87"/>
                </a:cubicBezTo>
                <a:cubicBezTo>
                  <a:pt x="177" y="84"/>
                  <a:pt x="175" y="82"/>
                  <a:pt x="173" y="81"/>
                </a:cubicBezTo>
                <a:cubicBezTo>
                  <a:pt x="21" y="7"/>
                  <a:pt x="21" y="7"/>
                  <a:pt x="21" y="7"/>
                </a:cubicBezTo>
                <a:cubicBezTo>
                  <a:pt x="15" y="5"/>
                  <a:pt x="9" y="6"/>
                  <a:pt x="5" y="10"/>
                </a:cubicBezTo>
                <a:cubicBezTo>
                  <a:pt x="1" y="14"/>
                  <a:pt x="0" y="21"/>
                  <a:pt x="3" y="26"/>
                </a:cubicBezTo>
                <a:cubicBezTo>
                  <a:pt x="44" y="98"/>
                  <a:pt x="44" y="98"/>
                  <a:pt x="44" y="98"/>
                </a:cubicBezTo>
                <a:cubicBezTo>
                  <a:pt x="44" y="250"/>
                  <a:pt x="44" y="250"/>
                  <a:pt x="44" y="250"/>
                </a:cubicBezTo>
                <a:cubicBezTo>
                  <a:pt x="44" y="254"/>
                  <a:pt x="46" y="259"/>
                  <a:pt x="50" y="261"/>
                </a:cubicBezTo>
                <a:cubicBezTo>
                  <a:pt x="168" y="336"/>
                  <a:pt x="168" y="336"/>
                  <a:pt x="168" y="336"/>
                </a:cubicBezTo>
                <a:cubicBezTo>
                  <a:pt x="174" y="340"/>
                  <a:pt x="182" y="339"/>
                  <a:pt x="186" y="332"/>
                </a:cubicBezTo>
                <a:cubicBezTo>
                  <a:pt x="190" y="326"/>
                  <a:pt x="189" y="318"/>
                  <a:pt x="182" y="314"/>
                </a:cubicBezTo>
                <a:cubicBezTo>
                  <a:pt x="70" y="243"/>
                  <a:pt x="70" y="243"/>
                  <a:pt x="70" y="243"/>
                </a:cubicBezTo>
                <a:cubicBezTo>
                  <a:pt x="70" y="95"/>
                  <a:pt x="70" y="95"/>
                  <a:pt x="70" y="95"/>
                </a:cubicBezTo>
                <a:cubicBezTo>
                  <a:pt x="70" y="92"/>
                  <a:pt x="70" y="90"/>
                  <a:pt x="69" y="88"/>
                </a:cubicBezTo>
                <a:cubicBezTo>
                  <a:pt x="47" y="50"/>
                  <a:pt x="47" y="50"/>
                  <a:pt x="47" y="50"/>
                </a:cubicBezTo>
                <a:cubicBezTo>
                  <a:pt x="157" y="103"/>
                  <a:pt x="157" y="103"/>
                  <a:pt x="157" y="103"/>
                </a:cubicBezTo>
                <a:cubicBezTo>
                  <a:pt x="176" y="139"/>
                  <a:pt x="176" y="139"/>
                  <a:pt x="176" y="139"/>
                </a:cubicBezTo>
                <a:cubicBezTo>
                  <a:pt x="99" y="98"/>
                  <a:pt x="99" y="98"/>
                  <a:pt x="99" y="98"/>
                </a:cubicBezTo>
                <a:cubicBezTo>
                  <a:pt x="93" y="95"/>
                  <a:pt x="84" y="97"/>
                  <a:pt x="81" y="104"/>
                </a:cubicBezTo>
                <a:cubicBezTo>
                  <a:pt x="78" y="110"/>
                  <a:pt x="80" y="118"/>
                  <a:pt x="87" y="122"/>
                </a:cubicBezTo>
                <a:cubicBezTo>
                  <a:pt x="196" y="179"/>
                  <a:pt x="196" y="179"/>
                  <a:pt x="196" y="179"/>
                </a:cubicBezTo>
                <a:cubicBezTo>
                  <a:pt x="196" y="331"/>
                  <a:pt x="196" y="331"/>
                  <a:pt x="196" y="331"/>
                </a:cubicBezTo>
                <a:cubicBezTo>
                  <a:pt x="196" y="335"/>
                  <a:pt x="198" y="339"/>
                  <a:pt x="201" y="342"/>
                </a:cubicBezTo>
                <a:cubicBezTo>
                  <a:pt x="205" y="344"/>
                  <a:pt x="209" y="345"/>
                  <a:pt x="213" y="343"/>
                </a:cubicBezTo>
                <a:cubicBezTo>
                  <a:pt x="389" y="285"/>
                  <a:pt x="389" y="285"/>
                  <a:pt x="389" y="285"/>
                </a:cubicBezTo>
                <a:cubicBezTo>
                  <a:pt x="394" y="284"/>
                  <a:pt x="398" y="279"/>
                  <a:pt x="398" y="273"/>
                </a:cubicBezTo>
                <a:cubicBezTo>
                  <a:pt x="398" y="139"/>
                  <a:pt x="398" y="139"/>
                  <a:pt x="398" y="139"/>
                </a:cubicBezTo>
                <a:cubicBezTo>
                  <a:pt x="452" y="95"/>
                  <a:pt x="452" y="95"/>
                  <a:pt x="452" y="95"/>
                </a:cubicBezTo>
                <a:cubicBezTo>
                  <a:pt x="456" y="92"/>
                  <a:pt x="458" y="88"/>
                  <a:pt x="457" y="83"/>
                </a:cubicBezTo>
                <a:close/>
                <a:moveTo>
                  <a:pt x="376" y="122"/>
                </a:moveTo>
                <a:cubicBezTo>
                  <a:pt x="373" y="125"/>
                  <a:pt x="371" y="129"/>
                  <a:pt x="371" y="133"/>
                </a:cubicBezTo>
                <a:cubicBezTo>
                  <a:pt x="371" y="263"/>
                  <a:pt x="371" y="263"/>
                  <a:pt x="371" y="263"/>
                </a:cubicBezTo>
                <a:cubicBezTo>
                  <a:pt x="222" y="312"/>
                  <a:pt x="222" y="312"/>
                  <a:pt x="222" y="312"/>
                </a:cubicBezTo>
                <a:cubicBezTo>
                  <a:pt x="222" y="178"/>
                  <a:pt x="222" y="178"/>
                  <a:pt x="222" y="178"/>
                </a:cubicBezTo>
                <a:cubicBezTo>
                  <a:pt x="357" y="141"/>
                  <a:pt x="357" y="141"/>
                  <a:pt x="357" y="141"/>
                </a:cubicBezTo>
                <a:cubicBezTo>
                  <a:pt x="363" y="140"/>
                  <a:pt x="367" y="135"/>
                  <a:pt x="367" y="129"/>
                </a:cubicBezTo>
                <a:cubicBezTo>
                  <a:pt x="367" y="123"/>
                  <a:pt x="364" y="118"/>
                  <a:pt x="359" y="116"/>
                </a:cubicBezTo>
                <a:cubicBezTo>
                  <a:pt x="226" y="64"/>
                  <a:pt x="226" y="64"/>
                  <a:pt x="226" y="64"/>
                </a:cubicBezTo>
                <a:cubicBezTo>
                  <a:pt x="274" y="29"/>
                  <a:pt x="274" y="29"/>
                  <a:pt x="274" y="29"/>
                </a:cubicBezTo>
                <a:cubicBezTo>
                  <a:pt x="418" y="89"/>
                  <a:pt x="418" y="89"/>
                  <a:pt x="418" y="89"/>
                </a:cubicBezTo>
                <a:lnTo>
                  <a:pt x="376" y="122"/>
                </a:ln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8" name="Freeform 164"/>
          <p:cNvSpPr>
            <a:spLocks noChangeAspect="1"/>
          </p:cNvSpPr>
          <p:nvPr userDrawn="1"/>
        </p:nvSpPr>
        <p:spPr bwMode="auto">
          <a:xfrm>
            <a:off x="9448825" y="3849421"/>
            <a:ext cx="393193" cy="393192"/>
          </a:xfrm>
          <a:custGeom>
            <a:avLst/>
            <a:gdLst/>
            <a:ahLst/>
            <a:cxnLst>
              <a:cxn ang="0">
                <a:pos x="307" y="183"/>
              </a:cxn>
              <a:cxn ang="0">
                <a:pos x="256" y="269"/>
              </a:cxn>
              <a:cxn ang="0">
                <a:pos x="207" y="180"/>
              </a:cxn>
              <a:cxn ang="0">
                <a:pos x="141" y="85"/>
              </a:cxn>
              <a:cxn ang="0">
                <a:pos x="27" y="183"/>
              </a:cxn>
              <a:cxn ang="0">
                <a:pos x="331" y="101"/>
              </a:cxn>
              <a:cxn ang="0">
                <a:pos x="369" y="143"/>
              </a:cxn>
              <a:cxn ang="0">
                <a:pos x="369" y="143"/>
              </a:cxn>
              <a:cxn ang="0">
                <a:pos x="371" y="144"/>
              </a:cxn>
              <a:cxn ang="0">
                <a:pos x="373" y="144"/>
              </a:cxn>
              <a:cxn ang="0">
                <a:pos x="375" y="144"/>
              </a:cxn>
              <a:cxn ang="0">
                <a:pos x="377" y="143"/>
              </a:cxn>
              <a:cxn ang="0">
                <a:pos x="379" y="143"/>
              </a:cxn>
              <a:cxn ang="0">
                <a:pos x="380" y="142"/>
              </a:cxn>
              <a:cxn ang="0">
                <a:pos x="382" y="141"/>
              </a:cxn>
              <a:cxn ang="0">
                <a:pos x="383" y="139"/>
              </a:cxn>
              <a:cxn ang="0">
                <a:pos x="384" y="138"/>
              </a:cxn>
              <a:cxn ang="0">
                <a:pos x="385" y="137"/>
              </a:cxn>
              <a:cxn ang="0">
                <a:pos x="386" y="135"/>
              </a:cxn>
              <a:cxn ang="0">
                <a:pos x="386" y="134"/>
              </a:cxn>
              <a:cxn ang="0">
                <a:pos x="387" y="132"/>
              </a:cxn>
              <a:cxn ang="0">
                <a:pos x="387" y="131"/>
              </a:cxn>
              <a:cxn ang="0">
                <a:pos x="363" y="79"/>
              </a:cxn>
              <a:cxn ang="0">
                <a:pos x="197" y="0"/>
              </a:cxn>
              <a:cxn ang="0">
                <a:pos x="86" y="210"/>
              </a:cxn>
              <a:cxn ang="0">
                <a:pos x="141" y="111"/>
              </a:cxn>
              <a:cxn ang="0">
                <a:pos x="185" y="200"/>
              </a:cxn>
              <a:cxn ang="0">
                <a:pos x="307" y="244"/>
              </a:cxn>
              <a:cxn ang="0">
                <a:pos x="197" y="367"/>
              </a:cxn>
              <a:cxn ang="0">
                <a:pos x="69" y="297"/>
              </a:cxn>
              <a:cxn ang="0">
                <a:pos x="29" y="251"/>
              </a:cxn>
              <a:cxn ang="0">
                <a:pos x="27" y="250"/>
              </a:cxn>
              <a:cxn ang="0">
                <a:pos x="21" y="250"/>
              </a:cxn>
              <a:cxn ang="0">
                <a:pos x="19" y="250"/>
              </a:cxn>
              <a:cxn ang="0">
                <a:pos x="18" y="251"/>
              </a:cxn>
              <a:cxn ang="0">
                <a:pos x="16" y="252"/>
              </a:cxn>
              <a:cxn ang="0">
                <a:pos x="15" y="253"/>
              </a:cxn>
              <a:cxn ang="0">
                <a:pos x="13" y="254"/>
              </a:cxn>
              <a:cxn ang="0">
                <a:pos x="11" y="259"/>
              </a:cxn>
              <a:cxn ang="0">
                <a:pos x="4" y="312"/>
              </a:cxn>
              <a:cxn ang="0">
                <a:pos x="30" y="315"/>
              </a:cxn>
              <a:cxn ang="0">
                <a:pos x="197" y="394"/>
              </a:cxn>
            </a:cxnLst>
            <a:rect l="0" t="0" r="r" b="b"/>
            <a:pathLst>
              <a:path w="394" h="394">
                <a:moveTo>
                  <a:pt x="380" y="183"/>
                </a:moveTo>
                <a:cubicBezTo>
                  <a:pt x="307" y="183"/>
                  <a:pt x="307" y="183"/>
                  <a:pt x="307" y="183"/>
                </a:cubicBezTo>
                <a:cubicBezTo>
                  <a:pt x="307" y="183"/>
                  <a:pt x="307" y="183"/>
                  <a:pt x="307" y="183"/>
                </a:cubicBezTo>
                <a:cubicBezTo>
                  <a:pt x="301" y="183"/>
                  <a:pt x="295" y="188"/>
                  <a:pt x="294" y="194"/>
                </a:cubicBezTo>
                <a:cubicBezTo>
                  <a:pt x="294" y="194"/>
                  <a:pt x="290" y="215"/>
                  <a:pt x="282" y="235"/>
                </a:cubicBezTo>
                <a:cubicBezTo>
                  <a:pt x="274" y="256"/>
                  <a:pt x="264" y="269"/>
                  <a:pt x="256" y="269"/>
                </a:cubicBezTo>
                <a:cubicBezTo>
                  <a:pt x="232" y="269"/>
                  <a:pt x="219" y="222"/>
                  <a:pt x="212" y="197"/>
                </a:cubicBezTo>
                <a:cubicBezTo>
                  <a:pt x="211" y="193"/>
                  <a:pt x="211" y="193"/>
                  <a:pt x="211" y="193"/>
                </a:cubicBezTo>
                <a:cubicBezTo>
                  <a:pt x="210" y="189"/>
                  <a:pt x="209" y="185"/>
                  <a:pt x="207" y="180"/>
                </a:cubicBezTo>
                <a:cubicBezTo>
                  <a:pt x="203" y="163"/>
                  <a:pt x="197" y="141"/>
                  <a:pt x="188" y="122"/>
                </a:cubicBezTo>
                <a:cubicBezTo>
                  <a:pt x="176" y="97"/>
                  <a:pt x="160" y="85"/>
                  <a:pt x="141" y="85"/>
                </a:cubicBezTo>
                <a:cubicBezTo>
                  <a:pt x="141" y="85"/>
                  <a:pt x="141" y="85"/>
                  <a:pt x="141" y="85"/>
                </a:cubicBezTo>
                <a:cubicBezTo>
                  <a:pt x="119" y="85"/>
                  <a:pt x="102" y="104"/>
                  <a:pt x="87" y="143"/>
                </a:cubicBezTo>
                <a:cubicBezTo>
                  <a:pt x="81" y="158"/>
                  <a:pt x="77" y="174"/>
                  <a:pt x="75" y="183"/>
                </a:cubicBezTo>
                <a:cubicBezTo>
                  <a:pt x="27" y="183"/>
                  <a:pt x="27" y="183"/>
                  <a:pt x="27" y="183"/>
                </a:cubicBezTo>
                <a:cubicBezTo>
                  <a:pt x="34" y="96"/>
                  <a:pt x="107" y="26"/>
                  <a:pt x="197" y="26"/>
                </a:cubicBezTo>
                <a:cubicBezTo>
                  <a:pt x="256" y="26"/>
                  <a:pt x="309" y="56"/>
                  <a:pt x="340" y="105"/>
                </a:cubicBezTo>
                <a:cubicBezTo>
                  <a:pt x="331" y="101"/>
                  <a:pt x="331" y="101"/>
                  <a:pt x="331" y="101"/>
                </a:cubicBezTo>
                <a:cubicBezTo>
                  <a:pt x="324" y="99"/>
                  <a:pt x="316" y="102"/>
                  <a:pt x="314" y="109"/>
                </a:cubicBezTo>
                <a:cubicBezTo>
                  <a:pt x="311" y="116"/>
                  <a:pt x="315" y="124"/>
                  <a:pt x="322" y="126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69" y="143"/>
                  <a:pt x="369" y="143"/>
                  <a:pt x="369" y="143"/>
                </a:cubicBezTo>
                <a:cubicBezTo>
                  <a:pt x="370" y="143"/>
                  <a:pt x="370" y="143"/>
                  <a:pt x="370" y="144"/>
                </a:cubicBezTo>
                <a:cubicBezTo>
                  <a:pt x="370" y="144"/>
                  <a:pt x="371" y="144"/>
                  <a:pt x="371" y="144"/>
                </a:cubicBezTo>
                <a:cubicBezTo>
                  <a:pt x="371" y="144"/>
                  <a:pt x="371" y="144"/>
                  <a:pt x="371" y="144"/>
                </a:cubicBezTo>
                <a:cubicBezTo>
                  <a:pt x="372" y="144"/>
                  <a:pt x="372" y="144"/>
                  <a:pt x="372" y="144"/>
                </a:cubicBezTo>
                <a:cubicBezTo>
                  <a:pt x="373" y="144"/>
                  <a:pt x="373" y="144"/>
                  <a:pt x="373" y="144"/>
                </a:cubicBezTo>
                <a:cubicBezTo>
                  <a:pt x="373" y="144"/>
                  <a:pt x="373" y="144"/>
                  <a:pt x="373" y="144"/>
                </a:cubicBezTo>
                <a:cubicBezTo>
                  <a:pt x="373" y="144"/>
                  <a:pt x="373" y="144"/>
                  <a:pt x="373" y="144"/>
                </a:cubicBezTo>
                <a:cubicBezTo>
                  <a:pt x="374" y="144"/>
                  <a:pt x="374" y="144"/>
                  <a:pt x="375" y="144"/>
                </a:cubicBezTo>
                <a:cubicBezTo>
                  <a:pt x="375" y="144"/>
                  <a:pt x="375" y="144"/>
                  <a:pt x="375" y="144"/>
                </a:cubicBezTo>
                <a:cubicBezTo>
                  <a:pt x="375" y="144"/>
                  <a:pt x="375" y="144"/>
                  <a:pt x="376" y="144"/>
                </a:cubicBezTo>
                <a:cubicBezTo>
                  <a:pt x="376" y="144"/>
                  <a:pt x="376" y="144"/>
                  <a:pt x="376" y="144"/>
                </a:cubicBezTo>
                <a:cubicBezTo>
                  <a:pt x="376" y="144"/>
                  <a:pt x="377" y="144"/>
                  <a:pt x="377" y="143"/>
                </a:cubicBezTo>
                <a:cubicBezTo>
                  <a:pt x="377" y="143"/>
                  <a:pt x="377" y="143"/>
                  <a:pt x="377" y="143"/>
                </a:cubicBezTo>
                <a:cubicBezTo>
                  <a:pt x="378" y="143"/>
                  <a:pt x="378" y="143"/>
                  <a:pt x="378" y="143"/>
                </a:cubicBezTo>
                <a:cubicBezTo>
                  <a:pt x="378" y="143"/>
                  <a:pt x="378" y="143"/>
                  <a:pt x="379" y="143"/>
                </a:cubicBezTo>
                <a:cubicBezTo>
                  <a:pt x="379" y="143"/>
                  <a:pt x="379" y="143"/>
                  <a:pt x="379" y="143"/>
                </a:cubicBezTo>
                <a:cubicBezTo>
                  <a:pt x="380" y="142"/>
                  <a:pt x="380" y="142"/>
                  <a:pt x="380" y="142"/>
                </a:cubicBezTo>
                <a:cubicBezTo>
                  <a:pt x="380" y="142"/>
                  <a:pt x="380" y="142"/>
                  <a:pt x="380" y="142"/>
                </a:cubicBezTo>
                <a:cubicBezTo>
                  <a:pt x="381" y="142"/>
                  <a:pt x="381" y="142"/>
                  <a:pt x="381" y="142"/>
                </a:cubicBezTo>
                <a:cubicBezTo>
                  <a:pt x="381" y="142"/>
                  <a:pt x="381" y="141"/>
                  <a:pt x="381" y="141"/>
                </a:cubicBezTo>
                <a:cubicBezTo>
                  <a:pt x="381" y="141"/>
                  <a:pt x="382" y="141"/>
                  <a:pt x="382" y="141"/>
                </a:cubicBezTo>
                <a:cubicBezTo>
                  <a:pt x="382" y="141"/>
                  <a:pt x="382" y="141"/>
                  <a:pt x="382" y="140"/>
                </a:cubicBezTo>
                <a:cubicBezTo>
                  <a:pt x="383" y="140"/>
                  <a:pt x="383" y="140"/>
                  <a:pt x="383" y="140"/>
                </a:cubicBezTo>
                <a:cubicBezTo>
                  <a:pt x="383" y="140"/>
                  <a:pt x="383" y="140"/>
                  <a:pt x="383" y="139"/>
                </a:cubicBezTo>
                <a:cubicBezTo>
                  <a:pt x="383" y="139"/>
                  <a:pt x="383" y="139"/>
                  <a:pt x="383" y="139"/>
                </a:cubicBezTo>
                <a:cubicBezTo>
                  <a:pt x="384" y="139"/>
                  <a:pt x="384" y="139"/>
                  <a:pt x="384" y="139"/>
                </a:cubicBezTo>
                <a:cubicBezTo>
                  <a:pt x="384" y="139"/>
                  <a:pt x="384" y="138"/>
                  <a:pt x="384" y="138"/>
                </a:cubicBezTo>
                <a:cubicBezTo>
                  <a:pt x="384" y="138"/>
                  <a:pt x="385" y="138"/>
                  <a:pt x="385" y="138"/>
                </a:cubicBezTo>
                <a:cubicBezTo>
                  <a:pt x="385" y="138"/>
                  <a:pt x="385" y="137"/>
                  <a:pt x="385" y="137"/>
                </a:cubicBezTo>
                <a:cubicBezTo>
                  <a:pt x="385" y="137"/>
                  <a:pt x="385" y="137"/>
                  <a:pt x="385" y="137"/>
                </a:cubicBezTo>
                <a:cubicBezTo>
                  <a:pt x="385" y="137"/>
                  <a:pt x="385" y="136"/>
                  <a:pt x="385" y="136"/>
                </a:cubicBezTo>
                <a:cubicBezTo>
                  <a:pt x="386" y="136"/>
                  <a:pt x="386" y="136"/>
                  <a:pt x="386" y="136"/>
                </a:cubicBezTo>
                <a:cubicBezTo>
                  <a:pt x="386" y="135"/>
                  <a:pt x="386" y="135"/>
                  <a:pt x="386" y="135"/>
                </a:cubicBezTo>
                <a:cubicBezTo>
                  <a:pt x="386" y="135"/>
                  <a:pt x="386" y="135"/>
                  <a:pt x="386" y="135"/>
                </a:cubicBezTo>
                <a:cubicBezTo>
                  <a:pt x="386" y="135"/>
                  <a:pt x="386" y="135"/>
                  <a:pt x="386" y="135"/>
                </a:cubicBezTo>
                <a:cubicBezTo>
                  <a:pt x="386" y="135"/>
                  <a:pt x="386" y="134"/>
                  <a:pt x="386" y="134"/>
                </a:cubicBezTo>
                <a:cubicBezTo>
                  <a:pt x="386" y="134"/>
                  <a:pt x="386" y="134"/>
                  <a:pt x="386" y="133"/>
                </a:cubicBezTo>
                <a:cubicBezTo>
                  <a:pt x="386" y="133"/>
                  <a:pt x="387" y="133"/>
                  <a:pt x="387" y="133"/>
                </a:cubicBezTo>
                <a:cubicBezTo>
                  <a:pt x="387" y="132"/>
                  <a:pt x="387" y="132"/>
                  <a:pt x="387" y="132"/>
                </a:cubicBezTo>
                <a:cubicBezTo>
                  <a:pt x="387" y="132"/>
                  <a:pt x="387" y="132"/>
                  <a:pt x="387" y="131"/>
                </a:cubicBezTo>
                <a:cubicBezTo>
                  <a:pt x="387" y="131"/>
                  <a:pt x="387" y="131"/>
                  <a:pt x="387" y="131"/>
                </a:cubicBezTo>
                <a:cubicBezTo>
                  <a:pt x="387" y="131"/>
                  <a:pt x="387" y="131"/>
                  <a:pt x="387" y="131"/>
                </a:cubicBezTo>
                <a:cubicBezTo>
                  <a:pt x="390" y="81"/>
                  <a:pt x="390" y="81"/>
                  <a:pt x="390" y="81"/>
                </a:cubicBezTo>
                <a:cubicBezTo>
                  <a:pt x="390" y="73"/>
                  <a:pt x="385" y="67"/>
                  <a:pt x="377" y="66"/>
                </a:cubicBezTo>
                <a:cubicBezTo>
                  <a:pt x="370" y="66"/>
                  <a:pt x="364" y="72"/>
                  <a:pt x="363" y="79"/>
                </a:cubicBezTo>
                <a:cubicBezTo>
                  <a:pt x="363" y="90"/>
                  <a:pt x="363" y="90"/>
                  <a:pt x="363" y="90"/>
                </a:cubicBezTo>
                <a:cubicBezTo>
                  <a:pt x="347" y="66"/>
                  <a:pt x="327" y="46"/>
                  <a:pt x="303" y="30"/>
                </a:cubicBezTo>
                <a:cubicBezTo>
                  <a:pt x="271" y="10"/>
                  <a:pt x="234" y="0"/>
                  <a:pt x="197" y="0"/>
                </a:cubicBezTo>
                <a:cubicBezTo>
                  <a:pt x="88" y="0"/>
                  <a:pt x="0" y="88"/>
                  <a:pt x="0" y="197"/>
                </a:cubicBezTo>
                <a:cubicBezTo>
                  <a:pt x="0" y="204"/>
                  <a:pt x="6" y="210"/>
                  <a:pt x="13" y="210"/>
                </a:cubicBezTo>
                <a:cubicBezTo>
                  <a:pt x="86" y="210"/>
                  <a:pt x="86" y="210"/>
                  <a:pt x="86" y="210"/>
                </a:cubicBezTo>
                <a:cubicBezTo>
                  <a:pt x="92" y="210"/>
                  <a:pt x="97" y="206"/>
                  <a:pt x="99" y="199"/>
                </a:cubicBezTo>
                <a:cubicBezTo>
                  <a:pt x="99" y="199"/>
                  <a:pt x="103" y="175"/>
                  <a:pt x="112" y="152"/>
                </a:cubicBezTo>
                <a:cubicBezTo>
                  <a:pt x="124" y="122"/>
                  <a:pt x="135" y="111"/>
                  <a:pt x="141" y="111"/>
                </a:cubicBezTo>
                <a:cubicBezTo>
                  <a:pt x="141" y="111"/>
                  <a:pt x="141" y="111"/>
                  <a:pt x="141" y="111"/>
                </a:cubicBezTo>
                <a:cubicBezTo>
                  <a:pt x="162" y="111"/>
                  <a:pt x="175" y="161"/>
                  <a:pt x="182" y="187"/>
                </a:cubicBezTo>
                <a:cubicBezTo>
                  <a:pt x="183" y="192"/>
                  <a:pt x="184" y="196"/>
                  <a:pt x="185" y="200"/>
                </a:cubicBezTo>
                <a:cubicBezTo>
                  <a:pt x="186" y="205"/>
                  <a:pt x="186" y="205"/>
                  <a:pt x="186" y="205"/>
                </a:cubicBezTo>
                <a:cubicBezTo>
                  <a:pt x="196" y="239"/>
                  <a:pt x="212" y="295"/>
                  <a:pt x="256" y="295"/>
                </a:cubicBezTo>
                <a:cubicBezTo>
                  <a:pt x="277" y="295"/>
                  <a:pt x="294" y="278"/>
                  <a:pt x="307" y="244"/>
                </a:cubicBezTo>
                <a:cubicBezTo>
                  <a:pt x="312" y="231"/>
                  <a:pt x="316" y="219"/>
                  <a:pt x="318" y="210"/>
                </a:cubicBezTo>
                <a:cubicBezTo>
                  <a:pt x="367" y="210"/>
                  <a:pt x="367" y="210"/>
                  <a:pt x="367" y="210"/>
                </a:cubicBezTo>
                <a:cubicBezTo>
                  <a:pt x="360" y="298"/>
                  <a:pt x="286" y="367"/>
                  <a:pt x="197" y="367"/>
                </a:cubicBezTo>
                <a:cubicBezTo>
                  <a:pt x="140" y="367"/>
                  <a:pt x="87" y="338"/>
                  <a:pt x="55" y="292"/>
                </a:cubicBezTo>
                <a:cubicBezTo>
                  <a:pt x="63" y="295"/>
                  <a:pt x="63" y="295"/>
                  <a:pt x="63" y="295"/>
                </a:cubicBezTo>
                <a:cubicBezTo>
                  <a:pt x="65" y="296"/>
                  <a:pt x="67" y="297"/>
                  <a:pt x="69" y="297"/>
                </a:cubicBezTo>
                <a:cubicBezTo>
                  <a:pt x="74" y="297"/>
                  <a:pt x="78" y="294"/>
                  <a:pt x="81" y="289"/>
                </a:cubicBezTo>
                <a:cubicBezTo>
                  <a:pt x="84" y="282"/>
                  <a:pt x="81" y="274"/>
                  <a:pt x="74" y="271"/>
                </a:cubicBezTo>
                <a:cubicBezTo>
                  <a:pt x="29" y="251"/>
                  <a:pt x="29" y="251"/>
                  <a:pt x="29" y="251"/>
                </a:cubicBezTo>
                <a:cubicBezTo>
                  <a:pt x="29" y="250"/>
                  <a:pt x="28" y="250"/>
                  <a:pt x="28" y="250"/>
                </a:cubicBezTo>
                <a:cubicBezTo>
                  <a:pt x="28" y="250"/>
                  <a:pt x="28" y="250"/>
                  <a:pt x="27" y="250"/>
                </a:cubicBezTo>
                <a:cubicBezTo>
                  <a:pt x="27" y="250"/>
                  <a:pt x="27" y="250"/>
                  <a:pt x="27" y="250"/>
                </a:cubicBezTo>
                <a:cubicBezTo>
                  <a:pt x="25" y="249"/>
                  <a:pt x="24" y="249"/>
                  <a:pt x="23" y="249"/>
                </a:cubicBezTo>
                <a:cubicBezTo>
                  <a:pt x="22" y="249"/>
                  <a:pt x="22" y="250"/>
                  <a:pt x="22" y="250"/>
                </a:cubicBezTo>
                <a:cubicBezTo>
                  <a:pt x="22" y="250"/>
                  <a:pt x="21" y="250"/>
                  <a:pt x="21" y="250"/>
                </a:cubicBezTo>
                <a:cubicBezTo>
                  <a:pt x="21" y="250"/>
                  <a:pt x="21" y="250"/>
                  <a:pt x="20" y="250"/>
                </a:cubicBezTo>
                <a:cubicBezTo>
                  <a:pt x="20" y="250"/>
                  <a:pt x="20" y="250"/>
                  <a:pt x="20" y="250"/>
                </a:cubicBezTo>
                <a:cubicBezTo>
                  <a:pt x="20" y="250"/>
                  <a:pt x="19" y="250"/>
                  <a:pt x="19" y="250"/>
                </a:cubicBezTo>
                <a:cubicBezTo>
                  <a:pt x="19" y="250"/>
                  <a:pt x="19" y="250"/>
                  <a:pt x="19" y="250"/>
                </a:cubicBezTo>
                <a:cubicBezTo>
                  <a:pt x="19" y="250"/>
                  <a:pt x="18" y="250"/>
                  <a:pt x="18" y="251"/>
                </a:cubicBezTo>
                <a:cubicBezTo>
                  <a:pt x="18" y="251"/>
                  <a:pt x="18" y="251"/>
                  <a:pt x="18" y="251"/>
                </a:cubicBezTo>
                <a:cubicBezTo>
                  <a:pt x="18" y="251"/>
                  <a:pt x="17" y="251"/>
                  <a:pt x="17" y="251"/>
                </a:cubicBezTo>
                <a:cubicBezTo>
                  <a:pt x="17" y="251"/>
                  <a:pt x="17" y="251"/>
                  <a:pt x="17" y="251"/>
                </a:cubicBezTo>
                <a:cubicBezTo>
                  <a:pt x="16" y="252"/>
                  <a:pt x="16" y="252"/>
                  <a:pt x="16" y="252"/>
                </a:cubicBezTo>
                <a:cubicBezTo>
                  <a:pt x="16" y="252"/>
                  <a:pt x="16" y="252"/>
                  <a:pt x="15" y="252"/>
                </a:cubicBezTo>
                <a:cubicBezTo>
                  <a:pt x="15" y="252"/>
                  <a:pt x="15" y="252"/>
                  <a:pt x="15" y="252"/>
                </a:cubicBezTo>
                <a:cubicBezTo>
                  <a:pt x="15" y="253"/>
                  <a:pt x="15" y="253"/>
                  <a:pt x="15" y="253"/>
                </a:cubicBezTo>
                <a:cubicBezTo>
                  <a:pt x="14" y="253"/>
                  <a:pt x="14" y="253"/>
                  <a:pt x="14" y="253"/>
                </a:cubicBezTo>
                <a:cubicBezTo>
                  <a:pt x="14" y="253"/>
                  <a:pt x="14" y="254"/>
                  <a:pt x="14" y="254"/>
                </a:cubicBezTo>
                <a:cubicBezTo>
                  <a:pt x="14" y="254"/>
                  <a:pt x="14" y="254"/>
                  <a:pt x="13" y="254"/>
                </a:cubicBezTo>
                <a:cubicBezTo>
                  <a:pt x="13" y="254"/>
                  <a:pt x="13" y="255"/>
                  <a:pt x="13" y="255"/>
                </a:cubicBezTo>
                <a:cubicBezTo>
                  <a:pt x="12" y="256"/>
                  <a:pt x="11" y="257"/>
                  <a:pt x="11" y="258"/>
                </a:cubicBezTo>
                <a:cubicBezTo>
                  <a:pt x="11" y="259"/>
                  <a:pt x="11" y="259"/>
                  <a:pt x="11" y="259"/>
                </a:cubicBezTo>
                <a:cubicBezTo>
                  <a:pt x="11" y="259"/>
                  <a:pt x="11" y="260"/>
                  <a:pt x="11" y="260"/>
                </a:cubicBezTo>
                <a:cubicBezTo>
                  <a:pt x="11" y="260"/>
                  <a:pt x="10" y="261"/>
                  <a:pt x="10" y="261"/>
                </a:cubicBezTo>
                <a:cubicBezTo>
                  <a:pt x="4" y="312"/>
                  <a:pt x="4" y="312"/>
                  <a:pt x="4" y="312"/>
                </a:cubicBezTo>
                <a:cubicBezTo>
                  <a:pt x="3" y="319"/>
                  <a:pt x="8" y="326"/>
                  <a:pt x="15" y="327"/>
                </a:cubicBezTo>
                <a:cubicBezTo>
                  <a:pt x="16" y="327"/>
                  <a:pt x="16" y="327"/>
                  <a:pt x="17" y="327"/>
                </a:cubicBezTo>
                <a:cubicBezTo>
                  <a:pt x="24" y="327"/>
                  <a:pt x="29" y="322"/>
                  <a:pt x="30" y="315"/>
                </a:cubicBezTo>
                <a:cubicBezTo>
                  <a:pt x="32" y="304"/>
                  <a:pt x="32" y="304"/>
                  <a:pt x="32" y="304"/>
                </a:cubicBezTo>
                <a:cubicBezTo>
                  <a:pt x="47" y="328"/>
                  <a:pt x="67" y="347"/>
                  <a:pt x="90" y="363"/>
                </a:cubicBezTo>
                <a:cubicBezTo>
                  <a:pt x="122" y="383"/>
                  <a:pt x="159" y="394"/>
                  <a:pt x="197" y="394"/>
                </a:cubicBezTo>
                <a:cubicBezTo>
                  <a:pt x="305" y="394"/>
                  <a:pt x="394" y="305"/>
                  <a:pt x="394" y="197"/>
                </a:cubicBezTo>
                <a:cubicBezTo>
                  <a:pt x="394" y="189"/>
                  <a:pt x="388" y="183"/>
                  <a:pt x="380" y="183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9" name="TextBox 338"/>
          <p:cNvSpPr txBox="1"/>
          <p:nvPr userDrawn="1"/>
        </p:nvSpPr>
        <p:spPr>
          <a:xfrm>
            <a:off x="9132750" y="4284666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rosumer</a:t>
            </a: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en-US" sz="800" b="1" dirty="0" err="1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icrogrid</a:t>
            </a:r>
            <a:endParaRPr lang="en-US" sz="800" b="1" dirty="0">
              <a:solidFill>
                <a:schemeClr val="bg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40" name="TextBox 339"/>
          <p:cNvSpPr txBox="1"/>
          <p:nvPr userDrawn="1"/>
        </p:nvSpPr>
        <p:spPr>
          <a:xfrm>
            <a:off x="7204193" y="4284666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ackaging control</a:t>
            </a:r>
          </a:p>
        </p:txBody>
      </p:sp>
      <p:sp>
        <p:nvSpPr>
          <p:cNvPr id="341" name="TextBox 340"/>
          <p:cNvSpPr txBox="1"/>
          <p:nvPr userDrawn="1"/>
        </p:nvSpPr>
        <p:spPr>
          <a:xfrm>
            <a:off x="11024264" y="3463575"/>
            <a:ext cx="1045826" cy="246221"/>
          </a:xfrm>
          <a:prstGeom prst="rect">
            <a:avLst/>
          </a:prstGeom>
          <a:noFill/>
        </p:spPr>
        <p:txBody>
          <a:bodyPr wrap="square" tIns="0" bIns="0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terial</a:t>
            </a:r>
            <a:b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</a:br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working</a:t>
            </a:r>
          </a:p>
        </p:txBody>
      </p:sp>
      <p:sp>
        <p:nvSpPr>
          <p:cNvPr id="342" name="Freeform 673"/>
          <p:cNvSpPr>
            <a:spLocks noEditPoints="1"/>
          </p:cNvSpPr>
          <p:nvPr userDrawn="1"/>
        </p:nvSpPr>
        <p:spPr bwMode="auto">
          <a:xfrm>
            <a:off x="7572046" y="5579234"/>
            <a:ext cx="386320" cy="504066"/>
          </a:xfrm>
          <a:custGeom>
            <a:avLst/>
            <a:gdLst/>
            <a:ahLst/>
            <a:cxnLst>
              <a:cxn ang="0">
                <a:pos x="313" y="120"/>
              </a:cxn>
              <a:cxn ang="0">
                <a:pos x="299" y="120"/>
              </a:cxn>
              <a:cxn ang="0">
                <a:pos x="196" y="181"/>
              </a:cxn>
              <a:cxn ang="0">
                <a:pos x="191" y="199"/>
              </a:cxn>
              <a:cxn ang="0">
                <a:pos x="210" y="204"/>
              </a:cxn>
              <a:cxn ang="0">
                <a:pos x="291" y="156"/>
              </a:cxn>
              <a:cxn ang="0">
                <a:pos x="279" y="343"/>
              </a:cxn>
              <a:cxn ang="0">
                <a:pos x="179" y="421"/>
              </a:cxn>
              <a:cxn ang="0">
                <a:pos x="179" y="172"/>
              </a:cxn>
              <a:cxn ang="0">
                <a:pos x="313" y="94"/>
              </a:cxn>
              <a:cxn ang="0">
                <a:pos x="320" y="82"/>
              </a:cxn>
              <a:cxn ang="0">
                <a:pos x="320" y="82"/>
              </a:cxn>
              <a:cxn ang="0">
                <a:pos x="312" y="70"/>
              </a:cxn>
              <a:cxn ang="0">
                <a:pos x="157" y="2"/>
              </a:cxn>
              <a:cxn ang="0">
                <a:pos x="145" y="2"/>
              </a:cxn>
              <a:cxn ang="0">
                <a:pos x="8" y="69"/>
              </a:cxn>
              <a:cxn ang="0">
                <a:pos x="1" y="82"/>
              </a:cxn>
              <a:cxn ang="0">
                <a:pos x="18" y="362"/>
              </a:cxn>
              <a:cxn ang="0">
                <a:pos x="24" y="373"/>
              </a:cxn>
              <a:cxn ang="0">
                <a:pos x="115" y="437"/>
              </a:cxn>
              <a:cxn ang="0">
                <a:pos x="129" y="438"/>
              </a:cxn>
              <a:cxn ang="0">
                <a:pos x="136" y="426"/>
              </a:cxn>
              <a:cxn ang="0">
                <a:pos x="136" y="177"/>
              </a:cxn>
              <a:cxn ang="0">
                <a:pos x="123" y="163"/>
              </a:cxn>
              <a:cxn ang="0">
                <a:pos x="110" y="177"/>
              </a:cxn>
              <a:cxn ang="0">
                <a:pos x="110" y="400"/>
              </a:cxn>
              <a:cxn ang="0">
                <a:pos x="44" y="354"/>
              </a:cxn>
              <a:cxn ang="0">
                <a:pos x="28" y="89"/>
              </a:cxn>
              <a:cxn ang="0">
                <a:pos x="151" y="29"/>
              </a:cxn>
              <a:cxn ang="0">
                <a:pos x="277" y="84"/>
              </a:cxn>
              <a:cxn ang="0">
                <a:pos x="159" y="152"/>
              </a:cxn>
              <a:cxn ang="0">
                <a:pos x="153" y="164"/>
              </a:cxn>
              <a:cxn ang="0">
                <a:pos x="152" y="449"/>
              </a:cxn>
              <a:cxn ang="0">
                <a:pos x="160" y="461"/>
              </a:cxn>
              <a:cxn ang="0">
                <a:pos x="174" y="459"/>
              </a:cxn>
              <a:cxn ang="0">
                <a:pos x="300" y="360"/>
              </a:cxn>
              <a:cxn ang="0">
                <a:pos x="305" y="350"/>
              </a:cxn>
              <a:cxn ang="0">
                <a:pos x="319" y="132"/>
              </a:cxn>
              <a:cxn ang="0">
                <a:pos x="313" y="120"/>
              </a:cxn>
              <a:cxn ang="0">
                <a:pos x="274" y="279"/>
              </a:cxn>
              <a:cxn ang="0">
                <a:pos x="275" y="256"/>
              </a:cxn>
              <a:cxn ang="0">
                <a:pos x="262" y="242"/>
              </a:cxn>
              <a:cxn ang="0">
                <a:pos x="248" y="255"/>
              </a:cxn>
              <a:cxn ang="0">
                <a:pos x="247" y="278"/>
              </a:cxn>
              <a:cxn ang="0">
                <a:pos x="260" y="292"/>
              </a:cxn>
              <a:cxn ang="0">
                <a:pos x="274" y="279"/>
              </a:cxn>
            </a:cxnLst>
            <a:rect l="0" t="0" r="r" b="b"/>
            <a:pathLst>
              <a:path w="320" h="463">
                <a:moveTo>
                  <a:pt x="313" y="120"/>
                </a:moveTo>
                <a:cubicBezTo>
                  <a:pt x="309" y="117"/>
                  <a:pt x="303" y="117"/>
                  <a:pt x="299" y="120"/>
                </a:cubicBezTo>
                <a:cubicBezTo>
                  <a:pt x="196" y="181"/>
                  <a:pt x="196" y="181"/>
                  <a:pt x="196" y="181"/>
                </a:cubicBezTo>
                <a:cubicBezTo>
                  <a:pt x="190" y="185"/>
                  <a:pt x="188" y="193"/>
                  <a:pt x="191" y="199"/>
                </a:cubicBezTo>
                <a:cubicBezTo>
                  <a:pt x="195" y="206"/>
                  <a:pt x="203" y="208"/>
                  <a:pt x="210" y="204"/>
                </a:cubicBezTo>
                <a:cubicBezTo>
                  <a:pt x="210" y="204"/>
                  <a:pt x="264" y="172"/>
                  <a:pt x="291" y="156"/>
                </a:cubicBezTo>
                <a:cubicBezTo>
                  <a:pt x="288" y="194"/>
                  <a:pt x="279" y="333"/>
                  <a:pt x="279" y="343"/>
                </a:cubicBezTo>
                <a:cubicBezTo>
                  <a:pt x="271" y="348"/>
                  <a:pt x="207" y="399"/>
                  <a:pt x="179" y="421"/>
                </a:cubicBezTo>
                <a:cubicBezTo>
                  <a:pt x="179" y="378"/>
                  <a:pt x="179" y="185"/>
                  <a:pt x="179" y="172"/>
                </a:cubicBezTo>
                <a:cubicBezTo>
                  <a:pt x="191" y="165"/>
                  <a:pt x="313" y="94"/>
                  <a:pt x="313" y="94"/>
                </a:cubicBezTo>
                <a:cubicBezTo>
                  <a:pt x="317" y="91"/>
                  <a:pt x="320" y="87"/>
                  <a:pt x="320" y="82"/>
                </a:cubicBezTo>
                <a:cubicBezTo>
                  <a:pt x="320" y="82"/>
                  <a:pt x="320" y="82"/>
                  <a:pt x="320" y="82"/>
                </a:cubicBezTo>
                <a:cubicBezTo>
                  <a:pt x="320" y="77"/>
                  <a:pt x="317" y="72"/>
                  <a:pt x="312" y="70"/>
                </a:cubicBezTo>
                <a:cubicBezTo>
                  <a:pt x="157" y="2"/>
                  <a:pt x="157" y="2"/>
                  <a:pt x="157" y="2"/>
                </a:cubicBezTo>
                <a:cubicBezTo>
                  <a:pt x="153" y="0"/>
                  <a:pt x="149" y="0"/>
                  <a:pt x="145" y="2"/>
                </a:cubicBezTo>
                <a:cubicBezTo>
                  <a:pt x="8" y="69"/>
                  <a:pt x="8" y="69"/>
                  <a:pt x="8" y="69"/>
                </a:cubicBezTo>
                <a:cubicBezTo>
                  <a:pt x="3" y="71"/>
                  <a:pt x="0" y="77"/>
                  <a:pt x="1" y="82"/>
                </a:cubicBezTo>
                <a:cubicBezTo>
                  <a:pt x="18" y="362"/>
                  <a:pt x="18" y="362"/>
                  <a:pt x="18" y="362"/>
                </a:cubicBezTo>
                <a:cubicBezTo>
                  <a:pt x="19" y="367"/>
                  <a:pt x="21" y="370"/>
                  <a:pt x="24" y="373"/>
                </a:cubicBezTo>
                <a:cubicBezTo>
                  <a:pt x="115" y="437"/>
                  <a:pt x="115" y="437"/>
                  <a:pt x="115" y="437"/>
                </a:cubicBezTo>
                <a:cubicBezTo>
                  <a:pt x="119" y="439"/>
                  <a:pt x="125" y="440"/>
                  <a:pt x="129" y="438"/>
                </a:cubicBezTo>
                <a:cubicBezTo>
                  <a:pt x="134" y="435"/>
                  <a:pt x="136" y="431"/>
                  <a:pt x="136" y="426"/>
                </a:cubicBezTo>
                <a:cubicBezTo>
                  <a:pt x="136" y="177"/>
                  <a:pt x="136" y="177"/>
                  <a:pt x="136" y="177"/>
                </a:cubicBezTo>
                <a:cubicBezTo>
                  <a:pt x="136" y="169"/>
                  <a:pt x="130" y="163"/>
                  <a:pt x="123" y="163"/>
                </a:cubicBezTo>
                <a:cubicBezTo>
                  <a:pt x="116" y="163"/>
                  <a:pt x="110" y="169"/>
                  <a:pt x="110" y="177"/>
                </a:cubicBezTo>
                <a:cubicBezTo>
                  <a:pt x="110" y="177"/>
                  <a:pt x="110" y="359"/>
                  <a:pt x="110" y="400"/>
                </a:cubicBezTo>
                <a:cubicBezTo>
                  <a:pt x="87" y="384"/>
                  <a:pt x="52" y="359"/>
                  <a:pt x="44" y="354"/>
                </a:cubicBezTo>
                <a:cubicBezTo>
                  <a:pt x="44" y="343"/>
                  <a:pt x="29" y="105"/>
                  <a:pt x="28" y="89"/>
                </a:cubicBezTo>
                <a:cubicBezTo>
                  <a:pt x="41" y="83"/>
                  <a:pt x="142" y="33"/>
                  <a:pt x="151" y="29"/>
                </a:cubicBezTo>
                <a:cubicBezTo>
                  <a:pt x="160" y="32"/>
                  <a:pt x="244" y="69"/>
                  <a:pt x="277" y="84"/>
                </a:cubicBezTo>
                <a:cubicBezTo>
                  <a:pt x="245" y="102"/>
                  <a:pt x="159" y="152"/>
                  <a:pt x="159" y="152"/>
                </a:cubicBezTo>
                <a:cubicBezTo>
                  <a:pt x="155" y="155"/>
                  <a:pt x="153" y="159"/>
                  <a:pt x="153" y="164"/>
                </a:cubicBezTo>
                <a:cubicBezTo>
                  <a:pt x="153" y="164"/>
                  <a:pt x="152" y="449"/>
                  <a:pt x="152" y="449"/>
                </a:cubicBezTo>
                <a:cubicBezTo>
                  <a:pt x="152" y="454"/>
                  <a:pt x="155" y="459"/>
                  <a:pt x="160" y="461"/>
                </a:cubicBezTo>
                <a:cubicBezTo>
                  <a:pt x="164" y="463"/>
                  <a:pt x="170" y="462"/>
                  <a:pt x="174" y="459"/>
                </a:cubicBezTo>
                <a:cubicBezTo>
                  <a:pt x="300" y="360"/>
                  <a:pt x="300" y="360"/>
                  <a:pt x="300" y="360"/>
                </a:cubicBezTo>
                <a:cubicBezTo>
                  <a:pt x="303" y="358"/>
                  <a:pt x="304" y="354"/>
                  <a:pt x="305" y="350"/>
                </a:cubicBezTo>
                <a:cubicBezTo>
                  <a:pt x="319" y="132"/>
                  <a:pt x="319" y="132"/>
                  <a:pt x="319" y="132"/>
                </a:cubicBezTo>
                <a:cubicBezTo>
                  <a:pt x="320" y="127"/>
                  <a:pt x="317" y="122"/>
                  <a:pt x="313" y="120"/>
                </a:cubicBezTo>
                <a:close/>
                <a:moveTo>
                  <a:pt x="274" y="279"/>
                </a:moveTo>
                <a:cubicBezTo>
                  <a:pt x="275" y="256"/>
                  <a:pt x="275" y="256"/>
                  <a:pt x="275" y="256"/>
                </a:cubicBezTo>
                <a:cubicBezTo>
                  <a:pt x="275" y="249"/>
                  <a:pt x="270" y="242"/>
                  <a:pt x="262" y="242"/>
                </a:cubicBezTo>
                <a:cubicBezTo>
                  <a:pt x="255" y="242"/>
                  <a:pt x="249" y="247"/>
                  <a:pt x="248" y="255"/>
                </a:cubicBezTo>
                <a:cubicBezTo>
                  <a:pt x="247" y="278"/>
                  <a:pt x="247" y="278"/>
                  <a:pt x="247" y="278"/>
                </a:cubicBezTo>
                <a:cubicBezTo>
                  <a:pt x="247" y="285"/>
                  <a:pt x="253" y="291"/>
                  <a:pt x="260" y="292"/>
                </a:cubicBezTo>
                <a:cubicBezTo>
                  <a:pt x="267" y="292"/>
                  <a:pt x="273" y="286"/>
                  <a:pt x="274" y="279"/>
                </a:cubicBezTo>
                <a:close/>
              </a:path>
            </a:pathLst>
          </a:custGeom>
          <a:solidFill>
            <a:srgbClr val="FFFFFF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algn="ctr" defTabSz="914400" rtl="0" eaLnBrk="1" latinLnBrk="0" hangingPunct="1"/>
            <a:endParaRPr lang="en-US" sz="1800" kern="120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343" name="TextBox 342"/>
          <p:cNvSpPr txBox="1"/>
          <p:nvPr userDrawn="1"/>
        </p:nvSpPr>
        <p:spPr>
          <a:xfrm>
            <a:off x="7310737" y="6054246"/>
            <a:ext cx="908938" cy="215444"/>
          </a:xfrm>
          <a:prstGeom prst="rect">
            <a:avLst/>
          </a:prstGeom>
          <a:noFill/>
        </p:spPr>
        <p:txBody>
          <a:bodyPr wrap="square" rtlCol="0" anchor="b" anchorCtr="0">
            <a:spAutoFit/>
          </a:bodyPr>
          <a:lstStyle/>
          <a:p>
            <a:pPr algn="ctr"/>
            <a:r>
              <a:rPr lang="en-US" sz="800" b="1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Panel builders</a:t>
            </a:r>
          </a:p>
        </p:txBody>
      </p:sp>
      <p:sp>
        <p:nvSpPr>
          <p:cNvPr id="344" name="Rounded Rectangle 343"/>
          <p:cNvSpPr/>
          <p:nvPr userDrawn="1"/>
        </p:nvSpPr>
        <p:spPr>
          <a:xfrm>
            <a:off x="609441" y="4684275"/>
            <a:ext cx="5291299" cy="1611134"/>
          </a:xfrm>
          <a:prstGeom prst="roundRect">
            <a:avLst>
              <a:gd name="adj" fmla="val 9427"/>
            </a:avLst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rIns="0" rtlCol="0" anchor="ctr"/>
          <a:lstStyle/>
          <a:p>
            <a:pPr marL="520700" indent="-292100" algn="l">
              <a:spcAft>
                <a:spcPts val="200"/>
              </a:spcAft>
              <a:tabLst>
                <a:tab pos="173038" algn="l"/>
                <a:tab pos="457200" algn="l"/>
              </a:tabLst>
            </a:pPr>
            <a:r>
              <a:rPr lang="en-US" sz="1600" b="1" dirty="0">
                <a:solidFill>
                  <a:srgbClr val="009530"/>
                </a:solidFill>
              </a:rPr>
              <a:t>To</a:t>
            </a:r>
            <a:r>
              <a:rPr lang="en-US" sz="1600" b="1" baseline="0" dirty="0">
                <a:solidFill>
                  <a:srgbClr val="009530"/>
                </a:solidFill>
              </a:rPr>
              <a:t> add a </a:t>
            </a:r>
            <a:r>
              <a:rPr lang="en-US" sz="1600" b="1" baseline="0" dirty="0" err="1">
                <a:solidFill>
                  <a:srgbClr val="009530"/>
                </a:solidFill>
              </a:rPr>
              <a:t>picto</a:t>
            </a:r>
            <a:r>
              <a:rPr lang="en-US" sz="1600" b="1" baseline="0" dirty="0">
                <a:solidFill>
                  <a:srgbClr val="009530"/>
                </a:solidFill>
              </a:rPr>
              <a:t> to your presentation: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>
                <a:solidFill>
                  <a:srgbClr val="009530"/>
                </a:solidFill>
              </a:rPr>
              <a:t>Select view/slide master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>
                <a:solidFill>
                  <a:srgbClr val="009530"/>
                </a:solidFill>
              </a:rPr>
              <a:t>Go to slide with </a:t>
            </a:r>
            <a:r>
              <a:rPr lang="en-US" sz="1400" baseline="0" dirty="0" err="1">
                <a:solidFill>
                  <a:srgbClr val="009530"/>
                </a:solidFill>
              </a:rPr>
              <a:t>pictos</a:t>
            </a:r>
            <a:endParaRPr lang="en-US" sz="1400" baseline="0" dirty="0">
              <a:solidFill>
                <a:srgbClr val="009530"/>
              </a:solidFill>
            </a:endParaRP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>
                <a:solidFill>
                  <a:srgbClr val="009530"/>
                </a:solidFill>
              </a:rPr>
              <a:t>Select and copy the </a:t>
            </a:r>
            <a:r>
              <a:rPr lang="en-US" sz="1400" baseline="0" dirty="0" err="1">
                <a:solidFill>
                  <a:srgbClr val="009530"/>
                </a:solidFill>
              </a:rPr>
              <a:t>picto</a:t>
            </a:r>
            <a:r>
              <a:rPr lang="en-US" sz="1400" baseline="0" dirty="0">
                <a:solidFill>
                  <a:srgbClr val="009530"/>
                </a:solidFill>
              </a:rPr>
              <a:t> that you would like to add (ctrl-c)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>
                <a:solidFill>
                  <a:srgbClr val="009530"/>
                </a:solidFill>
              </a:rPr>
              <a:t>Close master view</a:t>
            </a:r>
          </a:p>
          <a:p>
            <a:pPr marL="520700" indent="-292100" algn="l">
              <a:spcAft>
                <a:spcPts val="200"/>
              </a:spcAft>
              <a:buFont typeface="+mj-lt"/>
              <a:buAutoNum type="arabicPeriod"/>
              <a:tabLst>
                <a:tab pos="173038" algn="l"/>
                <a:tab pos="457200" algn="l"/>
              </a:tabLst>
            </a:pPr>
            <a:r>
              <a:rPr lang="en-US" sz="1400" baseline="0" dirty="0">
                <a:solidFill>
                  <a:srgbClr val="009530"/>
                </a:solidFill>
              </a:rPr>
              <a:t>Paste </a:t>
            </a:r>
            <a:r>
              <a:rPr lang="en-US" sz="1400" baseline="0" dirty="0" err="1">
                <a:solidFill>
                  <a:srgbClr val="009530"/>
                </a:solidFill>
              </a:rPr>
              <a:t>picto</a:t>
            </a:r>
            <a:r>
              <a:rPr lang="en-US" sz="1400" baseline="0" dirty="0">
                <a:solidFill>
                  <a:srgbClr val="009530"/>
                </a:solidFill>
              </a:rPr>
              <a:t> onto your slide (ctrl-p)</a:t>
            </a:r>
            <a:endParaRPr lang="en-US" sz="1400" dirty="0">
              <a:solidFill>
                <a:srgbClr val="009530"/>
              </a:solidFill>
            </a:endParaRPr>
          </a:p>
        </p:txBody>
      </p:sp>
      <p:sp>
        <p:nvSpPr>
          <p:cNvPr id="345" name="TextBox 344"/>
          <p:cNvSpPr txBox="1"/>
          <p:nvPr userDrawn="1"/>
        </p:nvSpPr>
        <p:spPr>
          <a:xfrm>
            <a:off x="523421" y="1235445"/>
            <a:ext cx="82312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rkets</a:t>
            </a:r>
          </a:p>
        </p:txBody>
      </p:sp>
      <p:sp>
        <p:nvSpPr>
          <p:cNvPr id="346" name="TextBox 345"/>
          <p:cNvSpPr txBox="1"/>
          <p:nvPr userDrawn="1"/>
        </p:nvSpPr>
        <p:spPr>
          <a:xfrm>
            <a:off x="366227" y="2195140"/>
            <a:ext cx="9930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Market </a:t>
            </a:r>
          </a:p>
          <a:p>
            <a:pPr algn="r"/>
            <a:r>
              <a:rPr lang="en-US" sz="14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Segments</a:t>
            </a:r>
          </a:p>
        </p:txBody>
      </p:sp>
      <p:sp>
        <p:nvSpPr>
          <p:cNvPr id="347" name="TextBox 346"/>
          <p:cNvSpPr txBox="1"/>
          <p:nvPr userDrawn="1"/>
        </p:nvSpPr>
        <p:spPr>
          <a:xfrm>
            <a:off x="6476196" y="1231262"/>
            <a:ext cx="89308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Domains</a:t>
            </a:r>
          </a:p>
        </p:txBody>
      </p:sp>
      <p:sp>
        <p:nvSpPr>
          <p:cNvPr id="348" name="TextBox 347"/>
          <p:cNvSpPr txBox="1"/>
          <p:nvPr userDrawn="1"/>
        </p:nvSpPr>
        <p:spPr>
          <a:xfrm>
            <a:off x="6216535" y="2187133"/>
            <a:ext cx="115274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Applications</a:t>
            </a:r>
          </a:p>
        </p:txBody>
      </p:sp>
      <p:sp>
        <p:nvSpPr>
          <p:cNvPr id="349" name="TextBox 348"/>
          <p:cNvSpPr txBox="1"/>
          <p:nvPr userDrawn="1"/>
        </p:nvSpPr>
        <p:spPr>
          <a:xfrm>
            <a:off x="6047080" y="5723014"/>
            <a:ext cx="132219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z="14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Intermediaries</a:t>
            </a:r>
          </a:p>
        </p:txBody>
      </p:sp>
      <p:sp>
        <p:nvSpPr>
          <p:cNvPr id="94" name="TextBox 93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95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eric Pictos_Gre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algn="l">
              <a:defRPr/>
            </a:lvl1pPr>
          </a:lstStyle>
          <a:p>
            <a:r>
              <a:rPr lang="en-US" dirty="0"/>
              <a:t>Generic Pictograms and Symbols</a:t>
            </a:r>
            <a:endParaRPr lang="en-US" noProof="0" dirty="0"/>
          </a:p>
        </p:txBody>
      </p:sp>
      <p:sp>
        <p:nvSpPr>
          <p:cNvPr id="5" name="Freeform 171"/>
          <p:cNvSpPr>
            <a:spLocks/>
          </p:cNvSpPr>
          <p:nvPr userDrawn="1"/>
        </p:nvSpPr>
        <p:spPr bwMode="auto">
          <a:xfrm>
            <a:off x="553108" y="1163244"/>
            <a:ext cx="466725" cy="517525"/>
          </a:xfrm>
          <a:custGeom>
            <a:avLst/>
            <a:gdLst/>
            <a:ahLst/>
            <a:cxnLst>
              <a:cxn ang="0">
                <a:pos x="201" y="427"/>
              </a:cxn>
              <a:cxn ang="0">
                <a:pos x="166" y="301"/>
              </a:cxn>
              <a:cxn ang="0">
                <a:pos x="141" y="194"/>
              </a:cxn>
              <a:cxn ang="0">
                <a:pos x="128" y="238"/>
              </a:cxn>
              <a:cxn ang="0">
                <a:pos x="50" y="224"/>
              </a:cxn>
              <a:cxn ang="0">
                <a:pos x="63" y="122"/>
              </a:cxn>
              <a:cxn ang="0">
                <a:pos x="166" y="106"/>
              </a:cxn>
              <a:cxn ang="0">
                <a:pos x="39" y="97"/>
              </a:cxn>
              <a:cxn ang="0">
                <a:pos x="27" y="106"/>
              </a:cxn>
              <a:cxn ang="0">
                <a:pos x="115" y="416"/>
              </a:cxn>
              <a:cxn ang="0">
                <a:pos x="142" y="323"/>
              </a:cxn>
              <a:cxn ang="0">
                <a:pos x="129" y="442"/>
              </a:cxn>
              <a:cxn ang="0">
                <a:pos x="0" y="429"/>
              </a:cxn>
              <a:cxn ang="0">
                <a:pos x="39" y="70"/>
              </a:cxn>
              <a:cxn ang="0">
                <a:pos x="183" y="81"/>
              </a:cxn>
              <a:cxn ang="0">
                <a:pos x="179" y="148"/>
              </a:cxn>
              <a:cxn ang="0">
                <a:pos x="115" y="180"/>
              </a:cxn>
              <a:cxn ang="0">
                <a:pos x="179" y="167"/>
              </a:cxn>
              <a:cxn ang="0">
                <a:pos x="193" y="290"/>
              </a:cxn>
              <a:cxn ang="0">
                <a:pos x="193" y="346"/>
              </a:cxn>
              <a:cxn ang="0">
                <a:pos x="284" y="432"/>
              </a:cxn>
              <a:cxn ang="0">
                <a:pos x="333" y="422"/>
              </a:cxn>
              <a:cxn ang="0">
                <a:pos x="365" y="259"/>
              </a:cxn>
              <a:cxn ang="0">
                <a:pos x="303" y="179"/>
              </a:cxn>
              <a:cxn ang="0">
                <a:pos x="312" y="168"/>
              </a:cxn>
              <a:cxn ang="0">
                <a:pos x="321" y="164"/>
              </a:cxn>
              <a:cxn ang="0">
                <a:pos x="348" y="132"/>
              </a:cxn>
              <a:cxn ang="0">
                <a:pos x="349" y="95"/>
              </a:cxn>
              <a:cxn ang="0">
                <a:pos x="344" y="95"/>
              </a:cxn>
              <a:cxn ang="0">
                <a:pos x="330" y="32"/>
              </a:cxn>
              <a:cxn ang="0">
                <a:pos x="326" y="27"/>
              </a:cxn>
              <a:cxn ang="0">
                <a:pos x="321" y="81"/>
              </a:cxn>
              <a:cxn ang="0">
                <a:pos x="308" y="94"/>
              </a:cxn>
              <a:cxn ang="0">
                <a:pos x="261" y="81"/>
              </a:cxn>
              <a:cxn ang="0">
                <a:pos x="257" y="27"/>
              </a:cxn>
              <a:cxn ang="0">
                <a:pos x="252" y="32"/>
              </a:cxn>
              <a:cxn ang="0">
                <a:pos x="237" y="95"/>
              </a:cxn>
              <a:cxn ang="0">
                <a:pos x="233" y="95"/>
              </a:cxn>
              <a:cxn ang="0">
                <a:pos x="234" y="139"/>
              </a:cxn>
              <a:cxn ang="0">
                <a:pos x="240" y="152"/>
              </a:cxn>
              <a:cxn ang="0">
                <a:pos x="271" y="167"/>
              </a:cxn>
              <a:cxn ang="0">
                <a:pos x="264" y="192"/>
              </a:cxn>
              <a:cxn ang="0">
                <a:pos x="209" y="150"/>
              </a:cxn>
              <a:cxn ang="0">
                <a:pos x="207" y="132"/>
              </a:cxn>
              <a:cxn ang="0">
                <a:pos x="210" y="80"/>
              </a:cxn>
              <a:cxn ang="0">
                <a:pos x="225" y="70"/>
              </a:cxn>
              <a:cxn ang="0">
                <a:pos x="257" y="0"/>
              </a:cxn>
              <a:cxn ang="0">
                <a:pos x="287" y="32"/>
              </a:cxn>
              <a:cxn ang="0">
                <a:pos x="295" y="32"/>
              </a:cxn>
              <a:cxn ang="0">
                <a:pos x="348" y="10"/>
              </a:cxn>
              <a:cxn ang="0">
                <a:pos x="356" y="70"/>
              </a:cxn>
              <a:cxn ang="0">
                <a:pos x="375" y="111"/>
              </a:cxn>
              <a:cxn ang="0">
                <a:pos x="368" y="160"/>
              </a:cxn>
              <a:cxn ang="0">
                <a:pos x="388" y="246"/>
              </a:cxn>
              <a:cxn ang="0">
                <a:pos x="398" y="394"/>
              </a:cxn>
              <a:cxn ang="0">
                <a:pos x="285" y="459"/>
              </a:cxn>
            </a:cxnLst>
            <a:rect l="0" t="0" r="r" b="b"/>
            <a:pathLst>
              <a:path w="413" h="459">
                <a:moveTo>
                  <a:pt x="285" y="459"/>
                </a:moveTo>
                <a:cubicBezTo>
                  <a:pt x="285" y="459"/>
                  <a:pt x="284" y="459"/>
                  <a:pt x="284" y="459"/>
                </a:cubicBezTo>
                <a:cubicBezTo>
                  <a:pt x="284" y="459"/>
                  <a:pt x="284" y="459"/>
                  <a:pt x="284" y="459"/>
                </a:cubicBezTo>
                <a:cubicBezTo>
                  <a:pt x="246" y="459"/>
                  <a:pt x="219" y="445"/>
                  <a:pt x="201" y="427"/>
                </a:cubicBezTo>
                <a:cubicBezTo>
                  <a:pt x="201" y="427"/>
                  <a:pt x="201" y="427"/>
                  <a:pt x="201" y="427"/>
                </a:cubicBezTo>
                <a:cubicBezTo>
                  <a:pt x="183" y="409"/>
                  <a:pt x="175" y="388"/>
                  <a:pt x="171" y="372"/>
                </a:cubicBezTo>
                <a:cubicBezTo>
                  <a:pt x="171" y="372"/>
                  <a:pt x="171" y="372"/>
                  <a:pt x="171" y="372"/>
                </a:cubicBezTo>
                <a:cubicBezTo>
                  <a:pt x="168" y="361"/>
                  <a:pt x="167" y="352"/>
                  <a:pt x="167" y="348"/>
                </a:cubicBezTo>
                <a:cubicBezTo>
                  <a:pt x="167" y="348"/>
                  <a:pt x="167" y="348"/>
                  <a:pt x="167" y="348"/>
                </a:cubicBezTo>
                <a:cubicBezTo>
                  <a:pt x="166" y="335"/>
                  <a:pt x="166" y="314"/>
                  <a:pt x="166" y="301"/>
                </a:cubicBezTo>
                <a:cubicBezTo>
                  <a:pt x="166" y="301"/>
                  <a:pt x="166" y="301"/>
                  <a:pt x="166" y="301"/>
                </a:cubicBezTo>
                <a:cubicBezTo>
                  <a:pt x="166" y="294"/>
                  <a:pt x="166" y="290"/>
                  <a:pt x="166" y="290"/>
                </a:cubicBezTo>
                <a:cubicBezTo>
                  <a:pt x="166" y="290"/>
                  <a:pt x="166" y="290"/>
                  <a:pt x="166" y="290"/>
                </a:cubicBezTo>
                <a:cubicBezTo>
                  <a:pt x="166" y="194"/>
                  <a:pt x="166" y="194"/>
                  <a:pt x="166" y="194"/>
                </a:cubicBezTo>
                <a:cubicBezTo>
                  <a:pt x="141" y="194"/>
                  <a:pt x="141" y="194"/>
                  <a:pt x="141" y="194"/>
                </a:cubicBezTo>
                <a:cubicBezTo>
                  <a:pt x="141" y="224"/>
                  <a:pt x="141" y="224"/>
                  <a:pt x="141" y="224"/>
                </a:cubicBezTo>
                <a:cubicBezTo>
                  <a:pt x="141" y="228"/>
                  <a:pt x="140" y="231"/>
                  <a:pt x="137" y="234"/>
                </a:cubicBezTo>
                <a:cubicBezTo>
                  <a:pt x="137" y="234"/>
                  <a:pt x="137" y="234"/>
                  <a:pt x="137" y="234"/>
                </a:cubicBezTo>
                <a:cubicBezTo>
                  <a:pt x="135" y="236"/>
                  <a:pt x="132" y="238"/>
                  <a:pt x="128" y="238"/>
                </a:cubicBezTo>
                <a:cubicBezTo>
                  <a:pt x="128" y="238"/>
                  <a:pt x="128" y="238"/>
                  <a:pt x="128" y="238"/>
                </a:cubicBezTo>
                <a:cubicBezTo>
                  <a:pt x="63" y="238"/>
                  <a:pt x="63" y="238"/>
                  <a:pt x="63" y="238"/>
                </a:cubicBezTo>
                <a:cubicBezTo>
                  <a:pt x="60" y="238"/>
                  <a:pt x="56" y="236"/>
                  <a:pt x="54" y="234"/>
                </a:cubicBezTo>
                <a:cubicBezTo>
                  <a:pt x="54" y="234"/>
                  <a:pt x="54" y="234"/>
                  <a:pt x="54" y="234"/>
                </a:cubicBezTo>
                <a:cubicBezTo>
                  <a:pt x="51" y="231"/>
                  <a:pt x="50" y="228"/>
                  <a:pt x="50" y="224"/>
                </a:cubicBezTo>
                <a:cubicBezTo>
                  <a:pt x="50" y="224"/>
                  <a:pt x="50" y="224"/>
                  <a:pt x="50" y="224"/>
                </a:cubicBezTo>
                <a:cubicBezTo>
                  <a:pt x="50" y="135"/>
                  <a:pt x="50" y="135"/>
                  <a:pt x="50" y="135"/>
                </a:cubicBezTo>
                <a:cubicBezTo>
                  <a:pt x="50" y="131"/>
                  <a:pt x="51" y="128"/>
                  <a:pt x="54" y="126"/>
                </a:cubicBezTo>
                <a:cubicBezTo>
                  <a:pt x="54" y="126"/>
                  <a:pt x="54" y="126"/>
                  <a:pt x="54" y="126"/>
                </a:cubicBezTo>
                <a:cubicBezTo>
                  <a:pt x="56" y="123"/>
                  <a:pt x="60" y="122"/>
                  <a:pt x="63" y="122"/>
                </a:cubicBezTo>
                <a:cubicBezTo>
                  <a:pt x="63" y="122"/>
                  <a:pt x="63" y="122"/>
                  <a:pt x="63" y="122"/>
                </a:cubicBezTo>
                <a:cubicBezTo>
                  <a:pt x="166" y="122"/>
                  <a:pt x="166" y="122"/>
                  <a:pt x="166" y="122"/>
                </a:cubicBezTo>
                <a:cubicBezTo>
                  <a:pt x="166" y="122"/>
                  <a:pt x="166" y="122"/>
                  <a:pt x="166" y="122"/>
                </a:cubicBezTo>
                <a:cubicBezTo>
                  <a:pt x="166" y="122"/>
                  <a:pt x="166" y="122"/>
                  <a:pt x="166" y="122"/>
                </a:cubicBezTo>
                <a:cubicBezTo>
                  <a:pt x="166" y="115"/>
                  <a:pt x="166" y="107"/>
                  <a:pt x="166" y="106"/>
                </a:cubicBezTo>
                <a:cubicBezTo>
                  <a:pt x="166" y="106"/>
                  <a:pt x="166" y="106"/>
                  <a:pt x="166" y="106"/>
                </a:cubicBezTo>
                <a:cubicBezTo>
                  <a:pt x="166" y="103"/>
                  <a:pt x="165" y="101"/>
                  <a:pt x="164" y="99"/>
                </a:cubicBezTo>
                <a:cubicBezTo>
                  <a:pt x="164" y="99"/>
                  <a:pt x="164" y="99"/>
                  <a:pt x="164" y="99"/>
                </a:cubicBezTo>
                <a:cubicBezTo>
                  <a:pt x="162" y="98"/>
                  <a:pt x="160" y="97"/>
                  <a:pt x="159" y="97"/>
                </a:cubicBezTo>
                <a:cubicBezTo>
                  <a:pt x="159" y="97"/>
                  <a:pt x="159" y="97"/>
                  <a:pt x="159" y="97"/>
                </a:cubicBezTo>
                <a:cubicBezTo>
                  <a:pt x="128" y="97"/>
                  <a:pt x="52" y="97"/>
                  <a:pt x="39" y="97"/>
                </a:cubicBezTo>
                <a:cubicBezTo>
                  <a:pt x="39" y="97"/>
                  <a:pt x="39" y="97"/>
                  <a:pt x="39" y="97"/>
                </a:cubicBezTo>
                <a:cubicBezTo>
                  <a:pt x="32" y="97"/>
                  <a:pt x="30" y="99"/>
                  <a:pt x="29" y="100"/>
                </a:cubicBezTo>
                <a:cubicBezTo>
                  <a:pt x="29" y="100"/>
                  <a:pt x="29" y="100"/>
                  <a:pt x="29" y="100"/>
                </a:cubicBezTo>
                <a:cubicBezTo>
                  <a:pt x="28" y="101"/>
                  <a:pt x="27" y="104"/>
                  <a:pt x="27" y="106"/>
                </a:cubicBezTo>
                <a:cubicBezTo>
                  <a:pt x="27" y="106"/>
                  <a:pt x="27" y="106"/>
                  <a:pt x="27" y="106"/>
                </a:cubicBezTo>
                <a:cubicBezTo>
                  <a:pt x="27" y="108"/>
                  <a:pt x="27" y="188"/>
                  <a:pt x="27" y="269"/>
                </a:cubicBezTo>
                <a:cubicBezTo>
                  <a:pt x="27" y="269"/>
                  <a:pt x="27" y="269"/>
                  <a:pt x="27" y="269"/>
                </a:cubicBezTo>
                <a:cubicBezTo>
                  <a:pt x="27" y="329"/>
                  <a:pt x="27" y="390"/>
                  <a:pt x="27" y="416"/>
                </a:cubicBezTo>
                <a:cubicBezTo>
                  <a:pt x="27" y="416"/>
                  <a:pt x="27" y="416"/>
                  <a:pt x="27" y="416"/>
                </a:cubicBezTo>
                <a:cubicBezTo>
                  <a:pt x="115" y="416"/>
                  <a:pt x="115" y="416"/>
                  <a:pt x="115" y="416"/>
                </a:cubicBezTo>
                <a:cubicBezTo>
                  <a:pt x="115" y="323"/>
                  <a:pt x="115" y="323"/>
                  <a:pt x="115" y="323"/>
                </a:cubicBezTo>
                <a:cubicBezTo>
                  <a:pt x="115" y="316"/>
                  <a:pt x="121" y="310"/>
                  <a:pt x="129" y="310"/>
                </a:cubicBezTo>
                <a:cubicBezTo>
                  <a:pt x="129" y="310"/>
                  <a:pt x="129" y="310"/>
                  <a:pt x="129" y="310"/>
                </a:cubicBezTo>
                <a:cubicBezTo>
                  <a:pt x="136" y="310"/>
                  <a:pt x="142" y="316"/>
                  <a:pt x="142" y="323"/>
                </a:cubicBezTo>
                <a:cubicBezTo>
                  <a:pt x="142" y="323"/>
                  <a:pt x="142" y="323"/>
                  <a:pt x="142" y="323"/>
                </a:cubicBezTo>
                <a:cubicBezTo>
                  <a:pt x="142" y="429"/>
                  <a:pt x="142" y="429"/>
                  <a:pt x="142" y="429"/>
                </a:cubicBezTo>
                <a:cubicBezTo>
                  <a:pt x="142" y="433"/>
                  <a:pt x="141" y="436"/>
                  <a:pt x="138" y="438"/>
                </a:cubicBezTo>
                <a:cubicBezTo>
                  <a:pt x="138" y="438"/>
                  <a:pt x="138" y="438"/>
                  <a:pt x="138" y="438"/>
                </a:cubicBezTo>
                <a:cubicBezTo>
                  <a:pt x="136" y="441"/>
                  <a:pt x="132" y="442"/>
                  <a:pt x="129" y="442"/>
                </a:cubicBezTo>
                <a:cubicBezTo>
                  <a:pt x="129" y="442"/>
                  <a:pt x="129" y="442"/>
                  <a:pt x="129" y="442"/>
                </a:cubicBezTo>
                <a:cubicBezTo>
                  <a:pt x="13" y="442"/>
                  <a:pt x="13" y="442"/>
                  <a:pt x="13" y="442"/>
                </a:cubicBezTo>
                <a:cubicBezTo>
                  <a:pt x="10" y="442"/>
                  <a:pt x="6" y="441"/>
                  <a:pt x="4" y="438"/>
                </a:cubicBezTo>
                <a:cubicBezTo>
                  <a:pt x="4" y="438"/>
                  <a:pt x="4" y="438"/>
                  <a:pt x="4" y="438"/>
                </a:cubicBezTo>
                <a:cubicBezTo>
                  <a:pt x="1" y="436"/>
                  <a:pt x="0" y="433"/>
                  <a:pt x="0" y="429"/>
                </a:cubicBezTo>
                <a:cubicBezTo>
                  <a:pt x="0" y="429"/>
                  <a:pt x="0" y="429"/>
                  <a:pt x="0" y="429"/>
                </a:cubicBezTo>
                <a:cubicBezTo>
                  <a:pt x="0" y="429"/>
                  <a:pt x="0" y="109"/>
                  <a:pt x="0" y="106"/>
                </a:cubicBezTo>
                <a:cubicBezTo>
                  <a:pt x="0" y="106"/>
                  <a:pt x="0" y="106"/>
                  <a:pt x="0" y="106"/>
                </a:cubicBezTo>
                <a:cubicBezTo>
                  <a:pt x="0" y="98"/>
                  <a:pt x="3" y="89"/>
                  <a:pt x="9" y="82"/>
                </a:cubicBezTo>
                <a:cubicBezTo>
                  <a:pt x="9" y="82"/>
                  <a:pt x="9" y="82"/>
                  <a:pt x="9" y="82"/>
                </a:cubicBezTo>
                <a:cubicBezTo>
                  <a:pt x="16" y="75"/>
                  <a:pt x="27" y="70"/>
                  <a:pt x="39" y="70"/>
                </a:cubicBezTo>
                <a:cubicBezTo>
                  <a:pt x="39" y="70"/>
                  <a:pt x="39" y="70"/>
                  <a:pt x="39" y="70"/>
                </a:cubicBezTo>
                <a:cubicBezTo>
                  <a:pt x="52" y="70"/>
                  <a:pt x="128" y="70"/>
                  <a:pt x="159" y="70"/>
                </a:cubicBezTo>
                <a:cubicBezTo>
                  <a:pt x="159" y="70"/>
                  <a:pt x="159" y="70"/>
                  <a:pt x="159" y="70"/>
                </a:cubicBezTo>
                <a:cubicBezTo>
                  <a:pt x="168" y="70"/>
                  <a:pt x="176" y="74"/>
                  <a:pt x="183" y="81"/>
                </a:cubicBezTo>
                <a:cubicBezTo>
                  <a:pt x="183" y="81"/>
                  <a:pt x="183" y="81"/>
                  <a:pt x="183" y="81"/>
                </a:cubicBezTo>
                <a:cubicBezTo>
                  <a:pt x="189" y="87"/>
                  <a:pt x="193" y="96"/>
                  <a:pt x="193" y="106"/>
                </a:cubicBezTo>
                <a:cubicBezTo>
                  <a:pt x="193" y="106"/>
                  <a:pt x="193" y="106"/>
                  <a:pt x="193" y="106"/>
                </a:cubicBezTo>
                <a:cubicBezTo>
                  <a:pt x="193" y="110"/>
                  <a:pt x="193" y="135"/>
                  <a:pt x="193" y="135"/>
                </a:cubicBezTo>
                <a:cubicBezTo>
                  <a:pt x="193" y="135"/>
                  <a:pt x="193" y="135"/>
                  <a:pt x="193" y="135"/>
                </a:cubicBezTo>
                <a:cubicBezTo>
                  <a:pt x="193" y="143"/>
                  <a:pt x="187" y="148"/>
                  <a:pt x="179" y="148"/>
                </a:cubicBezTo>
                <a:cubicBezTo>
                  <a:pt x="179" y="148"/>
                  <a:pt x="179" y="148"/>
                  <a:pt x="179" y="148"/>
                </a:cubicBezTo>
                <a:cubicBezTo>
                  <a:pt x="77" y="148"/>
                  <a:pt x="77" y="148"/>
                  <a:pt x="77" y="148"/>
                </a:cubicBezTo>
                <a:cubicBezTo>
                  <a:pt x="77" y="211"/>
                  <a:pt x="77" y="211"/>
                  <a:pt x="77" y="211"/>
                </a:cubicBezTo>
                <a:cubicBezTo>
                  <a:pt x="115" y="211"/>
                  <a:pt x="115" y="211"/>
                  <a:pt x="115" y="211"/>
                </a:cubicBezTo>
                <a:cubicBezTo>
                  <a:pt x="115" y="180"/>
                  <a:pt x="115" y="180"/>
                  <a:pt x="115" y="180"/>
                </a:cubicBezTo>
                <a:cubicBezTo>
                  <a:pt x="115" y="177"/>
                  <a:pt x="116" y="173"/>
                  <a:pt x="119" y="171"/>
                </a:cubicBezTo>
                <a:cubicBezTo>
                  <a:pt x="119" y="171"/>
                  <a:pt x="119" y="171"/>
                  <a:pt x="119" y="171"/>
                </a:cubicBezTo>
                <a:cubicBezTo>
                  <a:pt x="121" y="168"/>
                  <a:pt x="124" y="167"/>
                  <a:pt x="128" y="167"/>
                </a:cubicBezTo>
                <a:cubicBezTo>
                  <a:pt x="128" y="167"/>
                  <a:pt x="128" y="167"/>
                  <a:pt x="128" y="167"/>
                </a:cubicBezTo>
                <a:cubicBezTo>
                  <a:pt x="179" y="167"/>
                  <a:pt x="179" y="167"/>
                  <a:pt x="179" y="167"/>
                </a:cubicBezTo>
                <a:cubicBezTo>
                  <a:pt x="183" y="167"/>
                  <a:pt x="186" y="168"/>
                  <a:pt x="189" y="171"/>
                </a:cubicBezTo>
                <a:cubicBezTo>
                  <a:pt x="189" y="171"/>
                  <a:pt x="189" y="171"/>
                  <a:pt x="189" y="171"/>
                </a:cubicBezTo>
                <a:cubicBezTo>
                  <a:pt x="191" y="173"/>
                  <a:pt x="193" y="177"/>
                  <a:pt x="193" y="180"/>
                </a:cubicBezTo>
                <a:cubicBezTo>
                  <a:pt x="193" y="180"/>
                  <a:pt x="193" y="180"/>
                  <a:pt x="193" y="180"/>
                </a:cubicBezTo>
                <a:cubicBezTo>
                  <a:pt x="193" y="290"/>
                  <a:pt x="193" y="290"/>
                  <a:pt x="193" y="290"/>
                </a:cubicBezTo>
                <a:cubicBezTo>
                  <a:pt x="193" y="290"/>
                  <a:pt x="193" y="290"/>
                  <a:pt x="193" y="290"/>
                </a:cubicBezTo>
                <a:cubicBezTo>
                  <a:pt x="193" y="290"/>
                  <a:pt x="193" y="294"/>
                  <a:pt x="193" y="301"/>
                </a:cubicBezTo>
                <a:cubicBezTo>
                  <a:pt x="193" y="301"/>
                  <a:pt x="193" y="301"/>
                  <a:pt x="193" y="301"/>
                </a:cubicBezTo>
                <a:cubicBezTo>
                  <a:pt x="193" y="314"/>
                  <a:pt x="193" y="334"/>
                  <a:pt x="193" y="346"/>
                </a:cubicBezTo>
                <a:cubicBezTo>
                  <a:pt x="193" y="346"/>
                  <a:pt x="193" y="346"/>
                  <a:pt x="193" y="346"/>
                </a:cubicBezTo>
                <a:cubicBezTo>
                  <a:pt x="193" y="350"/>
                  <a:pt x="195" y="364"/>
                  <a:pt x="201" y="379"/>
                </a:cubicBezTo>
                <a:cubicBezTo>
                  <a:pt x="201" y="379"/>
                  <a:pt x="201" y="379"/>
                  <a:pt x="201" y="379"/>
                </a:cubicBezTo>
                <a:cubicBezTo>
                  <a:pt x="207" y="394"/>
                  <a:pt x="218" y="410"/>
                  <a:pt x="235" y="420"/>
                </a:cubicBezTo>
                <a:cubicBezTo>
                  <a:pt x="235" y="420"/>
                  <a:pt x="235" y="420"/>
                  <a:pt x="235" y="420"/>
                </a:cubicBezTo>
                <a:cubicBezTo>
                  <a:pt x="247" y="427"/>
                  <a:pt x="263" y="432"/>
                  <a:pt x="284" y="432"/>
                </a:cubicBezTo>
                <a:cubicBezTo>
                  <a:pt x="284" y="432"/>
                  <a:pt x="284" y="432"/>
                  <a:pt x="284" y="432"/>
                </a:cubicBezTo>
                <a:cubicBezTo>
                  <a:pt x="284" y="432"/>
                  <a:pt x="285" y="432"/>
                  <a:pt x="285" y="432"/>
                </a:cubicBezTo>
                <a:cubicBezTo>
                  <a:pt x="285" y="432"/>
                  <a:pt x="285" y="432"/>
                  <a:pt x="285" y="432"/>
                </a:cubicBezTo>
                <a:cubicBezTo>
                  <a:pt x="304" y="432"/>
                  <a:pt x="320" y="429"/>
                  <a:pt x="333" y="422"/>
                </a:cubicBezTo>
                <a:cubicBezTo>
                  <a:pt x="333" y="422"/>
                  <a:pt x="333" y="422"/>
                  <a:pt x="333" y="422"/>
                </a:cubicBezTo>
                <a:cubicBezTo>
                  <a:pt x="345" y="416"/>
                  <a:pt x="356" y="408"/>
                  <a:pt x="364" y="398"/>
                </a:cubicBezTo>
                <a:cubicBezTo>
                  <a:pt x="364" y="398"/>
                  <a:pt x="364" y="398"/>
                  <a:pt x="364" y="398"/>
                </a:cubicBezTo>
                <a:cubicBezTo>
                  <a:pt x="380" y="378"/>
                  <a:pt x="387" y="352"/>
                  <a:pt x="387" y="330"/>
                </a:cubicBezTo>
                <a:cubicBezTo>
                  <a:pt x="387" y="330"/>
                  <a:pt x="387" y="330"/>
                  <a:pt x="387" y="330"/>
                </a:cubicBezTo>
                <a:cubicBezTo>
                  <a:pt x="387" y="308"/>
                  <a:pt x="379" y="283"/>
                  <a:pt x="365" y="259"/>
                </a:cubicBezTo>
                <a:cubicBezTo>
                  <a:pt x="365" y="259"/>
                  <a:pt x="365" y="259"/>
                  <a:pt x="365" y="259"/>
                </a:cubicBezTo>
                <a:cubicBezTo>
                  <a:pt x="351" y="234"/>
                  <a:pt x="331" y="211"/>
                  <a:pt x="308" y="191"/>
                </a:cubicBezTo>
                <a:cubicBezTo>
                  <a:pt x="308" y="191"/>
                  <a:pt x="308" y="191"/>
                  <a:pt x="308" y="191"/>
                </a:cubicBezTo>
                <a:cubicBezTo>
                  <a:pt x="304" y="188"/>
                  <a:pt x="303" y="184"/>
                  <a:pt x="303" y="179"/>
                </a:cubicBezTo>
                <a:cubicBezTo>
                  <a:pt x="303" y="179"/>
                  <a:pt x="303" y="179"/>
                  <a:pt x="303" y="179"/>
                </a:cubicBezTo>
                <a:cubicBezTo>
                  <a:pt x="304" y="174"/>
                  <a:pt x="307" y="170"/>
                  <a:pt x="311" y="169"/>
                </a:cubicBezTo>
                <a:cubicBezTo>
                  <a:pt x="311" y="169"/>
                  <a:pt x="311" y="169"/>
                  <a:pt x="311" y="169"/>
                </a:cubicBezTo>
                <a:cubicBezTo>
                  <a:pt x="311" y="169"/>
                  <a:pt x="311" y="169"/>
                  <a:pt x="312" y="169"/>
                </a:cubicBezTo>
                <a:cubicBezTo>
                  <a:pt x="312" y="169"/>
                  <a:pt x="312" y="169"/>
                  <a:pt x="312" y="169"/>
                </a:cubicBezTo>
                <a:cubicBezTo>
                  <a:pt x="312" y="169"/>
                  <a:pt x="312" y="168"/>
                  <a:pt x="312" y="168"/>
                </a:cubicBezTo>
                <a:cubicBezTo>
                  <a:pt x="312" y="168"/>
                  <a:pt x="312" y="168"/>
                  <a:pt x="312" y="168"/>
                </a:cubicBezTo>
                <a:cubicBezTo>
                  <a:pt x="313" y="168"/>
                  <a:pt x="313" y="168"/>
                  <a:pt x="314" y="168"/>
                </a:cubicBezTo>
                <a:cubicBezTo>
                  <a:pt x="314" y="168"/>
                  <a:pt x="314" y="168"/>
                  <a:pt x="314" y="168"/>
                </a:cubicBezTo>
                <a:cubicBezTo>
                  <a:pt x="316" y="167"/>
                  <a:pt x="318" y="166"/>
                  <a:pt x="321" y="164"/>
                </a:cubicBezTo>
                <a:cubicBezTo>
                  <a:pt x="321" y="164"/>
                  <a:pt x="321" y="164"/>
                  <a:pt x="321" y="164"/>
                </a:cubicBezTo>
                <a:cubicBezTo>
                  <a:pt x="327" y="161"/>
                  <a:pt x="333" y="158"/>
                  <a:pt x="338" y="154"/>
                </a:cubicBezTo>
                <a:cubicBezTo>
                  <a:pt x="338" y="154"/>
                  <a:pt x="338" y="154"/>
                  <a:pt x="338" y="154"/>
                </a:cubicBezTo>
                <a:cubicBezTo>
                  <a:pt x="342" y="151"/>
                  <a:pt x="344" y="148"/>
                  <a:pt x="344" y="147"/>
                </a:cubicBezTo>
                <a:cubicBezTo>
                  <a:pt x="344" y="147"/>
                  <a:pt x="344" y="147"/>
                  <a:pt x="344" y="147"/>
                </a:cubicBezTo>
                <a:cubicBezTo>
                  <a:pt x="346" y="145"/>
                  <a:pt x="347" y="139"/>
                  <a:pt x="348" y="132"/>
                </a:cubicBezTo>
                <a:cubicBezTo>
                  <a:pt x="348" y="132"/>
                  <a:pt x="348" y="132"/>
                  <a:pt x="348" y="132"/>
                </a:cubicBezTo>
                <a:cubicBezTo>
                  <a:pt x="349" y="125"/>
                  <a:pt x="349" y="117"/>
                  <a:pt x="349" y="111"/>
                </a:cubicBezTo>
                <a:cubicBezTo>
                  <a:pt x="349" y="111"/>
                  <a:pt x="349" y="111"/>
                  <a:pt x="349" y="111"/>
                </a:cubicBezTo>
                <a:cubicBezTo>
                  <a:pt x="349" y="104"/>
                  <a:pt x="349" y="99"/>
                  <a:pt x="349" y="95"/>
                </a:cubicBezTo>
                <a:cubicBezTo>
                  <a:pt x="349" y="95"/>
                  <a:pt x="349" y="95"/>
                  <a:pt x="349" y="95"/>
                </a:cubicBezTo>
                <a:cubicBezTo>
                  <a:pt x="348" y="95"/>
                  <a:pt x="346" y="95"/>
                  <a:pt x="345" y="95"/>
                </a:cubicBezTo>
                <a:cubicBezTo>
                  <a:pt x="345" y="95"/>
                  <a:pt x="345" y="95"/>
                  <a:pt x="345" y="95"/>
                </a:cubicBezTo>
                <a:cubicBezTo>
                  <a:pt x="344" y="95"/>
                  <a:pt x="344" y="95"/>
                  <a:pt x="344" y="95"/>
                </a:cubicBezTo>
                <a:cubicBezTo>
                  <a:pt x="344" y="95"/>
                  <a:pt x="344" y="95"/>
                  <a:pt x="344" y="95"/>
                </a:cubicBezTo>
                <a:cubicBezTo>
                  <a:pt x="344" y="95"/>
                  <a:pt x="344" y="95"/>
                  <a:pt x="344" y="95"/>
                </a:cubicBezTo>
                <a:cubicBezTo>
                  <a:pt x="340" y="95"/>
                  <a:pt x="337" y="94"/>
                  <a:pt x="334" y="91"/>
                </a:cubicBezTo>
                <a:cubicBezTo>
                  <a:pt x="334" y="91"/>
                  <a:pt x="334" y="91"/>
                  <a:pt x="334" y="91"/>
                </a:cubicBezTo>
                <a:cubicBezTo>
                  <a:pt x="331" y="89"/>
                  <a:pt x="330" y="85"/>
                  <a:pt x="330" y="81"/>
                </a:cubicBezTo>
                <a:cubicBezTo>
                  <a:pt x="330" y="81"/>
                  <a:pt x="330" y="81"/>
                  <a:pt x="330" y="81"/>
                </a:cubicBezTo>
                <a:cubicBezTo>
                  <a:pt x="330" y="81"/>
                  <a:pt x="330" y="40"/>
                  <a:pt x="330" y="32"/>
                </a:cubicBezTo>
                <a:cubicBezTo>
                  <a:pt x="330" y="32"/>
                  <a:pt x="330" y="32"/>
                  <a:pt x="330" y="32"/>
                </a:cubicBezTo>
                <a:cubicBezTo>
                  <a:pt x="330" y="30"/>
                  <a:pt x="329" y="28"/>
                  <a:pt x="328" y="28"/>
                </a:cubicBezTo>
                <a:cubicBezTo>
                  <a:pt x="328" y="28"/>
                  <a:pt x="328" y="28"/>
                  <a:pt x="328" y="28"/>
                </a:cubicBezTo>
                <a:cubicBezTo>
                  <a:pt x="328" y="27"/>
                  <a:pt x="327" y="27"/>
                  <a:pt x="326" y="27"/>
                </a:cubicBezTo>
                <a:cubicBezTo>
                  <a:pt x="326" y="27"/>
                  <a:pt x="326" y="27"/>
                  <a:pt x="326" y="27"/>
                </a:cubicBezTo>
                <a:cubicBezTo>
                  <a:pt x="324" y="27"/>
                  <a:pt x="323" y="27"/>
                  <a:pt x="323" y="28"/>
                </a:cubicBezTo>
                <a:cubicBezTo>
                  <a:pt x="323" y="28"/>
                  <a:pt x="323" y="28"/>
                  <a:pt x="323" y="28"/>
                </a:cubicBezTo>
                <a:cubicBezTo>
                  <a:pt x="322" y="28"/>
                  <a:pt x="321" y="29"/>
                  <a:pt x="321" y="32"/>
                </a:cubicBezTo>
                <a:cubicBezTo>
                  <a:pt x="321" y="32"/>
                  <a:pt x="321" y="32"/>
                  <a:pt x="321" y="32"/>
                </a:cubicBezTo>
                <a:cubicBezTo>
                  <a:pt x="321" y="41"/>
                  <a:pt x="321" y="76"/>
                  <a:pt x="321" y="81"/>
                </a:cubicBezTo>
                <a:cubicBezTo>
                  <a:pt x="321" y="81"/>
                  <a:pt x="321" y="81"/>
                  <a:pt x="321" y="81"/>
                </a:cubicBezTo>
                <a:cubicBezTo>
                  <a:pt x="321" y="85"/>
                  <a:pt x="320" y="88"/>
                  <a:pt x="317" y="90"/>
                </a:cubicBezTo>
                <a:cubicBezTo>
                  <a:pt x="317" y="90"/>
                  <a:pt x="317" y="90"/>
                  <a:pt x="317" y="90"/>
                </a:cubicBezTo>
                <a:cubicBezTo>
                  <a:pt x="315" y="93"/>
                  <a:pt x="312" y="94"/>
                  <a:pt x="308" y="94"/>
                </a:cubicBezTo>
                <a:cubicBezTo>
                  <a:pt x="308" y="94"/>
                  <a:pt x="308" y="94"/>
                  <a:pt x="308" y="94"/>
                </a:cubicBezTo>
                <a:cubicBezTo>
                  <a:pt x="274" y="94"/>
                  <a:pt x="274" y="94"/>
                  <a:pt x="274" y="94"/>
                </a:cubicBezTo>
                <a:cubicBezTo>
                  <a:pt x="270" y="94"/>
                  <a:pt x="267" y="93"/>
                  <a:pt x="265" y="90"/>
                </a:cubicBezTo>
                <a:cubicBezTo>
                  <a:pt x="265" y="90"/>
                  <a:pt x="265" y="90"/>
                  <a:pt x="265" y="90"/>
                </a:cubicBezTo>
                <a:cubicBezTo>
                  <a:pt x="262" y="88"/>
                  <a:pt x="261" y="85"/>
                  <a:pt x="261" y="81"/>
                </a:cubicBezTo>
                <a:cubicBezTo>
                  <a:pt x="261" y="81"/>
                  <a:pt x="261" y="81"/>
                  <a:pt x="261" y="81"/>
                </a:cubicBezTo>
                <a:cubicBezTo>
                  <a:pt x="261" y="81"/>
                  <a:pt x="261" y="42"/>
                  <a:pt x="261" y="32"/>
                </a:cubicBezTo>
                <a:cubicBezTo>
                  <a:pt x="261" y="32"/>
                  <a:pt x="261" y="32"/>
                  <a:pt x="261" y="32"/>
                </a:cubicBezTo>
                <a:cubicBezTo>
                  <a:pt x="261" y="29"/>
                  <a:pt x="260" y="28"/>
                  <a:pt x="259" y="28"/>
                </a:cubicBezTo>
                <a:cubicBezTo>
                  <a:pt x="259" y="28"/>
                  <a:pt x="259" y="28"/>
                  <a:pt x="259" y="28"/>
                </a:cubicBezTo>
                <a:cubicBezTo>
                  <a:pt x="259" y="27"/>
                  <a:pt x="258" y="27"/>
                  <a:pt x="257" y="27"/>
                </a:cubicBezTo>
                <a:cubicBezTo>
                  <a:pt x="257" y="27"/>
                  <a:pt x="257" y="27"/>
                  <a:pt x="257" y="27"/>
                </a:cubicBezTo>
                <a:cubicBezTo>
                  <a:pt x="255" y="27"/>
                  <a:pt x="254" y="27"/>
                  <a:pt x="253" y="28"/>
                </a:cubicBezTo>
                <a:cubicBezTo>
                  <a:pt x="253" y="28"/>
                  <a:pt x="253" y="28"/>
                  <a:pt x="253" y="28"/>
                </a:cubicBezTo>
                <a:cubicBezTo>
                  <a:pt x="253" y="28"/>
                  <a:pt x="252" y="29"/>
                  <a:pt x="252" y="32"/>
                </a:cubicBezTo>
                <a:cubicBezTo>
                  <a:pt x="252" y="32"/>
                  <a:pt x="252" y="32"/>
                  <a:pt x="252" y="32"/>
                </a:cubicBezTo>
                <a:cubicBezTo>
                  <a:pt x="252" y="41"/>
                  <a:pt x="252" y="74"/>
                  <a:pt x="252" y="82"/>
                </a:cubicBezTo>
                <a:cubicBezTo>
                  <a:pt x="252" y="82"/>
                  <a:pt x="252" y="82"/>
                  <a:pt x="252" y="82"/>
                </a:cubicBezTo>
                <a:cubicBezTo>
                  <a:pt x="252" y="86"/>
                  <a:pt x="250" y="89"/>
                  <a:pt x="247" y="92"/>
                </a:cubicBezTo>
                <a:cubicBezTo>
                  <a:pt x="247" y="92"/>
                  <a:pt x="247" y="92"/>
                  <a:pt x="247" y="92"/>
                </a:cubicBezTo>
                <a:cubicBezTo>
                  <a:pt x="245" y="94"/>
                  <a:pt x="241" y="95"/>
                  <a:pt x="237" y="95"/>
                </a:cubicBezTo>
                <a:cubicBezTo>
                  <a:pt x="237" y="95"/>
                  <a:pt x="237" y="95"/>
                  <a:pt x="237" y="95"/>
                </a:cubicBezTo>
                <a:cubicBezTo>
                  <a:pt x="237" y="95"/>
                  <a:pt x="237" y="95"/>
                  <a:pt x="237" y="95"/>
                </a:cubicBezTo>
                <a:cubicBezTo>
                  <a:pt x="237" y="95"/>
                  <a:pt x="236" y="95"/>
                  <a:pt x="236" y="95"/>
                </a:cubicBezTo>
                <a:cubicBezTo>
                  <a:pt x="236" y="95"/>
                  <a:pt x="236" y="95"/>
                  <a:pt x="236" y="95"/>
                </a:cubicBezTo>
                <a:cubicBezTo>
                  <a:pt x="235" y="95"/>
                  <a:pt x="234" y="95"/>
                  <a:pt x="233" y="95"/>
                </a:cubicBezTo>
                <a:cubicBezTo>
                  <a:pt x="233" y="95"/>
                  <a:pt x="233" y="95"/>
                  <a:pt x="233" y="95"/>
                </a:cubicBezTo>
                <a:cubicBezTo>
                  <a:pt x="233" y="98"/>
                  <a:pt x="233" y="102"/>
                  <a:pt x="233" y="106"/>
                </a:cubicBezTo>
                <a:cubicBezTo>
                  <a:pt x="233" y="106"/>
                  <a:pt x="233" y="106"/>
                  <a:pt x="233" y="106"/>
                </a:cubicBezTo>
                <a:cubicBezTo>
                  <a:pt x="233" y="116"/>
                  <a:pt x="233" y="130"/>
                  <a:pt x="234" y="139"/>
                </a:cubicBezTo>
                <a:cubicBezTo>
                  <a:pt x="234" y="139"/>
                  <a:pt x="234" y="139"/>
                  <a:pt x="234" y="139"/>
                </a:cubicBezTo>
                <a:cubicBezTo>
                  <a:pt x="234" y="142"/>
                  <a:pt x="235" y="144"/>
                  <a:pt x="235" y="145"/>
                </a:cubicBezTo>
                <a:cubicBezTo>
                  <a:pt x="235" y="145"/>
                  <a:pt x="235" y="145"/>
                  <a:pt x="235" y="145"/>
                </a:cubicBezTo>
                <a:cubicBezTo>
                  <a:pt x="235" y="145"/>
                  <a:pt x="235" y="145"/>
                  <a:pt x="235" y="145"/>
                </a:cubicBezTo>
                <a:cubicBezTo>
                  <a:pt x="235" y="145"/>
                  <a:pt x="235" y="145"/>
                  <a:pt x="235" y="145"/>
                </a:cubicBezTo>
                <a:cubicBezTo>
                  <a:pt x="236" y="148"/>
                  <a:pt x="238" y="150"/>
                  <a:pt x="240" y="152"/>
                </a:cubicBezTo>
                <a:cubicBezTo>
                  <a:pt x="240" y="152"/>
                  <a:pt x="240" y="152"/>
                  <a:pt x="240" y="152"/>
                </a:cubicBezTo>
                <a:cubicBezTo>
                  <a:pt x="242" y="154"/>
                  <a:pt x="246" y="156"/>
                  <a:pt x="249" y="158"/>
                </a:cubicBezTo>
                <a:cubicBezTo>
                  <a:pt x="249" y="158"/>
                  <a:pt x="249" y="158"/>
                  <a:pt x="249" y="158"/>
                </a:cubicBezTo>
                <a:cubicBezTo>
                  <a:pt x="256" y="162"/>
                  <a:pt x="265" y="165"/>
                  <a:pt x="271" y="167"/>
                </a:cubicBezTo>
                <a:cubicBezTo>
                  <a:pt x="271" y="167"/>
                  <a:pt x="271" y="167"/>
                  <a:pt x="271" y="167"/>
                </a:cubicBezTo>
                <a:cubicBezTo>
                  <a:pt x="271" y="167"/>
                  <a:pt x="271" y="167"/>
                  <a:pt x="271" y="167"/>
                </a:cubicBezTo>
                <a:cubicBezTo>
                  <a:pt x="279" y="169"/>
                  <a:pt x="283" y="176"/>
                  <a:pt x="281" y="183"/>
                </a:cubicBezTo>
                <a:cubicBezTo>
                  <a:pt x="281" y="183"/>
                  <a:pt x="281" y="183"/>
                  <a:pt x="281" y="183"/>
                </a:cubicBezTo>
                <a:cubicBezTo>
                  <a:pt x="279" y="190"/>
                  <a:pt x="271" y="194"/>
                  <a:pt x="264" y="192"/>
                </a:cubicBezTo>
                <a:cubicBezTo>
                  <a:pt x="264" y="192"/>
                  <a:pt x="264" y="192"/>
                  <a:pt x="264" y="192"/>
                </a:cubicBezTo>
                <a:cubicBezTo>
                  <a:pt x="253" y="189"/>
                  <a:pt x="236" y="184"/>
                  <a:pt x="222" y="172"/>
                </a:cubicBezTo>
                <a:cubicBezTo>
                  <a:pt x="222" y="172"/>
                  <a:pt x="222" y="172"/>
                  <a:pt x="222" y="172"/>
                </a:cubicBezTo>
                <a:cubicBezTo>
                  <a:pt x="217" y="167"/>
                  <a:pt x="213" y="162"/>
                  <a:pt x="210" y="156"/>
                </a:cubicBezTo>
                <a:cubicBezTo>
                  <a:pt x="210" y="156"/>
                  <a:pt x="210" y="156"/>
                  <a:pt x="210" y="156"/>
                </a:cubicBezTo>
                <a:cubicBezTo>
                  <a:pt x="210" y="154"/>
                  <a:pt x="209" y="152"/>
                  <a:pt x="209" y="150"/>
                </a:cubicBezTo>
                <a:cubicBezTo>
                  <a:pt x="209" y="150"/>
                  <a:pt x="209" y="150"/>
                  <a:pt x="209" y="150"/>
                </a:cubicBezTo>
                <a:cubicBezTo>
                  <a:pt x="208" y="148"/>
                  <a:pt x="208" y="147"/>
                  <a:pt x="208" y="145"/>
                </a:cubicBezTo>
                <a:cubicBezTo>
                  <a:pt x="208" y="145"/>
                  <a:pt x="208" y="145"/>
                  <a:pt x="208" y="145"/>
                </a:cubicBezTo>
                <a:cubicBezTo>
                  <a:pt x="207" y="141"/>
                  <a:pt x="207" y="137"/>
                  <a:pt x="207" y="132"/>
                </a:cubicBezTo>
                <a:cubicBezTo>
                  <a:pt x="207" y="132"/>
                  <a:pt x="207" y="132"/>
                  <a:pt x="207" y="132"/>
                </a:cubicBezTo>
                <a:cubicBezTo>
                  <a:pt x="206" y="124"/>
                  <a:pt x="206" y="114"/>
                  <a:pt x="206" y="106"/>
                </a:cubicBezTo>
                <a:cubicBezTo>
                  <a:pt x="206" y="106"/>
                  <a:pt x="206" y="106"/>
                  <a:pt x="206" y="106"/>
                </a:cubicBezTo>
                <a:cubicBezTo>
                  <a:pt x="206" y="101"/>
                  <a:pt x="206" y="97"/>
                  <a:pt x="206" y="94"/>
                </a:cubicBezTo>
                <a:cubicBezTo>
                  <a:pt x="206" y="94"/>
                  <a:pt x="206" y="94"/>
                  <a:pt x="206" y="94"/>
                </a:cubicBezTo>
                <a:cubicBezTo>
                  <a:pt x="206" y="89"/>
                  <a:pt x="208" y="84"/>
                  <a:pt x="210" y="80"/>
                </a:cubicBezTo>
                <a:cubicBezTo>
                  <a:pt x="210" y="80"/>
                  <a:pt x="210" y="80"/>
                  <a:pt x="210" y="80"/>
                </a:cubicBezTo>
                <a:cubicBezTo>
                  <a:pt x="213" y="76"/>
                  <a:pt x="216" y="74"/>
                  <a:pt x="220" y="72"/>
                </a:cubicBezTo>
                <a:cubicBezTo>
                  <a:pt x="220" y="72"/>
                  <a:pt x="220" y="72"/>
                  <a:pt x="220" y="72"/>
                </a:cubicBezTo>
                <a:cubicBezTo>
                  <a:pt x="222" y="71"/>
                  <a:pt x="223" y="70"/>
                  <a:pt x="225" y="70"/>
                </a:cubicBezTo>
                <a:cubicBezTo>
                  <a:pt x="225" y="70"/>
                  <a:pt x="225" y="70"/>
                  <a:pt x="225" y="70"/>
                </a:cubicBezTo>
                <a:cubicBezTo>
                  <a:pt x="225" y="57"/>
                  <a:pt x="225" y="38"/>
                  <a:pt x="225" y="32"/>
                </a:cubicBezTo>
                <a:cubicBezTo>
                  <a:pt x="225" y="32"/>
                  <a:pt x="225" y="32"/>
                  <a:pt x="225" y="32"/>
                </a:cubicBezTo>
                <a:cubicBezTo>
                  <a:pt x="225" y="23"/>
                  <a:pt x="229" y="14"/>
                  <a:pt x="235" y="8"/>
                </a:cubicBezTo>
                <a:cubicBezTo>
                  <a:pt x="235" y="8"/>
                  <a:pt x="235" y="8"/>
                  <a:pt x="235" y="8"/>
                </a:cubicBezTo>
                <a:cubicBezTo>
                  <a:pt x="242" y="2"/>
                  <a:pt x="249" y="0"/>
                  <a:pt x="257" y="0"/>
                </a:cubicBezTo>
                <a:cubicBezTo>
                  <a:pt x="257" y="0"/>
                  <a:pt x="257" y="0"/>
                  <a:pt x="257" y="0"/>
                </a:cubicBezTo>
                <a:cubicBezTo>
                  <a:pt x="265" y="0"/>
                  <a:pt x="273" y="3"/>
                  <a:pt x="278" y="9"/>
                </a:cubicBezTo>
                <a:cubicBezTo>
                  <a:pt x="278" y="9"/>
                  <a:pt x="278" y="9"/>
                  <a:pt x="278" y="9"/>
                </a:cubicBezTo>
                <a:cubicBezTo>
                  <a:pt x="284" y="15"/>
                  <a:pt x="287" y="23"/>
                  <a:pt x="287" y="32"/>
                </a:cubicBezTo>
                <a:cubicBezTo>
                  <a:pt x="287" y="32"/>
                  <a:pt x="287" y="32"/>
                  <a:pt x="287" y="32"/>
                </a:cubicBezTo>
                <a:cubicBezTo>
                  <a:pt x="287" y="38"/>
                  <a:pt x="287" y="55"/>
                  <a:pt x="287" y="68"/>
                </a:cubicBezTo>
                <a:cubicBezTo>
                  <a:pt x="287" y="68"/>
                  <a:pt x="287" y="68"/>
                  <a:pt x="287" y="68"/>
                </a:cubicBezTo>
                <a:cubicBezTo>
                  <a:pt x="295" y="68"/>
                  <a:pt x="295" y="68"/>
                  <a:pt x="295" y="68"/>
                </a:cubicBezTo>
                <a:cubicBezTo>
                  <a:pt x="295" y="55"/>
                  <a:pt x="295" y="38"/>
                  <a:pt x="295" y="32"/>
                </a:cubicBezTo>
                <a:cubicBezTo>
                  <a:pt x="295" y="32"/>
                  <a:pt x="295" y="32"/>
                  <a:pt x="295" y="32"/>
                </a:cubicBezTo>
                <a:cubicBezTo>
                  <a:pt x="295" y="23"/>
                  <a:pt x="298" y="15"/>
                  <a:pt x="304" y="9"/>
                </a:cubicBezTo>
                <a:cubicBezTo>
                  <a:pt x="304" y="9"/>
                  <a:pt x="304" y="9"/>
                  <a:pt x="304" y="9"/>
                </a:cubicBezTo>
                <a:cubicBezTo>
                  <a:pt x="309" y="3"/>
                  <a:pt x="318" y="0"/>
                  <a:pt x="326" y="0"/>
                </a:cubicBezTo>
                <a:cubicBezTo>
                  <a:pt x="326" y="0"/>
                  <a:pt x="326" y="0"/>
                  <a:pt x="326" y="0"/>
                </a:cubicBezTo>
                <a:cubicBezTo>
                  <a:pt x="334" y="0"/>
                  <a:pt x="342" y="4"/>
                  <a:pt x="348" y="10"/>
                </a:cubicBezTo>
                <a:cubicBezTo>
                  <a:pt x="348" y="10"/>
                  <a:pt x="348" y="10"/>
                  <a:pt x="348" y="10"/>
                </a:cubicBezTo>
                <a:cubicBezTo>
                  <a:pt x="353" y="15"/>
                  <a:pt x="356" y="24"/>
                  <a:pt x="356" y="32"/>
                </a:cubicBezTo>
                <a:cubicBezTo>
                  <a:pt x="356" y="32"/>
                  <a:pt x="356" y="32"/>
                  <a:pt x="356" y="32"/>
                </a:cubicBezTo>
                <a:cubicBezTo>
                  <a:pt x="356" y="37"/>
                  <a:pt x="356" y="57"/>
                  <a:pt x="356" y="70"/>
                </a:cubicBezTo>
                <a:cubicBezTo>
                  <a:pt x="356" y="70"/>
                  <a:pt x="356" y="70"/>
                  <a:pt x="356" y="70"/>
                </a:cubicBezTo>
                <a:cubicBezTo>
                  <a:pt x="361" y="71"/>
                  <a:pt x="367" y="74"/>
                  <a:pt x="371" y="80"/>
                </a:cubicBezTo>
                <a:cubicBezTo>
                  <a:pt x="371" y="80"/>
                  <a:pt x="371" y="80"/>
                  <a:pt x="371" y="80"/>
                </a:cubicBezTo>
                <a:cubicBezTo>
                  <a:pt x="374" y="84"/>
                  <a:pt x="375" y="89"/>
                  <a:pt x="375" y="95"/>
                </a:cubicBezTo>
                <a:cubicBezTo>
                  <a:pt x="375" y="95"/>
                  <a:pt x="375" y="95"/>
                  <a:pt x="375" y="95"/>
                </a:cubicBezTo>
                <a:cubicBezTo>
                  <a:pt x="375" y="98"/>
                  <a:pt x="375" y="104"/>
                  <a:pt x="375" y="111"/>
                </a:cubicBezTo>
                <a:cubicBezTo>
                  <a:pt x="375" y="111"/>
                  <a:pt x="375" y="111"/>
                  <a:pt x="375" y="111"/>
                </a:cubicBezTo>
                <a:cubicBezTo>
                  <a:pt x="375" y="118"/>
                  <a:pt x="375" y="127"/>
                  <a:pt x="374" y="135"/>
                </a:cubicBezTo>
                <a:cubicBezTo>
                  <a:pt x="374" y="135"/>
                  <a:pt x="374" y="135"/>
                  <a:pt x="374" y="135"/>
                </a:cubicBezTo>
                <a:cubicBezTo>
                  <a:pt x="373" y="144"/>
                  <a:pt x="372" y="152"/>
                  <a:pt x="368" y="160"/>
                </a:cubicBezTo>
                <a:cubicBezTo>
                  <a:pt x="368" y="160"/>
                  <a:pt x="368" y="160"/>
                  <a:pt x="368" y="160"/>
                </a:cubicBezTo>
                <a:cubicBezTo>
                  <a:pt x="364" y="166"/>
                  <a:pt x="360" y="171"/>
                  <a:pt x="355" y="174"/>
                </a:cubicBezTo>
                <a:cubicBezTo>
                  <a:pt x="355" y="174"/>
                  <a:pt x="355" y="174"/>
                  <a:pt x="355" y="174"/>
                </a:cubicBezTo>
                <a:cubicBezTo>
                  <a:pt x="350" y="178"/>
                  <a:pt x="345" y="182"/>
                  <a:pt x="340" y="184"/>
                </a:cubicBezTo>
                <a:cubicBezTo>
                  <a:pt x="340" y="184"/>
                  <a:pt x="340" y="184"/>
                  <a:pt x="340" y="184"/>
                </a:cubicBezTo>
                <a:cubicBezTo>
                  <a:pt x="359" y="203"/>
                  <a:pt x="376" y="224"/>
                  <a:pt x="388" y="246"/>
                </a:cubicBezTo>
                <a:cubicBezTo>
                  <a:pt x="388" y="246"/>
                  <a:pt x="388" y="246"/>
                  <a:pt x="388" y="246"/>
                </a:cubicBezTo>
                <a:cubicBezTo>
                  <a:pt x="404" y="273"/>
                  <a:pt x="413" y="302"/>
                  <a:pt x="413" y="330"/>
                </a:cubicBezTo>
                <a:cubicBezTo>
                  <a:pt x="413" y="330"/>
                  <a:pt x="413" y="330"/>
                  <a:pt x="413" y="330"/>
                </a:cubicBezTo>
                <a:cubicBezTo>
                  <a:pt x="413" y="351"/>
                  <a:pt x="409" y="373"/>
                  <a:pt x="398" y="394"/>
                </a:cubicBezTo>
                <a:cubicBezTo>
                  <a:pt x="398" y="394"/>
                  <a:pt x="398" y="394"/>
                  <a:pt x="398" y="394"/>
                </a:cubicBezTo>
                <a:cubicBezTo>
                  <a:pt x="387" y="415"/>
                  <a:pt x="369" y="435"/>
                  <a:pt x="344" y="447"/>
                </a:cubicBezTo>
                <a:cubicBezTo>
                  <a:pt x="344" y="447"/>
                  <a:pt x="344" y="447"/>
                  <a:pt x="344" y="447"/>
                </a:cubicBezTo>
                <a:cubicBezTo>
                  <a:pt x="328" y="454"/>
                  <a:pt x="308" y="459"/>
                  <a:pt x="285" y="459"/>
                </a:cubicBezTo>
                <a:cubicBezTo>
                  <a:pt x="285" y="459"/>
                  <a:pt x="285" y="459"/>
                  <a:pt x="285" y="459"/>
                </a:cubicBezTo>
                <a:cubicBezTo>
                  <a:pt x="285" y="459"/>
                  <a:pt x="285" y="459"/>
                  <a:pt x="285" y="45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" name="Freeform 175"/>
          <p:cNvSpPr>
            <a:spLocks/>
          </p:cNvSpPr>
          <p:nvPr userDrawn="1"/>
        </p:nvSpPr>
        <p:spPr bwMode="auto">
          <a:xfrm>
            <a:off x="584858" y="1746154"/>
            <a:ext cx="403225" cy="515938"/>
          </a:xfrm>
          <a:custGeom>
            <a:avLst/>
            <a:gdLst/>
            <a:ahLst/>
            <a:cxnLst>
              <a:cxn ang="0">
                <a:pos x="113" y="28"/>
              </a:cxn>
              <a:cxn ang="0">
                <a:pos x="89" y="84"/>
              </a:cxn>
              <a:cxn ang="0">
                <a:pos x="101" y="134"/>
              </a:cxn>
              <a:cxn ang="0">
                <a:pos x="13" y="134"/>
              </a:cxn>
              <a:cxn ang="0">
                <a:pos x="0" y="147"/>
              </a:cxn>
              <a:cxn ang="0">
                <a:pos x="0" y="266"/>
              </a:cxn>
              <a:cxn ang="0">
                <a:pos x="8" y="278"/>
              </a:cxn>
              <a:cxn ang="0">
                <a:pos x="22" y="276"/>
              </a:cxn>
              <a:cxn ang="0">
                <a:pos x="66" y="268"/>
              </a:cxn>
              <a:cxn ang="0">
                <a:pos x="79" y="329"/>
              </a:cxn>
              <a:cxn ang="0">
                <a:pos x="18" y="337"/>
              </a:cxn>
              <a:cxn ang="0">
                <a:pos x="5" y="338"/>
              </a:cxn>
              <a:cxn ang="0">
                <a:pos x="0" y="349"/>
              </a:cxn>
              <a:cxn ang="0">
                <a:pos x="0" y="444"/>
              </a:cxn>
              <a:cxn ang="0">
                <a:pos x="13" y="457"/>
              </a:cxn>
              <a:cxn ang="0">
                <a:pos x="26" y="444"/>
              </a:cxn>
              <a:cxn ang="0">
                <a:pos x="26" y="367"/>
              </a:cxn>
              <a:cxn ang="0">
                <a:pos x="102" y="342"/>
              </a:cxn>
              <a:cxn ang="0">
                <a:pos x="82" y="247"/>
              </a:cxn>
              <a:cxn ang="0">
                <a:pos x="26" y="241"/>
              </a:cxn>
              <a:cxn ang="0">
                <a:pos x="26" y="161"/>
              </a:cxn>
              <a:cxn ang="0">
                <a:pos x="123" y="161"/>
              </a:cxn>
              <a:cxn ang="0">
                <a:pos x="134" y="154"/>
              </a:cxn>
              <a:cxn ang="0">
                <a:pos x="136" y="147"/>
              </a:cxn>
              <a:cxn ang="0">
                <a:pos x="134" y="141"/>
              </a:cxn>
              <a:cxn ang="0">
                <a:pos x="116" y="83"/>
              </a:cxn>
              <a:cxn ang="0">
                <a:pos x="131" y="47"/>
              </a:cxn>
              <a:cxn ang="0">
                <a:pos x="200" y="44"/>
              </a:cxn>
              <a:cxn ang="0">
                <a:pos x="213" y="142"/>
              </a:cxn>
              <a:cxn ang="0">
                <a:pos x="214" y="155"/>
              </a:cxn>
              <a:cxn ang="0">
                <a:pos x="225" y="161"/>
              </a:cxn>
              <a:cxn ang="0">
                <a:pos x="332" y="161"/>
              </a:cxn>
              <a:cxn ang="0">
                <a:pos x="332" y="226"/>
              </a:cxn>
              <a:cxn ang="0">
                <a:pos x="253" y="245"/>
              </a:cxn>
              <a:cxn ang="0">
                <a:pos x="252" y="330"/>
              </a:cxn>
              <a:cxn ang="0">
                <a:pos x="332" y="356"/>
              </a:cxn>
              <a:cxn ang="0">
                <a:pos x="332" y="431"/>
              </a:cxn>
              <a:cxn ang="0">
                <a:pos x="122" y="431"/>
              </a:cxn>
              <a:cxn ang="0">
                <a:pos x="109" y="444"/>
              </a:cxn>
              <a:cxn ang="0">
                <a:pos x="122" y="457"/>
              </a:cxn>
              <a:cxn ang="0">
                <a:pos x="346" y="457"/>
              </a:cxn>
              <a:cxn ang="0">
                <a:pos x="359" y="444"/>
              </a:cxn>
              <a:cxn ang="0">
                <a:pos x="359" y="338"/>
              </a:cxn>
              <a:cxn ang="0">
                <a:pos x="353" y="327"/>
              </a:cxn>
              <a:cxn ang="0">
                <a:pos x="341" y="326"/>
              </a:cxn>
              <a:cxn ang="0">
                <a:pos x="274" y="314"/>
              </a:cxn>
              <a:cxn ang="0">
                <a:pos x="274" y="262"/>
              </a:cxn>
              <a:cxn ang="0">
                <a:pos x="340" y="258"/>
              </a:cxn>
              <a:cxn ang="0">
                <a:pos x="353" y="257"/>
              </a:cxn>
              <a:cxn ang="0">
                <a:pos x="359" y="245"/>
              </a:cxn>
              <a:cxn ang="0">
                <a:pos x="359" y="147"/>
              </a:cxn>
              <a:cxn ang="0">
                <a:pos x="346" y="134"/>
              </a:cxn>
              <a:cxn ang="0">
                <a:pos x="244" y="134"/>
              </a:cxn>
              <a:cxn ang="0">
                <a:pos x="250" y="93"/>
              </a:cxn>
              <a:cxn ang="0">
                <a:pos x="248" y="72"/>
              </a:cxn>
              <a:cxn ang="0">
                <a:pos x="215" y="22"/>
              </a:cxn>
              <a:cxn ang="0">
                <a:pos x="113" y="28"/>
              </a:cxn>
            </a:cxnLst>
            <a:rect l="0" t="0" r="r" b="b"/>
            <a:pathLst>
              <a:path w="359" h="457">
                <a:moveTo>
                  <a:pt x="113" y="28"/>
                </a:moveTo>
                <a:cubicBezTo>
                  <a:pt x="104" y="36"/>
                  <a:pt x="89" y="54"/>
                  <a:pt x="89" y="84"/>
                </a:cubicBezTo>
                <a:cubicBezTo>
                  <a:pt x="89" y="98"/>
                  <a:pt x="93" y="114"/>
                  <a:pt x="101" y="134"/>
                </a:cubicBezTo>
                <a:cubicBezTo>
                  <a:pt x="73" y="134"/>
                  <a:pt x="13" y="134"/>
                  <a:pt x="13" y="134"/>
                </a:cubicBezTo>
                <a:cubicBezTo>
                  <a:pt x="6" y="134"/>
                  <a:pt x="0" y="140"/>
                  <a:pt x="0" y="147"/>
                </a:cubicBezTo>
                <a:cubicBezTo>
                  <a:pt x="0" y="266"/>
                  <a:pt x="0" y="266"/>
                  <a:pt x="0" y="266"/>
                </a:cubicBezTo>
                <a:cubicBezTo>
                  <a:pt x="0" y="272"/>
                  <a:pt x="3" y="276"/>
                  <a:pt x="8" y="278"/>
                </a:cubicBezTo>
                <a:cubicBezTo>
                  <a:pt x="13" y="281"/>
                  <a:pt x="18" y="280"/>
                  <a:pt x="22" y="276"/>
                </a:cubicBezTo>
                <a:cubicBezTo>
                  <a:pt x="39" y="261"/>
                  <a:pt x="53" y="259"/>
                  <a:pt x="66" y="268"/>
                </a:cubicBezTo>
                <a:cubicBezTo>
                  <a:pt x="82" y="281"/>
                  <a:pt x="89" y="311"/>
                  <a:pt x="79" y="329"/>
                </a:cubicBezTo>
                <a:cubicBezTo>
                  <a:pt x="67" y="350"/>
                  <a:pt x="35" y="343"/>
                  <a:pt x="18" y="337"/>
                </a:cubicBezTo>
                <a:cubicBezTo>
                  <a:pt x="13" y="335"/>
                  <a:pt x="9" y="336"/>
                  <a:pt x="5" y="338"/>
                </a:cubicBezTo>
                <a:cubicBezTo>
                  <a:pt x="2" y="341"/>
                  <a:pt x="0" y="345"/>
                  <a:pt x="0" y="349"/>
                </a:cubicBezTo>
                <a:cubicBezTo>
                  <a:pt x="0" y="444"/>
                  <a:pt x="0" y="444"/>
                  <a:pt x="0" y="444"/>
                </a:cubicBezTo>
                <a:cubicBezTo>
                  <a:pt x="0" y="451"/>
                  <a:pt x="6" y="457"/>
                  <a:pt x="13" y="457"/>
                </a:cubicBezTo>
                <a:cubicBezTo>
                  <a:pt x="20" y="457"/>
                  <a:pt x="26" y="451"/>
                  <a:pt x="26" y="444"/>
                </a:cubicBezTo>
                <a:cubicBezTo>
                  <a:pt x="26" y="444"/>
                  <a:pt x="26" y="390"/>
                  <a:pt x="26" y="367"/>
                </a:cubicBezTo>
                <a:cubicBezTo>
                  <a:pt x="76" y="378"/>
                  <a:pt x="96" y="354"/>
                  <a:pt x="102" y="342"/>
                </a:cubicBezTo>
                <a:cubicBezTo>
                  <a:pt x="118" y="313"/>
                  <a:pt x="109" y="269"/>
                  <a:pt x="82" y="247"/>
                </a:cubicBezTo>
                <a:cubicBezTo>
                  <a:pt x="66" y="234"/>
                  <a:pt x="46" y="233"/>
                  <a:pt x="26" y="241"/>
                </a:cubicBezTo>
                <a:cubicBezTo>
                  <a:pt x="26" y="215"/>
                  <a:pt x="26" y="177"/>
                  <a:pt x="26" y="161"/>
                </a:cubicBezTo>
                <a:cubicBezTo>
                  <a:pt x="47" y="161"/>
                  <a:pt x="123" y="161"/>
                  <a:pt x="123" y="161"/>
                </a:cubicBezTo>
                <a:cubicBezTo>
                  <a:pt x="127" y="161"/>
                  <a:pt x="132" y="158"/>
                  <a:pt x="134" y="154"/>
                </a:cubicBezTo>
                <a:cubicBezTo>
                  <a:pt x="135" y="152"/>
                  <a:pt x="136" y="150"/>
                  <a:pt x="136" y="147"/>
                </a:cubicBezTo>
                <a:cubicBezTo>
                  <a:pt x="136" y="145"/>
                  <a:pt x="135" y="143"/>
                  <a:pt x="134" y="141"/>
                </a:cubicBezTo>
                <a:cubicBezTo>
                  <a:pt x="122" y="119"/>
                  <a:pt x="116" y="100"/>
                  <a:pt x="116" y="83"/>
                </a:cubicBezTo>
                <a:cubicBezTo>
                  <a:pt x="116" y="69"/>
                  <a:pt x="121" y="56"/>
                  <a:pt x="131" y="47"/>
                </a:cubicBezTo>
                <a:cubicBezTo>
                  <a:pt x="149" y="31"/>
                  <a:pt x="179" y="29"/>
                  <a:pt x="200" y="44"/>
                </a:cubicBezTo>
                <a:cubicBezTo>
                  <a:pt x="226" y="61"/>
                  <a:pt x="230" y="97"/>
                  <a:pt x="213" y="142"/>
                </a:cubicBezTo>
                <a:cubicBezTo>
                  <a:pt x="211" y="146"/>
                  <a:pt x="212" y="151"/>
                  <a:pt x="214" y="155"/>
                </a:cubicBezTo>
                <a:cubicBezTo>
                  <a:pt x="216" y="158"/>
                  <a:pt x="221" y="161"/>
                  <a:pt x="225" y="161"/>
                </a:cubicBezTo>
                <a:cubicBezTo>
                  <a:pt x="225" y="161"/>
                  <a:pt x="311" y="161"/>
                  <a:pt x="332" y="161"/>
                </a:cubicBezTo>
                <a:cubicBezTo>
                  <a:pt x="332" y="176"/>
                  <a:pt x="332" y="206"/>
                  <a:pt x="332" y="226"/>
                </a:cubicBezTo>
                <a:cubicBezTo>
                  <a:pt x="286" y="213"/>
                  <a:pt x="262" y="234"/>
                  <a:pt x="253" y="245"/>
                </a:cubicBezTo>
                <a:cubicBezTo>
                  <a:pt x="234" y="268"/>
                  <a:pt x="234" y="305"/>
                  <a:pt x="252" y="330"/>
                </a:cubicBezTo>
                <a:cubicBezTo>
                  <a:pt x="269" y="354"/>
                  <a:pt x="298" y="363"/>
                  <a:pt x="332" y="356"/>
                </a:cubicBezTo>
                <a:cubicBezTo>
                  <a:pt x="332" y="377"/>
                  <a:pt x="332" y="414"/>
                  <a:pt x="332" y="431"/>
                </a:cubicBezTo>
                <a:cubicBezTo>
                  <a:pt x="309" y="431"/>
                  <a:pt x="122" y="431"/>
                  <a:pt x="122" y="431"/>
                </a:cubicBezTo>
                <a:cubicBezTo>
                  <a:pt x="115" y="431"/>
                  <a:pt x="109" y="437"/>
                  <a:pt x="109" y="444"/>
                </a:cubicBezTo>
                <a:cubicBezTo>
                  <a:pt x="109" y="451"/>
                  <a:pt x="115" y="457"/>
                  <a:pt x="122" y="457"/>
                </a:cubicBezTo>
                <a:cubicBezTo>
                  <a:pt x="346" y="457"/>
                  <a:pt x="346" y="457"/>
                  <a:pt x="346" y="457"/>
                </a:cubicBezTo>
                <a:cubicBezTo>
                  <a:pt x="353" y="457"/>
                  <a:pt x="359" y="451"/>
                  <a:pt x="359" y="444"/>
                </a:cubicBezTo>
                <a:cubicBezTo>
                  <a:pt x="359" y="338"/>
                  <a:pt x="359" y="338"/>
                  <a:pt x="359" y="338"/>
                </a:cubicBezTo>
                <a:cubicBezTo>
                  <a:pt x="359" y="334"/>
                  <a:pt x="357" y="330"/>
                  <a:pt x="353" y="327"/>
                </a:cubicBezTo>
                <a:cubicBezTo>
                  <a:pt x="350" y="325"/>
                  <a:pt x="345" y="324"/>
                  <a:pt x="341" y="326"/>
                </a:cubicBezTo>
                <a:cubicBezTo>
                  <a:pt x="311" y="337"/>
                  <a:pt x="286" y="333"/>
                  <a:pt x="274" y="314"/>
                </a:cubicBezTo>
                <a:cubicBezTo>
                  <a:pt x="262" y="299"/>
                  <a:pt x="263" y="276"/>
                  <a:pt x="274" y="262"/>
                </a:cubicBezTo>
                <a:cubicBezTo>
                  <a:pt x="286" y="246"/>
                  <a:pt x="311" y="245"/>
                  <a:pt x="340" y="258"/>
                </a:cubicBezTo>
                <a:cubicBezTo>
                  <a:pt x="344" y="259"/>
                  <a:pt x="349" y="259"/>
                  <a:pt x="353" y="257"/>
                </a:cubicBezTo>
                <a:cubicBezTo>
                  <a:pt x="357" y="254"/>
                  <a:pt x="359" y="250"/>
                  <a:pt x="359" y="245"/>
                </a:cubicBezTo>
                <a:cubicBezTo>
                  <a:pt x="359" y="147"/>
                  <a:pt x="359" y="147"/>
                  <a:pt x="359" y="147"/>
                </a:cubicBezTo>
                <a:cubicBezTo>
                  <a:pt x="359" y="140"/>
                  <a:pt x="353" y="134"/>
                  <a:pt x="346" y="134"/>
                </a:cubicBezTo>
                <a:cubicBezTo>
                  <a:pt x="346" y="134"/>
                  <a:pt x="270" y="134"/>
                  <a:pt x="244" y="134"/>
                </a:cubicBezTo>
                <a:cubicBezTo>
                  <a:pt x="248" y="119"/>
                  <a:pt x="250" y="106"/>
                  <a:pt x="250" y="93"/>
                </a:cubicBezTo>
                <a:cubicBezTo>
                  <a:pt x="250" y="86"/>
                  <a:pt x="249" y="79"/>
                  <a:pt x="248" y="72"/>
                </a:cubicBezTo>
                <a:cubicBezTo>
                  <a:pt x="243" y="51"/>
                  <a:pt x="232" y="34"/>
                  <a:pt x="215" y="22"/>
                </a:cubicBezTo>
                <a:cubicBezTo>
                  <a:pt x="184" y="0"/>
                  <a:pt x="140" y="3"/>
                  <a:pt x="113" y="2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" name="Freeform 191"/>
          <p:cNvSpPr>
            <a:spLocks/>
          </p:cNvSpPr>
          <p:nvPr userDrawn="1"/>
        </p:nvSpPr>
        <p:spPr bwMode="auto">
          <a:xfrm>
            <a:off x="572158" y="2383849"/>
            <a:ext cx="428625" cy="515937"/>
          </a:xfrm>
          <a:custGeom>
            <a:avLst/>
            <a:gdLst/>
            <a:ahLst/>
            <a:cxnLst>
              <a:cxn ang="0">
                <a:pos x="148" y="457"/>
              </a:cxn>
              <a:cxn ang="0">
                <a:pos x="0" y="272"/>
              </a:cxn>
              <a:cxn ang="0">
                <a:pos x="41" y="169"/>
              </a:cxn>
              <a:cxn ang="0">
                <a:pos x="75" y="252"/>
              </a:cxn>
              <a:cxn ang="0">
                <a:pos x="99" y="253"/>
              </a:cxn>
              <a:cxn ang="0">
                <a:pos x="108" y="61"/>
              </a:cxn>
              <a:cxn ang="0">
                <a:pos x="249" y="9"/>
              </a:cxn>
              <a:cxn ang="0">
                <a:pos x="211" y="121"/>
              </a:cxn>
              <a:cxn ang="0">
                <a:pos x="270" y="218"/>
              </a:cxn>
              <a:cxn ang="0">
                <a:pos x="281" y="228"/>
              </a:cxn>
              <a:cxn ang="0">
                <a:pos x="302" y="99"/>
              </a:cxn>
              <a:cxn ang="0">
                <a:pos x="349" y="80"/>
              </a:cxn>
              <a:cxn ang="0">
                <a:pos x="362" y="185"/>
              </a:cxn>
              <a:cxn ang="0">
                <a:pos x="380" y="272"/>
              </a:cxn>
              <a:cxn ang="0">
                <a:pos x="247" y="453"/>
              </a:cxn>
              <a:cxn ang="0">
                <a:pos x="233" y="432"/>
              </a:cxn>
              <a:cxn ang="0">
                <a:pos x="238" y="370"/>
              </a:cxn>
              <a:cxn ang="0">
                <a:pos x="195" y="275"/>
              </a:cxn>
              <a:cxn ang="0">
                <a:pos x="135" y="344"/>
              </a:cxn>
              <a:cxn ang="0">
                <a:pos x="199" y="397"/>
              </a:cxn>
              <a:cxn ang="0">
                <a:pos x="196" y="423"/>
              </a:cxn>
              <a:cxn ang="0">
                <a:pos x="109" y="338"/>
              </a:cxn>
              <a:cxn ang="0">
                <a:pos x="178" y="245"/>
              </a:cxn>
              <a:cxn ang="0">
                <a:pos x="201" y="237"/>
              </a:cxn>
              <a:cxn ang="0">
                <a:pos x="241" y="344"/>
              </a:cxn>
              <a:cxn ang="0">
                <a:pos x="269" y="321"/>
              </a:cxn>
              <a:cxn ang="0">
                <a:pos x="278" y="409"/>
              </a:cxn>
              <a:cxn ang="0">
                <a:pos x="347" y="226"/>
              </a:cxn>
              <a:cxn ang="0">
                <a:pos x="337" y="193"/>
              </a:cxn>
              <a:cxn ang="0">
                <a:pos x="313" y="173"/>
              </a:cxn>
              <a:cxn ang="0">
                <a:pos x="267" y="255"/>
              </a:cxn>
              <a:cxn ang="0">
                <a:pos x="213" y="165"/>
              </a:cxn>
              <a:cxn ang="0">
                <a:pos x="183" y="74"/>
              </a:cxn>
              <a:cxn ang="0">
                <a:pos x="130" y="76"/>
              </a:cxn>
              <a:cxn ang="0">
                <a:pos x="121" y="268"/>
              </a:cxn>
              <a:cxn ang="0">
                <a:pos x="58" y="272"/>
              </a:cxn>
              <a:cxn ang="0">
                <a:pos x="26" y="272"/>
              </a:cxn>
              <a:cxn ang="0">
                <a:pos x="164" y="447"/>
              </a:cxn>
            </a:cxnLst>
            <a:rect l="0" t="0" r="r" b="b"/>
            <a:pathLst>
              <a:path w="380" h="458">
                <a:moveTo>
                  <a:pt x="151" y="458"/>
                </a:moveTo>
                <a:cubicBezTo>
                  <a:pt x="150" y="458"/>
                  <a:pt x="149" y="457"/>
                  <a:pt x="148" y="457"/>
                </a:cubicBezTo>
                <a:cubicBezTo>
                  <a:pt x="107" y="448"/>
                  <a:pt x="69" y="424"/>
                  <a:pt x="42" y="391"/>
                </a:cubicBezTo>
                <a:cubicBezTo>
                  <a:pt x="15" y="358"/>
                  <a:pt x="0" y="315"/>
                  <a:pt x="0" y="272"/>
                </a:cubicBezTo>
                <a:cubicBezTo>
                  <a:pt x="0" y="238"/>
                  <a:pt x="9" y="204"/>
                  <a:pt x="26" y="175"/>
                </a:cubicBezTo>
                <a:cubicBezTo>
                  <a:pt x="29" y="170"/>
                  <a:pt x="35" y="168"/>
                  <a:pt x="41" y="169"/>
                </a:cubicBezTo>
                <a:cubicBezTo>
                  <a:pt x="46" y="170"/>
                  <a:pt x="50" y="175"/>
                  <a:pt x="51" y="181"/>
                </a:cubicBezTo>
                <a:cubicBezTo>
                  <a:pt x="53" y="214"/>
                  <a:pt x="62" y="240"/>
                  <a:pt x="75" y="252"/>
                </a:cubicBezTo>
                <a:cubicBezTo>
                  <a:pt x="80" y="256"/>
                  <a:pt x="85" y="258"/>
                  <a:pt x="91" y="258"/>
                </a:cubicBezTo>
                <a:cubicBezTo>
                  <a:pt x="93" y="258"/>
                  <a:pt x="96" y="257"/>
                  <a:pt x="99" y="253"/>
                </a:cubicBezTo>
                <a:cubicBezTo>
                  <a:pt x="101" y="249"/>
                  <a:pt x="109" y="232"/>
                  <a:pt x="96" y="191"/>
                </a:cubicBezTo>
                <a:cubicBezTo>
                  <a:pt x="75" y="129"/>
                  <a:pt x="85" y="95"/>
                  <a:pt x="108" y="61"/>
                </a:cubicBezTo>
                <a:cubicBezTo>
                  <a:pt x="126" y="36"/>
                  <a:pt x="168" y="6"/>
                  <a:pt x="235" y="0"/>
                </a:cubicBezTo>
                <a:cubicBezTo>
                  <a:pt x="241" y="0"/>
                  <a:pt x="247" y="3"/>
                  <a:pt x="249" y="9"/>
                </a:cubicBezTo>
                <a:cubicBezTo>
                  <a:pt x="251" y="14"/>
                  <a:pt x="250" y="20"/>
                  <a:pt x="245" y="24"/>
                </a:cubicBezTo>
                <a:cubicBezTo>
                  <a:pt x="201" y="61"/>
                  <a:pt x="204" y="103"/>
                  <a:pt x="211" y="121"/>
                </a:cubicBezTo>
                <a:cubicBezTo>
                  <a:pt x="216" y="131"/>
                  <a:pt x="223" y="138"/>
                  <a:pt x="231" y="145"/>
                </a:cubicBezTo>
                <a:cubicBezTo>
                  <a:pt x="246" y="159"/>
                  <a:pt x="263" y="175"/>
                  <a:pt x="270" y="218"/>
                </a:cubicBezTo>
                <a:cubicBezTo>
                  <a:pt x="271" y="225"/>
                  <a:pt x="274" y="229"/>
                  <a:pt x="276" y="230"/>
                </a:cubicBezTo>
                <a:cubicBezTo>
                  <a:pt x="278" y="230"/>
                  <a:pt x="280" y="229"/>
                  <a:pt x="281" y="228"/>
                </a:cubicBezTo>
                <a:cubicBezTo>
                  <a:pt x="288" y="223"/>
                  <a:pt x="293" y="206"/>
                  <a:pt x="287" y="179"/>
                </a:cubicBezTo>
                <a:cubicBezTo>
                  <a:pt x="281" y="150"/>
                  <a:pt x="286" y="121"/>
                  <a:pt x="302" y="99"/>
                </a:cubicBezTo>
                <a:cubicBezTo>
                  <a:pt x="311" y="85"/>
                  <a:pt x="324" y="77"/>
                  <a:pt x="336" y="75"/>
                </a:cubicBezTo>
                <a:cubicBezTo>
                  <a:pt x="341" y="74"/>
                  <a:pt x="346" y="76"/>
                  <a:pt x="349" y="80"/>
                </a:cubicBezTo>
                <a:cubicBezTo>
                  <a:pt x="351" y="83"/>
                  <a:pt x="352" y="88"/>
                  <a:pt x="351" y="93"/>
                </a:cubicBezTo>
                <a:cubicBezTo>
                  <a:pt x="341" y="120"/>
                  <a:pt x="352" y="153"/>
                  <a:pt x="362" y="185"/>
                </a:cubicBezTo>
                <a:cubicBezTo>
                  <a:pt x="366" y="196"/>
                  <a:pt x="370" y="207"/>
                  <a:pt x="373" y="219"/>
                </a:cubicBezTo>
                <a:cubicBezTo>
                  <a:pt x="378" y="236"/>
                  <a:pt x="380" y="254"/>
                  <a:pt x="380" y="272"/>
                </a:cubicBezTo>
                <a:cubicBezTo>
                  <a:pt x="380" y="313"/>
                  <a:pt x="367" y="352"/>
                  <a:pt x="343" y="385"/>
                </a:cubicBezTo>
                <a:cubicBezTo>
                  <a:pt x="319" y="418"/>
                  <a:pt x="286" y="441"/>
                  <a:pt x="247" y="453"/>
                </a:cubicBezTo>
                <a:cubicBezTo>
                  <a:pt x="242" y="455"/>
                  <a:pt x="235" y="453"/>
                  <a:pt x="232" y="448"/>
                </a:cubicBezTo>
                <a:cubicBezTo>
                  <a:pt x="229" y="443"/>
                  <a:pt x="229" y="436"/>
                  <a:pt x="233" y="432"/>
                </a:cubicBezTo>
                <a:cubicBezTo>
                  <a:pt x="255" y="407"/>
                  <a:pt x="261" y="383"/>
                  <a:pt x="261" y="366"/>
                </a:cubicBezTo>
                <a:cubicBezTo>
                  <a:pt x="254" y="370"/>
                  <a:pt x="245" y="371"/>
                  <a:pt x="238" y="370"/>
                </a:cubicBezTo>
                <a:cubicBezTo>
                  <a:pt x="220" y="368"/>
                  <a:pt x="203" y="354"/>
                  <a:pt x="204" y="327"/>
                </a:cubicBezTo>
                <a:cubicBezTo>
                  <a:pt x="205" y="304"/>
                  <a:pt x="202" y="288"/>
                  <a:pt x="195" y="275"/>
                </a:cubicBezTo>
                <a:cubicBezTo>
                  <a:pt x="188" y="287"/>
                  <a:pt x="177" y="295"/>
                  <a:pt x="167" y="303"/>
                </a:cubicBezTo>
                <a:cubicBezTo>
                  <a:pt x="153" y="315"/>
                  <a:pt x="140" y="326"/>
                  <a:pt x="135" y="344"/>
                </a:cubicBezTo>
                <a:cubicBezTo>
                  <a:pt x="132" y="355"/>
                  <a:pt x="133" y="364"/>
                  <a:pt x="138" y="371"/>
                </a:cubicBezTo>
                <a:cubicBezTo>
                  <a:pt x="147" y="384"/>
                  <a:pt x="168" y="393"/>
                  <a:pt x="199" y="397"/>
                </a:cubicBezTo>
                <a:cubicBezTo>
                  <a:pt x="207" y="398"/>
                  <a:pt x="212" y="404"/>
                  <a:pt x="211" y="412"/>
                </a:cubicBezTo>
                <a:cubicBezTo>
                  <a:pt x="210" y="419"/>
                  <a:pt x="203" y="424"/>
                  <a:pt x="196" y="423"/>
                </a:cubicBezTo>
                <a:cubicBezTo>
                  <a:pt x="156" y="418"/>
                  <a:pt x="129" y="406"/>
                  <a:pt x="116" y="386"/>
                </a:cubicBezTo>
                <a:cubicBezTo>
                  <a:pt x="107" y="373"/>
                  <a:pt x="105" y="356"/>
                  <a:pt x="109" y="338"/>
                </a:cubicBezTo>
                <a:cubicBezTo>
                  <a:pt x="116" y="311"/>
                  <a:pt x="134" y="296"/>
                  <a:pt x="150" y="283"/>
                </a:cubicBezTo>
                <a:cubicBezTo>
                  <a:pt x="167" y="269"/>
                  <a:pt x="177" y="260"/>
                  <a:pt x="178" y="245"/>
                </a:cubicBezTo>
                <a:cubicBezTo>
                  <a:pt x="178" y="239"/>
                  <a:pt x="182" y="234"/>
                  <a:pt x="187" y="233"/>
                </a:cubicBezTo>
                <a:cubicBezTo>
                  <a:pt x="192" y="231"/>
                  <a:pt x="198" y="233"/>
                  <a:pt x="201" y="237"/>
                </a:cubicBezTo>
                <a:cubicBezTo>
                  <a:pt x="220" y="260"/>
                  <a:pt x="232" y="283"/>
                  <a:pt x="231" y="327"/>
                </a:cubicBezTo>
                <a:cubicBezTo>
                  <a:pt x="230" y="337"/>
                  <a:pt x="234" y="343"/>
                  <a:pt x="241" y="344"/>
                </a:cubicBezTo>
                <a:cubicBezTo>
                  <a:pt x="246" y="345"/>
                  <a:pt x="255" y="342"/>
                  <a:pt x="257" y="331"/>
                </a:cubicBezTo>
                <a:cubicBezTo>
                  <a:pt x="258" y="325"/>
                  <a:pt x="263" y="321"/>
                  <a:pt x="269" y="321"/>
                </a:cubicBezTo>
                <a:cubicBezTo>
                  <a:pt x="275" y="320"/>
                  <a:pt x="281" y="324"/>
                  <a:pt x="283" y="329"/>
                </a:cubicBezTo>
                <a:cubicBezTo>
                  <a:pt x="290" y="349"/>
                  <a:pt x="291" y="379"/>
                  <a:pt x="278" y="409"/>
                </a:cubicBezTo>
                <a:cubicBezTo>
                  <a:pt x="325" y="380"/>
                  <a:pt x="354" y="329"/>
                  <a:pt x="354" y="272"/>
                </a:cubicBezTo>
                <a:cubicBezTo>
                  <a:pt x="354" y="256"/>
                  <a:pt x="351" y="241"/>
                  <a:pt x="347" y="226"/>
                </a:cubicBezTo>
                <a:cubicBezTo>
                  <a:pt x="347" y="226"/>
                  <a:pt x="347" y="226"/>
                  <a:pt x="347" y="225"/>
                </a:cubicBezTo>
                <a:cubicBezTo>
                  <a:pt x="344" y="215"/>
                  <a:pt x="341" y="205"/>
                  <a:pt x="337" y="193"/>
                </a:cubicBezTo>
                <a:cubicBezTo>
                  <a:pt x="329" y="170"/>
                  <a:pt x="321" y="145"/>
                  <a:pt x="320" y="120"/>
                </a:cubicBezTo>
                <a:cubicBezTo>
                  <a:pt x="315" y="130"/>
                  <a:pt x="308" y="148"/>
                  <a:pt x="313" y="173"/>
                </a:cubicBezTo>
                <a:cubicBezTo>
                  <a:pt x="320" y="207"/>
                  <a:pt x="315" y="234"/>
                  <a:pt x="299" y="248"/>
                </a:cubicBezTo>
                <a:cubicBezTo>
                  <a:pt x="290" y="256"/>
                  <a:pt x="278" y="259"/>
                  <a:pt x="267" y="255"/>
                </a:cubicBezTo>
                <a:cubicBezTo>
                  <a:pt x="254" y="250"/>
                  <a:pt x="246" y="238"/>
                  <a:pt x="243" y="222"/>
                </a:cubicBezTo>
                <a:cubicBezTo>
                  <a:pt x="238" y="188"/>
                  <a:pt x="226" y="178"/>
                  <a:pt x="213" y="165"/>
                </a:cubicBezTo>
                <a:cubicBezTo>
                  <a:pt x="204" y="157"/>
                  <a:pt x="194" y="147"/>
                  <a:pt x="187" y="132"/>
                </a:cubicBezTo>
                <a:cubicBezTo>
                  <a:pt x="180" y="115"/>
                  <a:pt x="178" y="95"/>
                  <a:pt x="183" y="74"/>
                </a:cubicBezTo>
                <a:cubicBezTo>
                  <a:pt x="186" y="60"/>
                  <a:pt x="192" y="46"/>
                  <a:pt x="200" y="33"/>
                </a:cubicBezTo>
                <a:cubicBezTo>
                  <a:pt x="164" y="43"/>
                  <a:pt x="140" y="61"/>
                  <a:pt x="130" y="76"/>
                </a:cubicBezTo>
                <a:cubicBezTo>
                  <a:pt x="114" y="100"/>
                  <a:pt x="102" y="125"/>
                  <a:pt x="121" y="182"/>
                </a:cubicBezTo>
                <a:cubicBezTo>
                  <a:pt x="133" y="219"/>
                  <a:pt x="133" y="249"/>
                  <a:pt x="121" y="268"/>
                </a:cubicBezTo>
                <a:cubicBezTo>
                  <a:pt x="114" y="278"/>
                  <a:pt x="104" y="284"/>
                  <a:pt x="93" y="284"/>
                </a:cubicBezTo>
                <a:cubicBezTo>
                  <a:pt x="80" y="285"/>
                  <a:pt x="68" y="281"/>
                  <a:pt x="58" y="272"/>
                </a:cubicBezTo>
                <a:cubicBezTo>
                  <a:pt x="47" y="262"/>
                  <a:pt x="38" y="247"/>
                  <a:pt x="32" y="229"/>
                </a:cubicBezTo>
                <a:cubicBezTo>
                  <a:pt x="28" y="243"/>
                  <a:pt x="26" y="257"/>
                  <a:pt x="26" y="272"/>
                </a:cubicBezTo>
                <a:cubicBezTo>
                  <a:pt x="26" y="347"/>
                  <a:pt x="80" y="415"/>
                  <a:pt x="154" y="431"/>
                </a:cubicBezTo>
                <a:cubicBezTo>
                  <a:pt x="161" y="433"/>
                  <a:pt x="166" y="440"/>
                  <a:pt x="164" y="447"/>
                </a:cubicBezTo>
                <a:cubicBezTo>
                  <a:pt x="163" y="453"/>
                  <a:pt x="157" y="458"/>
                  <a:pt x="151" y="45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Freeform 195"/>
          <p:cNvSpPr>
            <a:spLocks/>
          </p:cNvSpPr>
          <p:nvPr userDrawn="1"/>
        </p:nvSpPr>
        <p:spPr bwMode="auto">
          <a:xfrm>
            <a:off x="537233" y="2997308"/>
            <a:ext cx="498475" cy="501650"/>
          </a:xfrm>
          <a:custGeom>
            <a:avLst/>
            <a:gdLst/>
            <a:ahLst/>
            <a:cxnLst>
              <a:cxn ang="0">
                <a:pos x="5" y="5"/>
              </a:cxn>
              <a:cxn ang="0">
                <a:pos x="5" y="24"/>
              </a:cxn>
              <a:cxn ang="0">
                <a:pos x="212" y="231"/>
              </a:cxn>
              <a:cxn ang="0">
                <a:pos x="221" y="235"/>
              </a:cxn>
              <a:cxn ang="0">
                <a:pos x="231" y="231"/>
              </a:cxn>
              <a:cxn ang="0">
                <a:pos x="255" y="207"/>
              </a:cxn>
              <a:cxn ang="0">
                <a:pos x="263" y="215"/>
              </a:cxn>
              <a:cxn ang="0">
                <a:pos x="263" y="234"/>
              </a:cxn>
              <a:cxn ang="0">
                <a:pos x="270" y="246"/>
              </a:cxn>
              <a:cxn ang="0">
                <a:pos x="318" y="270"/>
              </a:cxn>
              <a:cxn ang="0">
                <a:pos x="409" y="361"/>
              </a:cxn>
              <a:cxn ang="0">
                <a:pos x="415" y="376"/>
              </a:cxn>
              <a:cxn ang="0">
                <a:pos x="409" y="391"/>
              </a:cxn>
              <a:cxn ang="0">
                <a:pos x="391" y="408"/>
              </a:cxn>
              <a:cxn ang="0">
                <a:pos x="361" y="408"/>
              </a:cxn>
              <a:cxn ang="0">
                <a:pos x="270" y="317"/>
              </a:cxn>
              <a:cxn ang="0">
                <a:pos x="246" y="270"/>
              </a:cxn>
              <a:cxn ang="0">
                <a:pos x="234" y="263"/>
              </a:cxn>
              <a:cxn ang="0">
                <a:pos x="209" y="263"/>
              </a:cxn>
              <a:cxn ang="0">
                <a:pos x="196" y="276"/>
              </a:cxn>
              <a:cxn ang="0">
                <a:pos x="209" y="289"/>
              </a:cxn>
              <a:cxn ang="0">
                <a:pos x="226" y="289"/>
              </a:cxn>
              <a:cxn ang="0">
                <a:pos x="247" y="331"/>
              </a:cxn>
              <a:cxn ang="0">
                <a:pos x="250" y="335"/>
              </a:cxn>
              <a:cxn ang="0">
                <a:pos x="342" y="427"/>
              </a:cxn>
              <a:cxn ang="0">
                <a:pos x="410" y="427"/>
              </a:cxn>
              <a:cxn ang="0">
                <a:pos x="428" y="410"/>
              </a:cxn>
              <a:cxn ang="0">
                <a:pos x="442" y="376"/>
              </a:cxn>
              <a:cxn ang="0">
                <a:pos x="428" y="342"/>
              </a:cxn>
              <a:cxn ang="0">
                <a:pos x="335" y="249"/>
              </a:cxn>
              <a:cxn ang="0">
                <a:pos x="332" y="247"/>
              </a:cxn>
              <a:cxn ang="0">
                <a:pos x="290" y="226"/>
              </a:cxn>
              <a:cxn ang="0">
                <a:pos x="290" y="209"/>
              </a:cxn>
              <a:cxn ang="0">
                <a:pos x="286" y="200"/>
              </a:cxn>
              <a:cxn ang="0">
                <a:pos x="265" y="179"/>
              </a:cxn>
              <a:cxn ang="0">
                <a:pos x="255" y="175"/>
              </a:cxn>
              <a:cxn ang="0">
                <a:pos x="246" y="179"/>
              </a:cxn>
              <a:cxn ang="0">
                <a:pos x="221" y="203"/>
              </a:cxn>
              <a:cxn ang="0">
                <a:pos x="24" y="5"/>
              </a:cxn>
              <a:cxn ang="0">
                <a:pos x="5" y="5"/>
              </a:cxn>
            </a:cxnLst>
            <a:rect l="0" t="0" r="r" b="b"/>
            <a:pathLst>
              <a:path w="442" h="446">
                <a:moveTo>
                  <a:pt x="5" y="5"/>
                </a:moveTo>
                <a:cubicBezTo>
                  <a:pt x="0" y="11"/>
                  <a:pt x="0" y="19"/>
                  <a:pt x="5" y="24"/>
                </a:cubicBezTo>
                <a:cubicBezTo>
                  <a:pt x="212" y="231"/>
                  <a:pt x="212" y="231"/>
                  <a:pt x="212" y="231"/>
                </a:cubicBezTo>
                <a:cubicBezTo>
                  <a:pt x="215" y="234"/>
                  <a:pt x="218" y="235"/>
                  <a:pt x="221" y="235"/>
                </a:cubicBezTo>
                <a:cubicBezTo>
                  <a:pt x="225" y="235"/>
                  <a:pt x="228" y="234"/>
                  <a:pt x="231" y="231"/>
                </a:cubicBezTo>
                <a:cubicBezTo>
                  <a:pt x="231" y="231"/>
                  <a:pt x="246" y="217"/>
                  <a:pt x="255" y="207"/>
                </a:cubicBezTo>
                <a:cubicBezTo>
                  <a:pt x="259" y="211"/>
                  <a:pt x="261" y="212"/>
                  <a:pt x="263" y="215"/>
                </a:cubicBezTo>
                <a:cubicBezTo>
                  <a:pt x="263" y="221"/>
                  <a:pt x="263" y="234"/>
                  <a:pt x="263" y="234"/>
                </a:cubicBezTo>
                <a:cubicBezTo>
                  <a:pt x="263" y="239"/>
                  <a:pt x="266" y="244"/>
                  <a:pt x="270" y="246"/>
                </a:cubicBezTo>
                <a:cubicBezTo>
                  <a:pt x="270" y="246"/>
                  <a:pt x="314" y="268"/>
                  <a:pt x="318" y="270"/>
                </a:cubicBezTo>
                <a:cubicBezTo>
                  <a:pt x="321" y="273"/>
                  <a:pt x="409" y="361"/>
                  <a:pt x="409" y="361"/>
                </a:cubicBezTo>
                <a:cubicBezTo>
                  <a:pt x="413" y="365"/>
                  <a:pt x="415" y="370"/>
                  <a:pt x="415" y="376"/>
                </a:cubicBezTo>
                <a:cubicBezTo>
                  <a:pt x="415" y="381"/>
                  <a:pt x="413" y="387"/>
                  <a:pt x="409" y="391"/>
                </a:cubicBezTo>
                <a:cubicBezTo>
                  <a:pt x="391" y="408"/>
                  <a:pt x="391" y="408"/>
                  <a:pt x="391" y="408"/>
                </a:cubicBezTo>
                <a:cubicBezTo>
                  <a:pt x="383" y="417"/>
                  <a:pt x="369" y="417"/>
                  <a:pt x="361" y="408"/>
                </a:cubicBezTo>
                <a:cubicBezTo>
                  <a:pt x="361" y="408"/>
                  <a:pt x="273" y="320"/>
                  <a:pt x="270" y="317"/>
                </a:cubicBezTo>
                <a:cubicBezTo>
                  <a:pt x="268" y="314"/>
                  <a:pt x="246" y="270"/>
                  <a:pt x="246" y="270"/>
                </a:cubicBezTo>
                <a:cubicBezTo>
                  <a:pt x="244" y="266"/>
                  <a:pt x="239" y="263"/>
                  <a:pt x="234" y="263"/>
                </a:cubicBezTo>
                <a:cubicBezTo>
                  <a:pt x="209" y="263"/>
                  <a:pt x="209" y="263"/>
                  <a:pt x="209" y="263"/>
                </a:cubicBezTo>
                <a:cubicBezTo>
                  <a:pt x="202" y="263"/>
                  <a:pt x="196" y="269"/>
                  <a:pt x="196" y="276"/>
                </a:cubicBezTo>
                <a:cubicBezTo>
                  <a:pt x="196" y="283"/>
                  <a:pt x="202" y="289"/>
                  <a:pt x="209" y="289"/>
                </a:cubicBezTo>
                <a:cubicBezTo>
                  <a:pt x="209" y="289"/>
                  <a:pt x="219" y="289"/>
                  <a:pt x="226" y="289"/>
                </a:cubicBezTo>
                <a:cubicBezTo>
                  <a:pt x="231" y="300"/>
                  <a:pt x="247" y="331"/>
                  <a:pt x="247" y="331"/>
                </a:cubicBezTo>
                <a:cubicBezTo>
                  <a:pt x="248" y="332"/>
                  <a:pt x="249" y="334"/>
                  <a:pt x="250" y="335"/>
                </a:cubicBezTo>
                <a:cubicBezTo>
                  <a:pt x="342" y="427"/>
                  <a:pt x="342" y="427"/>
                  <a:pt x="342" y="427"/>
                </a:cubicBezTo>
                <a:cubicBezTo>
                  <a:pt x="361" y="446"/>
                  <a:pt x="391" y="446"/>
                  <a:pt x="410" y="427"/>
                </a:cubicBezTo>
                <a:cubicBezTo>
                  <a:pt x="428" y="410"/>
                  <a:pt x="428" y="410"/>
                  <a:pt x="428" y="410"/>
                </a:cubicBezTo>
                <a:cubicBezTo>
                  <a:pt x="437" y="400"/>
                  <a:pt x="442" y="388"/>
                  <a:pt x="442" y="376"/>
                </a:cubicBezTo>
                <a:cubicBezTo>
                  <a:pt x="442" y="363"/>
                  <a:pt x="437" y="351"/>
                  <a:pt x="428" y="342"/>
                </a:cubicBezTo>
                <a:cubicBezTo>
                  <a:pt x="335" y="249"/>
                  <a:pt x="335" y="249"/>
                  <a:pt x="335" y="249"/>
                </a:cubicBezTo>
                <a:cubicBezTo>
                  <a:pt x="334" y="248"/>
                  <a:pt x="333" y="247"/>
                  <a:pt x="332" y="247"/>
                </a:cubicBezTo>
                <a:cubicBezTo>
                  <a:pt x="332" y="247"/>
                  <a:pt x="300" y="231"/>
                  <a:pt x="290" y="226"/>
                </a:cubicBezTo>
                <a:cubicBezTo>
                  <a:pt x="290" y="218"/>
                  <a:pt x="290" y="209"/>
                  <a:pt x="290" y="209"/>
                </a:cubicBezTo>
                <a:cubicBezTo>
                  <a:pt x="290" y="205"/>
                  <a:pt x="288" y="202"/>
                  <a:pt x="286" y="200"/>
                </a:cubicBezTo>
                <a:cubicBezTo>
                  <a:pt x="265" y="179"/>
                  <a:pt x="265" y="179"/>
                  <a:pt x="265" y="179"/>
                </a:cubicBezTo>
                <a:cubicBezTo>
                  <a:pt x="262" y="176"/>
                  <a:pt x="259" y="175"/>
                  <a:pt x="255" y="175"/>
                </a:cubicBezTo>
                <a:cubicBezTo>
                  <a:pt x="252" y="175"/>
                  <a:pt x="248" y="176"/>
                  <a:pt x="246" y="179"/>
                </a:cubicBezTo>
                <a:cubicBezTo>
                  <a:pt x="246" y="179"/>
                  <a:pt x="231" y="193"/>
                  <a:pt x="221" y="203"/>
                </a:cubicBezTo>
                <a:cubicBezTo>
                  <a:pt x="204" y="186"/>
                  <a:pt x="24" y="5"/>
                  <a:pt x="24" y="5"/>
                </a:cubicBezTo>
                <a:cubicBezTo>
                  <a:pt x="19" y="0"/>
                  <a:pt x="10" y="0"/>
                  <a:pt x="5" y="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" name="Freeform 199"/>
          <p:cNvSpPr>
            <a:spLocks/>
          </p:cNvSpPr>
          <p:nvPr userDrawn="1"/>
        </p:nvSpPr>
        <p:spPr bwMode="auto">
          <a:xfrm>
            <a:off x="556283" y="3677898"/>
            <a:ext cx="460375" cy="517525"/>
          </a:xfrm>
          <a:custGeom>
            <a:avLst/>
            <a:gdLst/>
            <a:ahLst/>
            <a:cxnLst>
              <a:cxn ang="0">
                <a:pos x="116" y="437"/>
              </a:cxn>
              <a:cxn ang="0">
                <a:pos x="89" y="367"/>
              </a:cxn>
              <a:cxn ang="0">
                <a:pos x="98" y="318"/>
              </a:cxn>
              <a:cxn ang="0">
                <a:pos x="113" y="309"/>
              </a:cxn>
              <a:cxn ang="0">
                <a:pos x="171" y="315"/>
              </a:cxn>
              <a:cxn ang="0">
                <a:pos x="249" y="296"/>
              </a:cxn>
              <a:cxn ang="0">
                <a:pos x="293" y="250"/>
              </a:cxn>
              <a:cxn ang="0">
                <a:pos x="330" y="113"/>
              </a:cxn>
              <a:cxn ang="0">
                <a:pos x="355" y="30"/>
              </a:cxn>
              <a:cxn ang="0">
                <a:pos x="357" y="28"/>
              </a:cxn>
              <a:cxn ang="0">
                <a:pos x="283" y="28"/>
              </a:cxn>
              <a:cxn ang="0">
                <a:pos x="145" y="42"/>
              </a:cxn>
              <a:cxn ang="0">
                <a:pos x="47" y="113"/>
              </a:cxn>
              <a:cxn ang="0">
                <a:pos x="27" y="178"/>
              </a:cxn>
              <a:cxn ang="0">
                <a:pos x="44" y="234"/>
              </a:cxn>
              <a:cxn ang="0">
                <a:pos x="103" y="268"/>
              </a:cxn>
              <a:cxn ang="0">
                <a:pos x="105" y="263"/>
              </a:cxn>
              <a:cxn ang="0">
                <a:pos x="113" y="229"/>
              </a:cxn>
              <a:cxn ang="0">
                <a:pos x="153" y="133"/>
              </a:cxn>
              <a:cxn ang="0">
                <a:pos x="231" y="91"/>
              </a:cxn>
              <a:cxn ang="0">
                <a:pos x="231" y="91"/>
              </a:cxn>
              <a:cxn ang="0">
                <a:pos x="246" y="103"/>
              </a:cxn>
              <a:cxn ang="0">
                <a:pos x="235" y="118"/>
              </a:cxn>
              <a:cxn ang="0">
                <a:pos x="192" y="135"/>
              </a:cxn>
              <a:cxn ang="0">
                <a:pos x="165" y="162"/>
              </a:cxn>
              <a:cxn ang="0">
                <a:pos x="141" y="232"/>
              </a:cxn>
              <a:cxn ang="0">
                <a:pos x="131" y="273"/>
              </a:cxn>
              <a:cxn ang="0">
                <a:pos x="118" y="291"/>
              </a:cxn>
              <a:cxn ang="0">
                <a:pos x="104" y="295"/>
              </a:cxn>
              <a:cxn ang="0">
                <a:pos x="99" y="295"/>
              </a:cxn>
              <a:cxn ang="0">
                <a:pos x="22" y="250"/>
              </a:cxn>
              <a:cxn ang="0">
                <a:pos x="0" y="178"/>
              </a:cxn>
              <a:cxn ang="0">
                <a:pos x="25" y="97"/>
              </a:cxn>
              <a:cxn ang="0">
                <a:pos x="137" y="15"/>
              </a:cxn>
              <a:cxn ang="0">
                <a:pos x="283" y="0"/>
              </a:cxn>
              <a:cxn ang="0">
                <a:pos x="362" y="1"/>
              </a:cxn>
              <a:cxn ang="0">
                <a:pos x="393" y="1"/>
              </a:cxn>
              <a:cxn ang="0">
                <a:pos x="407" y="12"/>
              </a:cxn>
              <a:cxn ang="0">
                <a:pos x="398" y="27"/>
              </a:cxn>
              <a:cxn ang="0">
                <a:pos x="385" y="37"/>
              </a:cxn>
              <a:cxn ang="0">
                <a:pos x="374" y="54"/>
              </a:cxn>
              <a:cxn ang="0">
                <a:pos x="358" y="111"/>
              </a:cxn>
              <a:cxn ang="0">
                <a:pos x="320" y="256"/>
              </a:cxn>
              <a:cxn ang="0">
                <a:pos x="245" y="329"/>
              </a:cxn>
              <a:cxn ang="0">
                <a:pos x="171" y="342"/>
              </a:cxn>
              <a:cxn ang="0">
                <a:pos x="120" y="338"/>
              </a:cxn>
              <a:cxn ang="0">
                <a:pos x="116" y="367"/>
              </a:cxn>
              <a:cxn ang="0">
                <a:pos x="135" y="418"/>
              </a:cxn>
              <a:cxn ang="0">
                <a:pos x="155" y="434"/>
              </a:cxn>
              <a:cxn ang="0">
                <a:pos x="155" y="434"/>
              </a:cxn>
              <a:cxn ang="0">
                <a:pos x="161" y="453"/>
              </a:cxn>
              <a:cxn ang="0">
                <a:pos x="149" y="460"/>
              </a:cxn>
              <a:cxn ang="0">
                <a:pos x="143" y="459"/>
              </a:cxn>
            </a:cxnLst>
            <a:rect l="0" t="0" r="r" b="b"/>
            <a:pathLst>
              <a:path w="408" h="460">
                <a:moveTo>
                  <a:pt x="143" y="459"/>
                </a:moveTo>
                <a:cubicBezTo>
                  <a:pt x="142" y="459"/>
                  <a:pt x="129" y="452"/>
                  <a:pt x="116" y="437"/>
                </a:cubicBezTo>
                <a:cubicBezTo>
                  <a:pt x="116" y="437"/>
                  <a:pt x="116" y="437"/>
                  <a:pt x="116" y="437"/>
                </a:cubicBezTo>
                <a:cubicBezTo>
                  <a:pt x="102" y="423"/>
                  <a:pt x="89" y="399"/>
                  <a:pt x="89" y="367"/>
                </a:cubicBezTo>
                <a:cubicBezTo>
                  <a:pt x="89" y="367"/>
                  <a:pt x="89" y="367"/>
                  <a:pt x="89" y="367"/>
                </a:cubicBezTo>
                <a:cubicBezTo>
                  <a:pt x="89" y="352"/>
                  <a:pt x="91" y="336"/>
                  <a:pt x="98" y="318"/>
                </a:cubicBezTo>
                <a:cubicBezTo>
                  <a:pt x="98" y="318"/>
                  <a:pt x="98" y="318"/>
                  <a:pt x="98" y="318"/>
                </a:cubicBezTo>
                <a:cubicBezTo>
                  <a:pt x="100" y="311"/>
                  <a:pt x="106" y="307"/>
                  <a:pt x="113" y="309"/>
                </a:cubicBezTo>
                <a:cubicBezTo>
                  <a:pt x="113" y="309"/>
                  <a:pt x="113" y="309"/>
                  <a:pt x="113" y="309"/>
                </a:cubicBezTo>
                <a:cubicBezTo>
                  <a:pt x="135" y="313"/>
                  <a:pt x="154" y="315"/>
                  <a:pt x="171" y="315"/>
                </a:cubicBezTo>
                <a:cubicBezTo>
                  <a:pt x="171" y="315"/>
                  <a:pt x="171" y="315"/>
                  <a:pt x="171" y="315"/>
                </a:cubicBezTo>
                <a:cubicBezTo>
                  <a:pt x="205" y="315"/>
                  <a:pt x="230" y="307"/>
                  <a:pt x="249" y="296"/>
                </a:cubicBezTo>
                <a:cubicBezTo>
                  <a:pt x="249" y="296"/>
                  <a:pt x="249" y="296"/>
                  <a:pt x="249" y="296"/>
                </a:cubicBezTo>
                <a:cubicBezTo>
                  <a:pt x="268" y="285"/>
                  <a:pt x="282" y="269"/>
                  <a:pt x="293" y="250"/>
                </a:cubicBezTo>
                <a:cubicBezTo>
                  <a:pt x="293" y="250"/>
                  <a:pt x="293" y="250"/>
                  <a:pt x="293" y="250"/>
                </a:cubicBezTo>
                <a:cubicBezTo>
                  <a:pt x="314" y="211"/>
                  <a:pt x="322" y="159"/>
                  <a:pt x="330" y="113"/>
                </a:cubicBezTo>
                <a:cubicBezTo>
                  <a:pt x="330" y="113"/>
                  <a:pt x="330" y="113"/>
                  <a:pt x="330" y="113"/>
                </a:cubicBezTo>
                <a:cubicBezTo>
                  <a:pt x="336" y="81"/>
                  <a:pt x="342" y="53"/>
                  <a:pt x="355" y="30"/>
                </a:cubicBezTo>
                <a:cubicBezTo>
                  <a:pt x="355" y="30"/>
                  <a:pt x="355" y="30"/>
                  <a:pt x="355" y="30"/>
                </a:cubicBezTo>
                <a:cubicBezTo>
                  <a:pt x="356" y="30"/>
                  <a:pt x="356" y="29"/>
                  <a:pt x="357" y="28"/>
                </a:cubicBezTo>
                <a:cubicBezTo>
                  <a:pt x="357" y="28"/>
                  <a:pt x="357" y="28"/>
                  <a:pt x="357" y="28"/>
                </a:cubicBezTo>
                <a:cubicBezTo>
                  <a:pt x="331" y="28"/>
                  <a:pt x="306" y="28"/>
                  <a:pt x="283" y="28"/>
                </a:cubicBezTo>
                <a:cubicBezTo>
                  <a:pt x="283" y="28"/>
                  <a:pt x="283" y="28"/>
                  <a:pt x="283" y="28"/>
                </a:cubicBezTo>
                <a:cubicBezTo>
                  <a:pt x="229" y="28"/>
                  <a:pt x="183" y="30"/>
                  <a:pt x="145" y="42"/>
                </a:cubicBezTo>
                <a:cubicBezTo>
                  <a:pt x="145" y="42"/>
                  <a:pt x="145" y="42"/>
                  <a:pt x="145" y="42"/>
                </a:cubicBezTo>
                <a:cubicBezTo>
                  <a:pt x="107" y="53"/>
                  <a:pt x="76" y="74"/>
                  <a:pt x="47" y="113"/>
                </a:cubicBezTo>
                <a:cubicBezTo>
                  <a:pt x="47" y="113"/>
                  <a:pt x="47" y="113"/>
                  <a:pt x="47" y="113"/>
                </a:cubicBezTo>
                <a:cubicBezTo>
                  <a:pt x="35" y="129"/>
                  <a:pt x="27" y="154"/>
                  <a:pt x="27" y="178"/>
                </a:cubicBezTo>
                <a:cubicBezTo>
                  <a:pt x="27" y="178"/>
                  <a:pt x="27" y="178"/>
                  <a:pt x="27" y="178"/>
                </a:cubicBezTo>
                <a:cubicBezTo>
                  <a:pt x="27" y="198"/>
                  <a:pt x="32" y="218"/>
                  <a:pt x="44" y="234"/>
                </a:cubicBezTo>
                <a:cubicBezTo>
                  <a:pt x="44" y="234"/>
                  <a:pt x="44" y="234"/>
                  <a:pt x="44" y="234"/>
                </a:cubicBezTo>
                <a:cubicBezTo>
                  <a:pt x="56" y="249"/>
                  <a:pt x="74" y="262"/>
                  <a:pt x="103" y="268"/>
                </a:cubicBezTo>
                <a:cubicBezTo>
                  <a:pt x="103" y="268"/>
                  <a:pt x="103" y="268"/>
                  <a:pt x="103" y="268"/>
                </a:cubicBezTo>
                <a:cubicBezTo>
                  <a:pt x="104" y="267"/>
                  <a:pt x="105" y="265"/>
                  <a:pt x="105" y="263"/>
                </a:cubicBezTo>
                <a:cubicBezTo>
                  <a:pt x="105" y="263"/>
                  <a:pt x="105" y="263"/>
                  <a:pt x="105" y="263"/>
                </a:cubicBezTo>
                <a:cubicBezTo>
                  <a:pt x="108" y="255"/>
                  <a:pt x="110" y="243"/>
                  <a:pt x="113" y="229"/>
                </a:cubicBezTo>
                <a:cubicBezTo>
                  <a:pt x="113" y="229"/>
                  <a:pt x="113" y="229"/>
                  <a:pt x="113" y="229"/>
                </a:cubicBezTo>
                <a:cubicBezTo>
                  <a:pt x="119" y="200"/>
                  <a:pt x="127" y="162"/>
                  <a:pt x="153" y="133"/>
                </a:cubicBezTo>
                <a:cubicBezTo>
                  <a:pt x="153" y="133"/>
                  <a:pt x="153" y="133"/>
                  <a:pt x="153" y="133"/>
                </a:cubicBezTo>
                <a:cubicBezTo>
                  <a:pt x="170" y="113"/>
                  <a:pt x="196" y="97"/>
                  <a:pt x="231" y="91"/>
                </a:cubicBezTo>
                <a:cubicBezTo>
                  <a:pt x="231" y="91"/>
                  <a:pt x="231" y="91"/>
                  <a:pt x="231" y="91"/>
                </a:cubicBezTo>
                <a:cubicBezTo>
                  <a:pt x="231" y="91"/>
                  <a:pt x="231" y="91"/>
                  <a:pt x="231" y="91"/>
                </a:cubicBezTo>
                <a:cubicBezTo>
                  <a:pt x="238" y="90"/>
                  <a:pt x="245" y="95"/>
                  <a:pt x="246" y="103"/>
                </a:cubicBezTo>
                <a:cubicBezTo>
                  <a:pt x="246" y="103"/>
                  <a:pt x="246" y="103"/>
                  <a:pt x="246" y="103"/>
                </a:cubicBezTo>
                <a:cubicBezTo>
                  <a:pt x="248" y="110"/>
                  <a:pt x="243" y="117"/>
                  <a:pt x="235" y="118"/>
                </a:cubicBezTo>
                <a:cubicBezTo>
                  <a:pt x="235" y="118"/>
                  <a:pt x="235" y="118"/>
                  <a:pt x="235" y="118"/>
                </a:cubicBezTo>
                <a:cubicBezTo>
                  <a:pt x="217" y="121"/>
                  <a:pt x="203" y="127"/>
                  <a:pt x="192" y="135"/>
                </a:cubicBezTo>
                <a:cubicBezTo>
                  <a:pt x="192" y="135"/>
                  <a:pt x="192" y="135"/>
                  <a:pt x="192" y="135"/>
                </a:cubicBezTo>
                <a:cubicBezTo>
                  <a:pt x="181" y="142"/>
                  <a:pt x="172" y="151"/>
                  <a:pt x="165" y="162"/>
                </a:cubicBezTo>
                <a:cubicBezTo>
                  <a:pt x="165" y="162"/>
                  <a:pt x="165" y="162"/>
                  <a:pt x="165" y="162"/>
                </a:cubicBezTo>
                <a:cubicBezTo>
                  <a:pt x="152" y="183"/>
                  <a:pt x="145" y="209"/>
                  <a:pt x="141" y="232"/>
                </a:cubicBezTo>
                <a:cubicBezTo>
                  <a:pt x="141" y="232"/>
                  <a:pt x="141" y="232"/>
                  <a:pt x="141" y="232"/>
                </a:cubicBezTo>
                <a:cubicBezTo>
                  <a:pt x="137" y="248"/>
                  <a:pt x="135" y="262"/>
                  <a:pt x="131" y="273"/>
                </a:cubicBezTo>
                <a:cubicBezTo>
                  <a:pt x="131" y="273"/>
                  <a:pt x="131" y="273"/>
                  <a:pt x="131" y="273"/>
                </a:cubicBezTo>
                <a:cubicBezTo>
                  <a:pt x="128" y="280"/>
                  <a:pt x="125" y="286"/>
                  <a:pt x="118" y="291"/>
                </a:cubicBezTo>
                <a:cubicBezTo>
                  <a:pt x="118" y="291"/>
                  <a:pt x="118" y="291"/>
                  <a:pt x="118" y="291"/>
                </a:cubicBezTo>
                <a:cubicBezTo>
                  <a:pt x="114" y="294"/>
                  <a:pt x="109" y="296"/>
                  <a:pt x="104" y="295"/>
                </a:cubicBezTo>
                <a:cubicBezTo>
                  <a:pt x="104" y="295"/>
                  <a:pt x="104" y="295"/>
                  <a:pt x="104" y="295"/>
                </a:cubicBezTo>
                <a:cubicBezTo>
                  <a:pt x="102" y="295"/>
                  <a:pt x="101" y="295"/>
                  <a:pt x="99" y="295"/>
                </a:cubicBezTo>
                <a:cubicBezTo>
                  <a:pt x="99" y="295"/>
                  <a:pt x="99" y="295"/>
                  <a:pt x="99" y="295"/>
                </a:cubicBezTo>
                <a:cubicBezTo>
                  <a:pt x="64" y="288"/>
                  <a:pt x="38" y="272"/>
                  <a:pt x="22" y="250"/>
                </a:cubicBezTo>
                <a:cubicBezTo>
                  <a:pt x="22" y="250"/>
                  <a:pt x="22" y="250"/>
                  <a:pt x="22" y="250"/>
                </a:cubicBezTo>
                <a:cubicBezTo>
                  <a:pt x="6" y="229"/>
                  <a:pt x="0" y="203"/>
                  <a:pt x="0" y="178"/>
                </a:cubicBezTo>
                <a:cubicBezTo>
                  <a:pt x="0" y="178"/>
                  <a:pt x="0" y="178"/>
                  <a:pt x="0" y="178"/>
                </a:cubicBezTo>
                <a:cubicBezTo>
                  <a:pt x="0" y="148"/>
                  <a:pt x="9" y="119"/>
                  <a:pt x="25" y="97"/>
                </a:cubicBezTo>
                <a:cubicBezTo>
                  <a:pt x="25" y="97"/>
                  <a:pt x="25" y="97"/>
                  <a:pt x="25" y="97"/>
                </a:cubicBezTo>
                <a:cubicBezTo>
                  <a:pt x="56" y="53"/>
                  <a:pt x="94" y="28"/>
                  <a:pt x="137" y="15"/>
                </a:cubicBezTo>
                <a:cubicBezTo>
                  <a:pt x="137" y="15"/>
                  <a:pt x="137" y="15"/>
                  <a:pt x="137" y="15"/>
                </a:cubicBezTo>
                <a:cubicBezTo>
                  <a:pt x="180" y="2"/>
                  <a:pt x="228" y="0"/>
                  <a:pt x="283" y="0"/>
                </a:cubicBezTo>
                <a:cubicBezTo>
                  <a:pt x="283" y="0"/>
                  <a:pt x="283" y="0"/>
                  <a:pt x="283" y="0"/>
                </a:cubicBezTo>
                <a:cubicBezTo>
                  <a:pt x="308" y="0"/>
                  <a:pt x="334" y="1"/>
                  <a:pt x="362" y="1"/>
                </a:cubicBezTo>
                <a:cubicBezTo>
                  <a:pt x="362" y="1"/>
                  <a:pt x="362" y="1"/>
                  <a:pt x="362" y="1"/>
                </a:cubicBezTo>
                <a:cubicBezTo>
                  <a:pt x="372" y="1"/>
                  <a:pt x="383" y="1"/>
                  <a:pt x="393" y="1"/>
                </a:cubicBezTo>
                <a:cubicBezTo>
                  <a:pt x="393" y="1"/>
                  <a:pt x="393" y="1"/>
                  <a:pt x="393" y="1"/>
                </a:cubicBezTo>
                <a:cubicBezTo>
                  <a:pt x="400" y="1"/>
                  <a:pt x="406" y="5"/>
                  <a:pt x="407" y="12"/>
                </a:cubicBezTo>
                <a:cubicBezTo>
                  <a:pt x="407" y="12"/>
                  <a:pt x="407" y="12"/>
                  <a:pt x="407" y="12"/>
                </a:cubicBezTo>
                <a:cubicBezTo>
                  <a:pt x="408" y="18"/>
                  <a:pt x="405" y="25"/>
                  <a:pt x="398" y="27"/>
                </a:cubicBezTo>
                <a:cubicBezTo>
                  <a:pt x="398" y="27"/>
                  <a:pt x="398" y="27"/>
                  <a:pt x="398" y="27"/>
                </a:cubicBezTo>
                <a:cubicBezTo>
                  <a:pt x="393" y="29"/>
                  <a:pt x="389" y="32"/>
                  <a:pt x="385" y="37"/>
                </a:cubicBezTo>
                <a:cubicBezTo>
                  <a:pt x="385" y="37"/>
                  <a:pt x="385" y="37"/>
                  <a:pt x="385" y="37"/>
                </a:cubicBezTo>
                <a:cubicBezTo>
                  <a:pt x="381" y="41"/>
                  <a:pt x="377" y="47"/>
                  <a:pt x="374" y="54"/>
                </a:cubicBezTo>
                <a:cubicBezTo>
                  <a:pt x="374" y="54"/>
                  <a:pt x="374" y="54"/>
                  <a:pt x="374" y="54"/>
                </a:cubicBezTo>
                <a:cubicBezTo>
                  <a:pt x="367" y="69"/>
                  <a:pt x="363" y="89"/>
                  <a:pt x="358" y="111"/>
                </a:cubicBezTo>
                <a:cubicBezTo>
                  <a:pt x="358" y="111"/>
                  <a:pt x="358" y="111"/>
                  <a:pt x="358" y="111"/>
                </a:cubicBezTo>
                <a:cubicBezTo>
                  <a:pt x="350" y="156"/>
                  <a:pt x="343" y="211"/>
                  <a:pt x="320" y="256"/>
                </a:cubicBezTo>
                <a:cubicBezTo>
                  <a:pt x="320" y="256"/>
                  <a:pt x="320" y="256"/>
                  <a:pt x="320" y="256"/>
                </a:cubicBezTo>
                <a:cubicBezTo>
                  <a:pt x="305" y="287"/>
                  <a:pt x="281" y="314"/>
                  <a:pt x="245" y="329"/>
                </a:cubicBezTo>
                <a:cubicBezTo>
                  <a:pt x="245" y="329"/>
                  <a:pt x="245" y="329"/>
                  <a:pt x="245" y="329"/>
                </a:cubicBezTo>
                <a:cubicBezTo>
                  <a:pt x="225" y="337"/>
                  <a:pt x="200" y="342"/>
                  <a:pt x="171" y="342"/>
                </a:cubicBezTo>
                <a:cubicBezTo>
                  <a:pt x="171" y="342"/>
                  <a:pt x="171" y="342"/>
                  <a:pt x="171" y="342"/>
                </a:cubicBezTo>
                <a:cubicBezTo>
                  <a:pt x="156" y="342"/>
                  <a:pt x="139" y="341"/>
                  <a:pt x="120" y="338"/>
                </a:cubicBezTo>
                <a:cubicBezTo>
                  <a:pt x="120" y="338"/>
                  <a:pt x="120" y="338"/>
                  <a:pt x="120" y="338"/>
                </a:cubicBezTo>
                <a:cubicBezTo>
                  <a:pt x="117" y="349"/>
                  <a:pt x="116" y="358"/>
                  <a:pt x="116" y="367"/>
                </a:cubicBezTo>
                <a:cubicBezTo>
                  <a:pt x="116" y="367"/>
                  <a:pt x="116" y="367"/>
                  <a:pt x="116" y="367"/>
                </a:cubicBezTo>
                <a:cubicBezTo>
                  <a:pt x="116" y="391"/>
                  <a:pt x="125" y="407"/>
                  <a:pt x="135" y="418"/>
                </a:cubicBezTo>
                <a:cubicBezTo>
                  <a:pt x="135" y="418"/>
                  <a:pt x="135" y="418"/>
                  <a:pt x="135" y="418"/>
                </a:cubicBezTo>
                <a:cubicBezTo>
                  <a:pt x="144" y="429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62" y="438"/>
                  <a:pt x="165" y="446"/>
                  <a:pt x="161" y="453"/>
                </a:cubicBezTo>
                <a:cubicBezTo>
                  <a:pt x="161" y="453"/>
                  <a:pt x="161" y="453"/>
                  <a:pt x="161" y="453"/>
                </a:cubicBezTo>
                <a:cubicBezTo>
                  <a:pt x="159" y="458"/>
                  <a:pt x="154" y="460"/>
                  <a:pt x="149" y="460"/>
                </a:cubicBezTo>
                <a:cubicBezTo>
                  <a:pt x="149" y="460"/>
                  <a:pt x="149" y="460"/>
                  <a:pt x="149" y="460"/>
                </a:cubicBezTo>
                <a:cubicBezTo>
                  <a:pt x="147" y="460"/>
                  <a:pt x="145" y="460"/>
                  <a:pt x="143" y="45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" name="Freeform 207"/>
          <p:cNvSpPr>
            <a:spLocks/>
          </p:cNvSpPr>
          <p:nvPr userDrawn="1"/>
        </p:nvSpPr>
        <p:spPr bwMode="auto">
          <a:xfrm>
            <a:off x="551520" y="4419886"/>
            <a:ext cx="469900" cy="482600"/>
          </a:xfrm>
          <a:custGeom>
            <a:avLst/>
            <a:gdLst/>
            <a:ahLst/>
            <a:cxnLst>
              <a:cxn ang="0">
                <a:pos x="199" y="31"/>
              </a:cxn>
              <a:cxn ang="0">
                <a:pos x="197" y="40"/>
              </a:cxn>
              <a:cxn ang="0">
                <a:pos x="194" y="53"/>
              </a:cxn>
              <a:cxn ang="0">
                <a:pos x="183" y="63"/>
              </a:cxn>
              <a:cxn ang="0">
                <a:pos x="117" y="123"/>
              </a:cxn>
              <a:cxn ang="0">
                <a:pos x="99" y="197"/>
              </a:cxn>
              <a:cxn ang="0">
                <a:pos x="91" y="286"/>
              </a:cxn>
              <a:cxn ang="0">
                <a:pos x="53" y="351"/>
              </a:cxn>
              <a:cxn ang="0">
                <a:pos x="31" y="363"/>
              </a:cxn>
              <a:cxn ang="0">
                <a:pos x="31" y="376"/>
              </a:cxn>
              <a:cxn ang="0">
                <a:pos x="117" y="376"/>
              </a:cxn>
              <a:cxn ang="0">
                <a:pos x="154" y="376"/>
              </a:cxn>
              <a:cxn ang="0">
                <a:pos x="157" y="377"/>
              </a:cxn>
              <a:cxn ang="0">
                <a:pos x="163" y="380"/>
              </a:cxn>
              <a:cxn ang="0">
                <a:pos x="202" y="397"/>
              </a:cxn>
              <a:cxn ang="0">
                <a:pos x="233" y="381"/>
              </a:cxn>
              <a:cxn ang="0">
                <a:pos x="233" y="381"/>
              </a:cxn>
              <a:cxn ang="0">
                <a:pos x="255" y="378"/>
              </a:cxn>
              <a:cxn ang="0">
                <a:pos x="258" y="399"/>
              </a:cxn>
              <a:cxn ang="0">
                <a:pos x="244" y="414"/>
              </a:cxn>
              <a:cxn ang="0">
                <a:pos x="202" y="428"/>
              </a:cxn>
              <a:cxn ang="0">
                <a:pos x="202" y="428"/>
              </a:cxn>
              <a:cxn ang="0">
                <a:pos x="148" y="407"/>
              </a:cxn>
              <a:cxn ang="0">
                <a:pos x="143" y="407"/>
              </a:cxn>
              <a:cxn ang="0">
                <a:pos x="117" y="407"/>
              </a:cxn>
              <a:cxn ang="0">
                <a:pos x="16" y="407"/>
              </a:cxn>
              <a:cxn ang="0">
                <a:pos x="5" y="403"/>
              </a:cxn>
              <a:cxn ang="0">
                <a:pos x="0" y="392"/>
              </a:cxn>
              <a:cxn ang="0">
                <a:pos x="0" y="352"/>
              </a:cxn>
              <a:cxn ang="0">
                <a:pos x="12" y="337"/>
              </a:cxn>
              <a:cxn ang="0">
                <a:pos x="12" y="337"/>
              </a:cxn>
              <a:cxn ang="0">
                <a:pos x="14" y="336"/>
              </a:cxn>
              <a:cxn ang="0">
                <a:pos x="19" y="335"/>
              </a:cxn>
              <a:cxn ang="0">
                <a:pos x="36" y="326"/>
              </a:cxn>
              <a:cxn ang="0">
                <a:pos x="60" y="284"/>
              </a:cxn>
              <a:cxn ang="0">
                <a:pos x="68" y="193"/>
              </a:cxn>
              <a:cxn ang="0">
                <a:pos x="90" y="108"/>
              </a:cxn>
              <a:cxn ang="0">
                <a:pos x="166" y="37"/>
              </a:cxn>
              <a:cxn ang="0">
                <a:pos x="167" y="35"/>
              </a:cxn>
              <a:cxn ang="0">
                <a:pos x="177" y="9"/>
              </a:cxn>
              <a:cxn ang="0">
                <a:pos x="202" y="0"/>
              </a:cxn>
              <a:cxn ang="0">
                <a:pos x="235" y="11"/>
              </a:cxn>
              <a:cxn ang="0">
                <a:pos x="247" y="39"/>
              </a:cxn>
              <a:cxn ang="0">
                <a:pos x="267" y="47"/>
              </a:cxn>
              <a:cxn ang="0">
                <a:pos x="324" y="110"/>
              </a:cxn>
              <a:cxn ang="0">
                <a:pos x="355" y="282"/>
              </a:cxn>
              <a:cxn ang="0">
                <a:pos x="376" y="322"/>
              </a:cxn>
              <a:cxn ang="0">
                <a:pos x="402" y="335"/>
              </a:cxn>
              <a:cxn ang="0">
                <a:pos x="404" y="335"/>
              </a:cxn>
              <a:cxn ang="0">
                <a:pos x="417" y="350"/>
              </a:cxn>
              <a:cxn ang="0">
                <a:pos x="412" y="402"/>
              </a:cxn>
              <a:cxn ang="0">
                <a:pos x="401" y="406"/>
              </a:cxn>
              <a:cxn ang="0">
                <a:pos x="301" y="406"/>
              </a:cxn>
              <a:cxn ang="0">
                <a:pos x="285" y="391"/>
              </a:cxn>
              <a:cxn ang="0">
                <a:pos x="301" y="376"/>
              </a:cxn>
              <a:cxn ang="0">
                <a:pos x="386" y="362"/>
              </a:cxn>
              <a:cxn ang="0">
                <a:pos x="364" y="352"/>
              </a:cxn>
              <a:cxn ang="0">
                <a:pos x="324" y="285"/>
              </a:cxn>
              <a:cxn ang="0">
                <a:pos x="296" y="123"/>
              </a:cxn>
              <a:cxn ang="0">
                <a:pos x="260" y="78"/>
              </a:cxn>
              <a:cxn ang="0">
                <a:pos x="231" y="66"/>
              </a:cxn>
              <a:cxn ang="0">
                <a:pos x="222" y="61"/>
              </a:cxn>
              <a:cxn ang="0">
                <a:pos x="216" y="49"/>
              </a:cxn>
            </a:cxnLst>
            <a:rect l="0" t="0" r="r" b="b"/>
            <a:pathLst>
              <a:path w="417" h="428">
                <a:moveTo>
                  <a:pt x="214" y="32"/>
                </a:moveTo>
                <a:cubicBezTo>
                  <a:pt x="214" y="32"/>
                  <a:pt x="208" y="30"/>
                  <a:pt x="199" y="31"/>
                </a:cubicBezTo>
                <a:cubicBezTo>
                  <a:pt x="199" y="31"/>
                  <a:pt x="199" y="31"/>
                  <a:pt x="199" y="31"/>
                </a:cubicBezTo>
                <a:cubicBezTo>
                  <a:pt x="198" y="32"/>
                  <a:pt x="197" y="35"/>
                  <a:pt x="197" y="40"/>
                </a:cubicBezTo>
                <a:cubicBezTo>
                  <a:pt x="197" y="40"/>
                  <a:pt x="197" y="40"/>
                  <a:pt x="197" y="40"/>
                </a:cubicBezTo>
                <a:cubicBezTo>
                  <a:pt x="196" y="44"/>
                  <a:pt x="196" y="47"/>
                  <a:pt x="194" y="53"/>
                </a:cubicBezTo>
                <a:cubicBezTo>
                  <a:pt x="194" y="53"/>
                  <a:pt x="194" y="53"/>
                  <a:pt x="194" y="53"/>
                </a:cubicBezTo>
                <a:cubicBezTo>
                  <a:pt x="192" y="56"/>
                  <a:pt x="189" y="61"/>
                  <a:pt x="183" y="63"/>
                </a:cubicBezTo>
                <a:cubicBezTo>
                  <a:pt x="183" y="63"/>
                  <a:pt x="183" y="63"/>
                  <a:pt x="183" y="63"/>
                </a:cubicBezTo>
                <a:cubicBezTo>
                  <a:pt x="150" y="77"/>
                  <a:pt x="137" y="86"/>
                  <a:pt x="117" y="123"/>
                </a:cubicBezTo>
                <a:cubicBezTo>
                  <a:pt x="117" y="123"/>
                  <a:pt x="117" y="123"/>
                  <a:pt x="117" y="123"/>
                </a:cubicBezTo>
                <a:cubicBezTo>
                  <a:pt x="109" y="139"/>
                  <a:pt x="102" y="167"/>
                  <a:pt x="99" y="197"/>
                </a:cubicBezTo>
                <a:cubicBezTo>
                  <a:pt x="99" y="197"/>
                  <a:pt x="99" y="197"/>
                  <a:pt x="99" y="197"/>
                </a:cubicBezTo>
                <a:cubicBezTo>
                  <a:pt x="95" y="227"/>
                  <a:pt x="93" y="259"/>
                  <a:pt x="91" y="286"/>
                </a:cubicBezTo>
                <a:cubicBezTo>
                  <a:pt x="91" y="286"/>
                  <a:pt x="91" y="286"/>
                  <a:pt x="91" y="286"/>
                </a:cubicBezTo>
                <a:cubicBezTo>
                  <a:pt x="89" y="319"/>
                  <a:pt x="70" y="340"/>
                  <a:pt x="53" y="351"/>
                </a:cubicBezTo>
                <a:cubicBezTo>
                  <a:pt x="53" y="351"/>
                  <a:pt x="53" y="351"/>
                  <a:pt x="53" y="351"/>
                </a:cubicBezTo>
                <a:cubicBezTo>
                  <a:pt x="45" y="357"/>
                  <a:pt x="37" y="361"/>
                  <a:pt x="31" y="363"/>
                </a:cubicBezTo>
                <a:cubicBezTo>
                  <a:pt x="31" y="363"/>
                  <a:pt x="31" y="363"/>
                  <a:pt x="31" y="363"/>
                </a:cubicBezTo>
                <a:cubicBezTo>
                  <a:pt x="31" y="376"/>
                  <a:pt x="31" y="376"/>
                  <a:pt x="31" y="376"/>
                </a:cubicBezTo>
                <a:cubicBezTo>
                  <a:pt x="52" y="376"/>
                  <a:pt x="89" y="376"/>
                  <a:pt x="117" y="376"/>
                </a:cubicBezTo>
                <a:cubicBezTo>
                  <a:pt x="117" y="376"/>
                  <a:pt x="117" y="376"/>
                  <a:pt x="117" y="376"/>
                </a:cubicBezTo>
                <a:cubicBezTo>
                  <a:pt x="137" y="376"/>
                  <a:pt x="150" y="376"/>
                  <a:pt x="154" y="376"/>
                </a:cubicBezTo>
                <a:cubicBezTo>
                  <a:pt x="154" y="376"/>
                  <a:pt x="154" y="376"/>
                  <a:pt x="154" y="376"/>
                </a:cubicBezTo>
                <a:cubicBezTo>
                  <a:pt x="155" y="376"/>
                  <a:pt x="154" y="376"/>
                  <a:pt x="157" y="377"/>
                </a:cubicBezTo>
                <a:cubicBezTo>
                  <a:pt x="157" y="377"/>
                  <a:pt x="157" y="377"/>
                  <a:pt x="157" y="377"/>
                </a:cubicBezTo>
                <a:cubicBezTo>
                  <a:pt x="158" y="377"/>
                  <a:pt x="159" y="377"/>
                  <a:pt x="163" y="380"/>
                </a:cubicBezTo>
                <a:cubicBezTo>
                  <a:pt x="163" y="380"/>
                  <a:pt x="163" y="380"/>
                  <a:pt x="163" y="380"/>
                </a:cubicBezTo>
                <a:cubicBezTo>
                  <a:pt x="180" y="394"/>
                  <a:pt x="193" y="397"/>
                  <a:pt x="202" y="397"/>
                </a:cubicBezTo>
                <a:cubicBezTo>
                  <a:pt x="202" y="397"/>
                  <a:pt x="202" y="397"/>
                  <a:pt x="202" y="397"/>
                </a:cubicBezTo>
                <a:cubicBezTo>
                  <a:pt x="220" y="397"/>
                  <a:pt x="232" y="383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8" y="374"/>
                  <a:pt x="248" y="373"/>
                  <a:pt x="255" y="378"/>
                </a:cubicBezTo>
                <a:cubicBezTo>
                  <a:pt x="255" y="378"/>
                  <a:pt x="255" y="378"/>
                  <a:pt x="255" y="378"/>
                </a:cubicBezTo>
                <a:cubicBezTo>
                  <a:pt x="262" y="383"/>
                  <a:pt x="263" y="392"/>
                  <a:pt x="258" y="399"/>
                </a:cubicBezTo>
                <a:cubicBezTo>
                  <a:pt x="258" y="399"/>
                  <a:pt x="258" y="399"/>
                  <a:pt x="258" y="399"/>
                </a:cubicBezTo>
                <a:cubicBezTo>
                  <a:pt x="258" y="400"/>
                  <a:pt x="253" y="407"/>
                  <a:pt x="244" y="414"/>
                </a:cubicBezTo>
                <a:cubicBezTo>
                  <a:pt x="244" y="414"/>
                  <a:pt x="244" y="414"/>
                  <a:pt x="244" y="414"/>
                </a:cubicBezTo>
                <a:cubicBezTo>
                  <a:pt x="234" y="421"/>
                  <a:pt x="220" y="428"/>
                  <a:pt x="202" y="428"/>
                </a:cubicBezTo>
                <a:cubicBezTo>
                  <a:pt x="202" y="428"/>
                  <a:pt x="202" y="428"/>
                  <a:pt x="202" y="428"/>
                </a:cubicBezTo>
                <a:cubicBezTo>
                  <a:pt x="202" y="428"/>
                  <a:pt x="202" y="428"/>
                  <a:pt x="202" y="428"/>
                </a:cubicBezTo>
                <a:cubicBezTo>
                  <a:pt x="202" y="428"/>
                  <a:pt x="202" y="428"/>
                  <a:pt x="202" y="428"/>
                </a:cubicBezTo>
                <a:cubicBezTo>
                  <a:pt x="185" y="428"/>
                  <a:pt x="167" y="422"/>
                  <a:pt x="148" y="407"/>
                </a:cubicBezTo>
                <a:cubicBezTo>
                  <a:pt x="148" y="407"/>
                  <a:pt x="148" y="407"/>
                  <a:pt x="148" y="407"/>
                </a:cubicBezTo>
                <a:cubicBezTo>
                  <a:pt x="146" y="407"/>
                  <a:pt x="145" y="407"/>
                  <a:pt x="143" y="407"/>
                </a:cubicBezTo>
                <a:cubicBezTo>
                  <a:pt x="143" y="407"/>
                  <a:pt x="143" y="407"/>
                  <a:pt x="143" y="407"/>
                </a:cubicBezTo>
                <a:cubicBezTo>
                  <a:pt x="136" y="407"/>
                  <a:pt x="128" y="407"/>
                  <a:pt x="117" y="407"/>
                </a:cubicBezTo>
                <a:cubicBezTo>
                  <a:pt x="117" y="407"/>
                  <a:pt x="117" y="407"/>
                  <a:pt x="117" y="407"/>
                </a:cubicBezTo>
                <a:cubicBezTo>
                  <a:pt x="77" y="407"/>
                  <a:pt x="16" y="407"/>
                  <a:pt x="16" y="407"/>
                </a:cubicBezTo>
                <a:cubicBezTo>
                  <a:pt x="16" y="407"/>
                  <a:pt x="16" y="407"/>
                  <a:pt x="16" y="407"/>
                </a:cubicBezTo>
                <a:cubicBezTo>
                  <a:pt x="12" y="407"/>
                  <a:pt x="8" y="406"/>
                  <a:pt x="5" y="403"/>
                </a:cubicBezTo>
                <a:cubicBezTo>
                  <a:pt x="5" y="403"/>
                  <a:pt x="5" y="403"/>
                  <a:pt x="5" y="403"/>
                </a:cubicBezTo>
                <a:cubicBezTo>
                  <a:pt x="2" y="400"/>
                  <a:pt x="0" y="396"/>
                  <a:pt x="0" y="392"/>
                </a:cubicBezTo>
                <a:cubicBezTo>
                  <a:pt x="0" y="392"/>
                  <a:pt x="0" y="392"/>
                  <a:pt x="0" y="392"/>
                </a:cubicBezTo>
                <a:cubicBezTo>
                  <a:pt x="0" y="352"/>
                  <a:pt x="0" y="352"/>
                  <a:pt x="0" y="352"/>
                </a:cubicBezTo>
                <a:cubicBezTo>
                  <a:pt x="0" y="345"/>
                  <a:pt x="5" y="338"/>
                  <a:pt x="12" y="337"/>
                </a:cubicBezTo>
                <a:cubicBezTo>
                  <a:pt x="12" y="337"/>
                  <a:pt x="12" y="337"/>
                  <a:pt x="12" y="337"/>
                </a:cubicBezTo>
                <a:cubicBezTo>
                  <a:pt x="12" y="337"/>
                  <a:pt x="12" y="337"/>
                  <a:pt x="12" y="337"/>
                </a:cubicBezTo>
                <a:cubicBezTo>
                  <a:pt x="12" y="337"/>
                  <a:pt x="12" y="337"/>
                  <a:pt x="12" y="337"/>
                </a:cubicBezTo>
                <a:cubicBezTo>
                  <a:pt x="13" y="337"/>
                  <a:pt x="13" y="337"/>
                  <a:pt x="14" y="336"/>
                </a:cubicBezTo>
                <a:cubicBezTo>
                  <a:pt x="14" y="336"/>
                  <a:pt x="14" y="336"/>
                  <a:pt x="14" y="336"/>
                </a:cubicBezTo>
                <a:cubicBezTo>
                  <a:pt x="15" y="336"/>
                  <a:pt x="17" y="335"/>
                  <a:pt x="19" y="335"/>
                </a:cubicBezTo>
                <a:cubicBezTo>
                  <a:pt x="19" y="335"/>
                  <a:pt x="19" y="335"/>
                  <a:pt x="19" y="335"/>
                </a:cubicBezTo>
                <a:cubicBezTo>
                  <a:pt x="24" y="333"/>
                  <a:pt x="30" y="330"/>
                  <a:pt x="36" y="326"/>
                </a:cubicBezTo>
                <a:cubicBezTo>
                  <a:pt x="36" y="326"/>
                  <a:pt x="36" y="326"/>
                  <a:pt x="36" y="326"/>
                </a:cubicBezTo>
                <a:cubicBezTo>
                  <a:pt x="48" y="317"/>
                  <a:pt x="59" y="305"/>
                  <a:pt x="60" y="284"/>
                </a:cubicBezTo>
                <a:cubicBezTo>
                  <a:pt x="60" y="284"/>
                  <a:pt x="60" y="284"/>
                  <a:pt x="60" y="284"/>
                </a:cubicBezTo>
                <a:cubicBezTo>
                  <a:pt x="62" y="257"/>
                  <a:pt x="64" y="224"/>
                  <a:pt x="68" y="193"/>
                </a:cubicBezTo>
                <a:cubicBezTo>
                  <a:pt x="68" y="193"/>
                  <a:pt x="68" y="193"/>
                  <a:pt x="68" y="193"/>
                </a:cubicBezTo>
                <a:cubicBezTo>
                  <a:pt x="72" y="161"/>
                  <a:pt x="78" y="131"/>
                  <a:pt x="90" y="108"/>
                </a:cubicBezTo>
                <a:cubicBezTo>
                  <a:pt x="90" y="108"/>
                  <a:pt x="90" y="108"/>
                  <a:pt x="90" y="108"/>
                </a:cubicBezTo>
                <a:cubicBezTo>
                  <a:pt x="110" y="69"/>
                  <a:pt x="133" y="50"/>
                  <a:pt x="166" y="37"/>
                </a:cubicBezTo>
                <a:cubicBezTo>
                  <a:pt x="166" y="37"/>
                  <a:pt x="166" y="37"/>
                  <a:pt x="166" y="37"/>
                </a:cubicBezTo>
                <a:cubicBezTo>
                  <a:pt x="166" y="36"/>
                  <a:pt x="166" y="35"/>
                  <a:pt x="167" y="35"/>
                </a:cubicBezTo>
                <a:cubicBezTo>
                  <a:pt x="167" y="35"/>
                  <a:pt x="167" y="35"/>
                  <a:pt x="167" y="35"/>
                </a:cubicBezTo>
                <a:cubicBezTo>
                  <a:pt x="168" y="29"/>
                  <a:pt x="168" y="18"/>
                  <a:pt x="177" y="9"/>
                </a:cubicBezTo>
                <a:cubicBezTo>
                  <a:pt x="177" y="9"/>
                  <a:pt x="177" y="9"/>
                  <a:pt x="177" y="9"/>
                </a:cubicBezTo>
                <a:cubicBezTo>
                  <a:pt x="184" y="3"/>
                  <a:pt x="193" y="0"/>
                  <a:pt x="202" y="0"/>
                </a:cubicBezTo>
                <a:cubicBezTo>
                  <a:pt x="202" y="0"/>
                  <a:pt x="202" y="0"/>
                  <a:pt x="202" y="0"/>
                </a:cubicBezTo>
                <a:cubicBezTo>
                  <a:pt x="215" y="0"/>
                  <a:pt x="225" y="1"/>
                  <a:pt x="235" y="11"/>
                </a:cubicBezTo>
                <a:cubicBezTo>
                  <a:pt x="235" y="11"/>
                  <a:pt x="235" y="11"/>
                  <a:pt x="235" y="11"/>
                </a:cubicBezTo>
                <a:cubicBezTo>
                  <a:pt x="243" y="18"/>
                  <a:pt x="246" y="28"/>
                  <a:pt x="247" y="39"/>
                </a:cubicBezTo>
                <a:cubicBezTo>
                  <a:pt x="247" y="39"/>
                  <a:pt x="247" y="39"/>
                  <a:pt x="247" y="39"/>
                </a:cubicBezTo>
                <a:cubicBezTo>
                  <a:pt x="252" y="40"/>
                  <a:pt x="259" y="43"/>
                  <a:pt x="267" y="47"/>
                </a:cubicBezTo>
                <a:cubicBezTo>
                  <a:pt x="267" y="47"/>
                  <a:pt x="267" y="47"/>
                  <a:pt x="267" y="47"/>
                </a:cubicBezTo>
                <a:cubicBezTo>
                  <a:pt x="285" y="56"/>
                  <a:pt x="308" y="74"/>
                  <a:pt x="324" y="110"/>
                </a:cubicBezTo>
                <a:cubicBezTo>
                  <a:pt x="324" y="110"/>
                  <a:pt x="324" y="110"/>
                  <a:pt x="324" y="110"/>
                </a:cubicBezTo>
                <a:cubicBezTo>
                  <a:pt x="359" y="184"/>
                  <a:pt x="352" y="249"/>
                  <a:pt x="355" y="282"/>
                </a:cubicBezTo>
                <a:cubicBezTo>
                  <a:pt x="355" y="282"/>
                  <a:pt x="355" y="282"/>
                  <a:pt x="355" y="282"/>
                </a:cubicBezTo>
                <a:cubicBezTo>
                  <a:pt x="356" y="303"/>
                  <a:pt x="365" y="314"/>
                  <a:pt x="376" y="322"/>
                </a:cubicBezTo>
                <a:cubicBezTo>
                  <a:pt x="376" y="322"/>
                  <a:pt x="376" y="322"/>
                  <a:pt x="376" y="322"/>
                </a:cubicBezTo>
                <a:cubicBezTo>
                  <a:pt x="386" y="330"/>
                  <a:pt x="398" y="334"/>
                  <a:pt x="402" y="335"/>
                </a:cubicBezTo>
                <a:cubicBezTo>
                  <a:pt x="402" y="335"/>
                  <a:pt x="402" y="335"/>
                  <a:pt x="402" y="335"/>
                </a:cubicBezTo>
                <a:cubicBezTo>
                  <a:pt x="404" y="335"/>
                  <a:pt x="404" y="335"/>
                  <a:pt x="404" y="335"/>
                </a:cubicBezTo>
                <a:cubicBezTo>
                  <a:pt x="404" y="335"/>
                  <a:pt x="404" y="335"/>
                  <a:pt x="404" y="335"/>
                </a:cubicBezTo>
                <a:cubicBezTo>
                  <a:pt x="411" y="336"/>
                  <a:pt x="417" y="343"/>
                  <a:pt x="417" y="350"/>
                </a:cubicBezTo>
                <a:cubicBezTo>
                  <a:pt x="417" y="350"/>
                  <a:pt x="417" y="350"/>
                  <a:pt x="417" y="350"/>
                </a:cubicBezTo>
                <a:cubicBezTo>
                  <a:pt x="417" y="391"/>
                  <a:pt x="417" y="391"/>
                  <a:pt x="417" y="391"/>
                </a:cubicBezTo>
                <a:cubicBezTo>
                  <a:pt x="417" y="395"/>
                  <a:pt x="415" y="399"/>
                  <a:pt x="412" y="402"/>
                </a:cubicBezTo>
                <a:cubicBezTo>
                  <a:pt x="412" y="402"/>
                  <a:pt x="412" y="402"/>
                  <a:pt x="412" y="402"/>
                </a:cubicBezTo>
                <a:cubicBezTo>
                  <a:pt x="409" y="405"/>
                  <a:pt x="405" y="406"/>
                  <a:pt x="401" y="406"/>
                </a:cubicBezTo>
                <a:cubicBezTo>
                  <a:pt x="401" y="406"/>
                  <a:pt x="401" y="406"/>
                  <a:pt x="401" y="406"/>
                </a:cubicBezTo>
                <a:cubicBezTo>
                  <a:pt x="301" y="406"/>
                  <a:pt x="301" y="406"/>
                  <a:pt x="301" y="406"/>
                </a:cubicBezTo>
                <a:cubicBezTo>
                  <a:pt x="292" y="406"/>
                  <a:pt x="285" y="399"/>
                  <a:pt x="285" y="391"/>
                </a:cubicBezTo>
                <a:cubicBezTo>
                  <a:pt x="285" y="391"/>
                  <a:pt x="285" y="391"/>
                  <a:pt x="285" y="391"/>
                </a:cubicBezTo>
                <a:cubicBezTo>
                  <a:pt x="285" y="382"/>
                  <a:pt x="292" y="376"/>
                  <a:pt x="301" y="376"/>
                </a:cubicBezTo>
                <a:cubicBezTo>
                  <a:pt x="301" y="376"/>
                  <a:pt x="301" y="376"/>
                  <a:pt x="301" y="376"/>
                </a:cubicBezTo>
                <a:cubicBezTo>
                  <a:pt x="386" y="376"/>
                  <a:pt x="386" y="376"/>
                  <a:pt x="386" y="376"/>
                </a:cubicBezTo>
                <a:cubicBezTo>
                  <a:pt x="386" y="362"/>
                  <a:pt x="386" y="362"/>
                  <a:pt x="386" y="362"/>
                </a:cubicBezTo>
                <a:cubicBezTo>
                  <a:pt x="380" y="360"/>
                  <a:pt x="372" y="357"/>
                  <a:pt x="364" y="352"/>
                </a:cubicBezTo>
                <a:cubicBezTo>
                  <a:pt x="364" y="352"/>
                  <a:pt x="364" y="352"/>
                  <a:pt x="364" y="352"/>
                </a:cubicBezTo>
                <a:cubicBezTo>
                  <a:pt x="346" y="341"/>
                  <a:pt x="326" y="319"/>
                  <a:pt x="324" y="285"/>
                </a:cubicBezTo>
                <a:cubicBezTo>
                  <a:pt x="324" y="285"/>
                  <a:pt x="324" y="285"/>
                  <a:pt x="324" y="285"/>
                </a:cubicBezTo>
                <a:cubicBezTo>
                  <a:pt x="321" y="246"/>
                  <a:pt x="327" y="190"/>
                  <a:pt x="296" y="123"/>
                </a:cubicBezTo>
                <a:cubicBezTo>
                  <a:pt x="296" y="123"/>
                  <a:pt x="296" y="123"/>
                  <a:pt x="296" y="123"/>
                </a:cubicBezTo>
                <a:cubicBezTo>
                  <a:pt x="285" y="99"/>
                  <a:pt x="271" y="86"/>
                  <a:pt x="260" y="78"/>
                </a:cubicBezTo>
                <a:cubicBezTo>
                  <a:pt x="260" y="78"/>
                  <a:pt x="260" y="78"/>
                  <a:pt x="260" y="78"/>
                </a:cubicBezTo>
                <a:cubicBezTo>
                  <a:pt x="248" y="71"/>
                  <a:pt x="239" y="69"/>
                  <a:pt x="231" y="66"/>
                </a:cubicBezTo>
                <a:cubicBezTo>
                  <a:pt x="231" y="66"/>
                  <a:pt x="231" y="66"/>
                  <a:pt x="231" y="66"/>
                </a:cubicBezTo>
                <a:cubicBezTo>
                  <a:pt x="229" y="65"/>
                  <a:pt x="227" y="65"/>
                  <a:pt x="222" y="61"/>
                </a:cubicBezTo>
                <a:cubicBezTo>
                  <a:pt x="222" y="61"/>
                  <a:pt x="222" y="61"/>
                  <a:pt x="222" y="61"/>
                </a:cubicBezTo>
                <a:cubicBezTo>
                  <a:pt x="220" y="60"/>
                  <a:pt x="217" y="55"/>
                  <a:pt x="216" y="49"/>
                </a:cubicBezTo>
                <a:cubicBezTo>
                  <a:pt x="216" y="49"/>
                  <a:pt x="216" y="49"/>
                  <a:pt x="216" y="49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Freeform 230"/>
          <p:cNvSpPr>
            <a:spLocks/>
          </p:cNvSpPr>
          <p:nvPr userDrawn="1"/>
        </p:nvSpPr>
        <p:spPr bwMode="auto">
          <a:xfrm>
            <a:off x="527708" y="5089728"/>
            <a:ext cx="517525" cy="466725"/>
          </a:xfrm>
          <a:custGeom>
            <a:avLst/>
            <a:gdLst/>
            <a:ahLst/>
            <a:cxnLst>
              <a:cxn ang="0">
                <a:pos x="357" y="34"/>
              </a:cxn>
              <a:cxn ang="0">
                <a:pos x="75" y="90"/>
              </a:cxn>
              <a:cxn ang="0">
                <a:pos x="43" y="164"/>
              </a:cxn>
              <a:cxn ang="0">
                <a:pos x="45" y="176"/>
              </a:cxn>
              <a:cxn ang="0">
                <a:pos x="76" y="181"/>
              </a:cxn>
              <a:cxn ang="0">
                <a:pos x="76" y="154"/>
              </a:cxn>
              <a:cxn ang="0">
                <a:pos x="85" y="116"/>
              </a:cxn>
              <a:cxn ang="0">
                <a:pos x="383" y="93"/>
              </a:cxn>
              <a:cxn ang="0">
                <a:pos x="424" y="42"/>
              </a:cxn>
              <a:cxn ang="0">
                <a:pos x="407" y="248"/>
              </a:cxn>
              <a:cxn ang="0">
                <a:pos x="383" y="145"/>
              </a:cxn>
              <a:cxn ang="0">
                <a:pos x="260" y="132"/>
              </a:cxn>
              <a:cxn ang="0">
                <a:pos x="247" y="145"/>
              </a:cxn>
              <a:cxn ang="0">
                <a:pos x="283" y="387"/>
              </a:cxn>
              <a:cxn ang="0">
                <a:pos x="220" y="147"/>
              </a:cxn>
              <a:cxn ang="0">
                <a:pos x="217" y="136"/>
              </a:cxn>
              <a:cxn ang="0">
                <a:pos x="136" y="132"/>
              </a:cxn>
              <a:cxn ang="0">
                <a:pos x="119" y="154"/>
              </a:cxn>
              <a:cxn ang="0">
                <a:pos x="96" y="166"/>
              </a:cxn>
              <a:cxn ang="0">
                <a:pos x="76" y="291"/>
              </a:cxn>
              <a:cxn ang="0">
                <a:pos x="89" y="305"/>
              </a:cxn>
              <a:cxn ang="0">
                <a:pos x="99" y="387"/>
              </a:cxn>
              <a:cxn ang="0">
                <a:pos x="45" y="305"/>
              </a:cxn>
              <a:cxn ang="0">
                <a:pos x="72" y="291"/>
              </a:cxn>
              <a:cxn ang="0">
                <a:pos x="33" y="278"/>
              </a:cxn>
              <a:cxn ang="0">
                <a:pos x="1" y="398"/>
              </a:cxn>
              <a:cxn ang="0">
                <a:pos x="14" y="414"/>
              </a:cxn>
              <a:cxn ang="0">
                <a:pos x="123" y="402"/>
              </a:cxn>
              <a:cxn ang="0">
                <a:pos x="137" y="283"/>
              </a:cxn>
              <a:cxn ang="0">
                <a:pos x="105" y="278"/>
              </a:cxn>
              <a:cxn ang="0">
                <a:pos x="129" y="181"/>
              </a:cxn>
              <a:cxn ang="0">
                <a:pos x="146" y="158"/>
              </a:cxn>
              <a:cxn ang="0">
                <a:pos x="156" y="398"/>
              </a:cxn>
              <a:cxn ang="0">
                <a:pos x="159" y="409"/>
              </a:cxn>
              <a:cxn ang="0">
                <a:pos x="299" y="414"/>
              </a:cxn>
              <a:cxn ang="0">
                <a:pos x="312" y="400"/>
              </a:cxn>
              <a:cxn ang="0">
                <a:pos x="276" y="158"/>
              </a:cxn>
              <a:cxn ang="0">
                <a:pos x="357" y="262"/>
              </a:cxn>
              <a:cxn ang="0">
                <a:pos x="416" y="275"/>
              </a:cxn>
              <a:cxn ang="0">
                <a:pos x="460" y="135"/>
              </a:cxn>
              <a:cxn ang="0">
                <a:pos x="438" y="19"/>
              </a:cxn>
            </a:cxnLst>
            <a:rect l="0" t="0" r="r" b="b"/>
            <a:pathLst>
              <a:path w="460" h="414">
                <a:moveTo>
                  <a:pt x="362" y="24"/>
                </a:moveTo>
                <a:cubicBezTo>
                  <a:pt x="359" y="26"/>
                  <a:pt x="357" y="30"/>
                  <a:pt x="357" y="34"/>
                </a:cubicBezTo>
                <a:cubicBezTo>
                  <a:pt x="357" y="34"/>
                  <a:pt x="357" y="64"/>
                  <a:pt x="357" y="80"/>
                </a:cubicBezTo>
                <a:cubicBezTo>
                  <a:pt x="333" y="81"/>
                  <a:pt x="75" y="90"/>
                  <a:pt x="75" y="90"/>
                </a:cubicBezTo>
                <a:cubicBezTo>
                  <a:pt x="69" y="90"/>
                  <a:pt x="64" y="94"/>
                  <a:pt x="62" y="99"/>
                </a:cubicBezTo>
                <a:cubicBezTo>
                  <a:pt x="43" y="164"/>
                  <a:pt x="43" y="164"/>
                  <a:pt x="43" y="164"/>
                </a:cubicBezTo>
                <a:cubicBezTo>
                  <a:pt x="43" y="165"/>
                  <a:pt x="42" y="166"/>
                  <a:pt x="42" y="168"/>
                </a:cubicBezTo>
                <a:cubicBezTo>
                  <a:pt x="42" y="171"/>
                  <a:pt x="43" y="173"/>
                  <a:pt x="45" y="176"/>
                </a:cubicBezTo>
                <a:cubicBezTo>
                  <a:pt x="48" y="179"/>
                  <a:pt x="52" y="181"/>
                  <a:pt x="56" y="181"/>
                </a:cubicBezTo>
                <a:cubicBezTo>
                  <a:pt x="76" y="181"/>
                  <a:pt x="76" y="181"/>
                  <a:pt x="76" y="181"/>
                </a:cubicBezTo>
                <a:cubicBezTo>
                  <a:pt x="83" y="181"/>
                  <a:pt x="89" y="175"/>
                  <a:pt x="89" y="168"/>
                </a:cubicBezTo>
                <a:cubicBezTo>
                  <a:pt x="89" y="160"/>
                  <a:pt x="83" y="154"/>
                  <a:pt x="76" y="154"/>
                </a:cubicBezTo>
                <a:cubicBezTo>
                  <a:pt x="76" y="154"/>
                  <a:pt x="74" y="154"/>
                  <a:pt x="74" y="154"/>
                </a:cubicBezTo>
                <a:cubicBezTo>
                  <a:pt x="78" y="140"/>
                  <a:pt x="82" y="126"/>
                  <a:pt x="85" y="116"/>
                </a:cubicBezTo>
                <a:cubicBezTo>
                  <a:pt x="103" y="116"/>
                  <a:pt x="370" y="106"/>
                  <a:pt x="370" y="106"/>
                </a:cubicBezTo>
                <a:cubicBezTo>
                  <a:pt x="378" y="106"/>
                  <a:pt x="383" y="100"/>
                  <a:pt x="383" y="93"/>
                </a:cubicBezTo>
                <a:cubicBezTo>
                  <a:pt x="383" y="93"/>
                  <a:pt x="383" y="53"/>
                  <a:pt x="383" y="42"/>
                </a:cubicBezTo>
                <a:cubicBezTo>
                  <a:pt x="399" y="34"/>
                  <a:pt x="418" y="40"/>
                  <a:pt x="424" y="42"/>
                </a:cubicBezTo>
                <a:cubicBezTo>
                  <a:pt x="428" y="54"/>
                  <a:pt x="433" y="98"/>
                  <a:pt x="433" y="135"/>
                </a:cubicBezTo>
                <a:cubicBezTo>
                  <a:pt x="433" y="161"/>
                  <a:pt x="416" y="219"/>
                  <a:pt x="407" y="248"/>
                </a:cubicBezTo>
                <a:cubicBezTo>
                  <a:pt x="399" y="248"/>
                  <a:pt x="393" y="248"/>
                  <a:pt x="383" y="248"/>
                </a:cubicBezTo>
                <a:cubicBezTo>
                  <a:pt x="383" y="227"/>
                  <a:pt x="383" y="145"/>
                  <a:pt x="383" y="145"/>
                </a:cubicBezTo>
                <a:cubicBezTo>
                  <a:pt x="383" y="138"/>
                  <a:pt x="377" y="132"/>
                  <a:pt x="370" y="132"/>
                </a:cubicBezTo>
                <a:cubicBezTo>
                  <a:pt x="260" y="132"/>
                  <a:pt x="260" y="132"/>
                  <a:pt x="260" y="132"/>
                </a:cubicBezTo>
                <a:cubicBezTo>
                  <a:pt x="257" y="132"/>
                  <a:pt x="253" y="133"/>
                  <a:pt x="250" y="136"/>
                </a:cubicBezTo>
                <a:cubicBezTo>
                  <a:pt x="248" y="139"/>
                  <a:pt x="247" y="142"/>
                  <a:pt x="247" y="145"/>
                </a:cubicBezTo>
                <a:cubicBezTo>
                  <a:pt x="247" y="146"/>
                  <a:pt x="247" y="146"/>
                  <a:pt x="247" y="147"/>
                </a:cubicBezTo>
                <a:cubicBezTo>
                  <a:pt x="247" y="147"/>
                  <a:pt x="279" y="360"/>
                  <a:pt x="283" y="387"/>
                </a:cubicBezTo>
                <a:cubicBezTo>
                  <a:pt x="263" y="387"/>
                  <a:pt x="205" y="387"/>
                  <a:pt x="184" y="387"/>
                </a:cubicBezTo>
                <a:cubicBezTo>
                  <a:pt x="188" y="360"/>
                  <a:pt x="220" y="147"/>
                  <a:pt x="220" y="147"/>
                </a:cubicBezTo>
                <a:cubicBezTo>
                  <a:pt x="220" y="146"/>
                  <a:pt x="220" y="146"/>
                  <a:pt x="220" y="145"/>
                </a:cubicBezTo>
                <a:cubicBezTo>
                  <a:pt x="220" y="142"/>
                  <a:pt x="219" y="139"/>
                  <a:pt x="217" y="136"/>
                </a:cubicBezTo>
                <a:cubicBezTo>
                  <a:pt x="215" y="133"/>
                  <a:pt x="211" y="132"/>
                  <a:pt x="207" y="132"/>
                </a:cubicBezTo>
                <a:cubicBezTo>
                  <a:pt x="136" y="132"/>
                  <a:pt x="136" y="132"/>
                  <a:pt x="136" y="132"/>
                </a:cubicBezTo>
                <a:cubicBezTo>
                  <a:pt x="130" y="132"/>
                  <a:pt x="125" y="135"/>
                  <a:pt x="123" y="141"/>
                </a:cubicBezTo>
                <a:cubicBezTo>
                  <a:pt x="123" y="141"/>
                  <a:pt x="121" y="148"/>
                  <a:pt x="119" y="154"/>
                </a:cubicBezTo>
                <a:cubicBezTo>
                  <a:pt x="114" y="154"/>
                  <a:pt x="109" y="154"/>
                  <a:pt x="109" y="154"/>
                </a:cubicBezTo>
                <a:cubicBezTo>
                  <a:pt x="102" y="154"/>
                  <a:pt x="97" y="159"/>
                  <a:pt x="96" y="166"/>
                </a:cubicBezTo>
                <a:cubicBezTo>
                  <a:pt x="76" y="289"/>
                  <a:pt x="76" y="289"/>
                  <a:pt x="76" y="289"/>
                </a:cubicBezTo>
                <a:cubicBezTo>
                  <a:pt x="76" y="290"/>
                  <a:pt x="76" y="291"/>
                  <a:pt x="76" y="291"/>
                </a:cubicBezTo>
                <a:cubicBezTo>
                  <a:pt x="76" y="294"/>
                  <a:pt x="77" y="297"/>
                  <a:pt x="79" y="300"/>
                </a:cubicBezTo>
                <a:cubicBezTo>
                  <a:pt x="82" y="303"/>
                  <a:pt x="86" y="305"/>
                  <a:pt x="89" y="305"/>
                </a:cubicBezTo>
                <a:cubicBezTo>
                  <a:pt x="89" y="305"/>
                  <a:pt x="101" y="305"/>
                  <a:pt x="112" y="305"/>
                </a:cubicBezTo>
                <a:cubicBezTo>
                  <a:pt x="109" y="325"/>
                  <a:pt x="101" y="372"/>
                  <a:pt x="99" y="387"/>
                </a:cubicBezTo>
                <a:cubicBezTo>
                  <a:pt x="84" y="387"/>
                  <a:pt x="49" y="387"/>
                  <a:pt x="30" y="387"/>
                </a:cubicBezTo>
                <a:cubicBezTo>
                  <a:pt x="34" y="367"/>
                  <a:pt x="42" y="320"/>
                  <a:pt x="45" y="305"/>
                </a:cubicBezTo>
                <a:cubicBezTo>
                  <a:pt x="51" y="305"/>
                  <a:pt x="58" y="305"/>
                  <a:pt x="58" y="305"/>
                </a:cubicBezTo>
                <a:cubicBezTo>
                  <a:pt x="66" y="305"/>
                  <a:pt x="72" y="299"/>
                  <a:pt x="72" y="291"/>
                </a:cubicBezTo>
                <a:cubicBezTo>
                  <a:pt x="72" y="284"/>
                  <a:pt x="66" y="278"/>
                  <a:pt x="58" y="278"/>
                </a:cubicBezTo>
                <a:cubicBezTo>
                  <a:pt x="33" y="278"/>
                  <a:pt x="33" y="278"/>
                  <a:pt x="33" y="278"/>
                </a:cubicBezTo>
                <a:cubicBezTo>
                  <a:pt x="27" y="278"/>
                  <a:pt x="21" y="283"/>
                  <a:pt x="20" y="289"/>
                </a:cubicBezTo>
                <a:cubicBezTo>
                  <a:pt x="1" y="398"/>
                  <a:pt x="1" y="398"/>
                  <a:pt x="1" y="398"/>
                </a:cubicBezTo>
                <a:cubicBezTo>
                  <a:pt x="0" y="402"/>
                  <a:pt x="1" y="406"/>
                  <a:pt x="4" y="409"/>
                </a:cubicBezTo>
                <a:cubicBezTo>
                  <a:pt x="6" y="412"/>
                  <a:pt x="10" y="414"/>
                  <a:pt x="14" y="414"/>
                </a:cubicBezTo>
                <a:cubicBezTo>
                  <a:pt x="110" y="414"/>
                  <a:pt x="110" y="414"/>
                  <a:pt x="110" y="414"/>
                </a:cubicBezTo>
                <a:cubicBezTo>
                  <a:pt x="117" y="414"/>
                  <a:pt x="122" y="409"/>
                  <a:pt x="123" y="402"/>
                </a:cubicBezTo>
                <a:cubicBezTo>
                  <a:pt x="140" y="293"/>
                  <a:pt x="140" y="293"/>
                  <a:pt x="140" y="293"/>
                </a:cubicBezTo>
                <a:cubicBezTo>
                  <a:pt x="141" y="289"/>
                  <a:pt x="140" y="286"/>
                  <a:pt x="137" y="283"/>
                </a:cubicBezTo>
                <a:cubicBezTo>
                  <a:pt x="135" y="280"/>
                  <a:pt x="131" y="278"/>
                  <a:pt x="127" y="278"/>
                </a:cubicBezTo>
                <a:cubicBezTo>
                  <a:pt x="127" y="278"/>
                  <a:pt x="116" y="278"/>
                  <a:pt x="105" y="278"/>
                </a:cubicBezTo>
                <a:cubicBezTo>
                  <a:pt x="108" y="257"/>
                  <a:pt x="118" y="197"/>
                  <a:pt x="120" y="181"/>
                </a:cubicBezTo>
                <a:cubicBezTo>
                  <a:pt x="124" y="181"/>
                  <a:pt x="129" y="181"/>
                  <a:pt x="129" y="181"/>
                </a:cubicBezTo>
                <a:cubicBezTo>
                  <a:pt x="135" y="181"/>
                  <a:pt x="140" y="177"/>
                  <a:pt x="142" y="172"/>
                </a:cubicBezTo>
                <a:cubicBezTo>
                  <a:pt x="142" y="172"/>
                  <a:pt x="144" y="165"/>
                  <a:pt x="146" y="158"/>
                </a:cubicBezTo>
                <a:cubicBezTo>
                  <a:pt x="157" y="158"/>
                  <a:pt x="176" y="158"/>
                  <a:pt x="192" y="158"/>
                </a:cubicBezTo>
                <a:cubicBezTo>
                  <a:pt x="188" y="185"/>
                  <a:pt x="156" y="398"/>
                  <a:pt x="156" y="398"/>
                </a:cubicBezTo>
                <a:cubicBezTo>
                  <a:pt x="156" y="399"/>
                  <a:pt x="155" y="400"/>
                  <a:pt x="155" y="400"/>
                </a:cubicBezTo>
                <a:cubicBezTo>
                  <a:pt x="155" y="403"/>
                  <a:pt x="157" y="407"/>
                  <a:pt x="159" y="409"/>
                </a:cubicBezTo>
                <a:cubicBezTo>
                  <a:pt x="161" y="412"/>
                  <a:pt x="165" y="414"/>
                  <a:pt x="169" y="414"/>
                </a:cubicBezTo>
                <a:cubicBezTo>
                  <a:pt x="299" y="414"/>
                  <a:pt x="299" y="414"/>
                  <a:pt x="299" y="414"/>
                </a:cubicBezTo>
                <a:cubicBezTo>
                  <a:pt x="303" y="414"/>
                  <a:pt x="306" y="412"/>
                  <a:pt x="309" y="409"/>
                </a:cubicBezTo>
                <a:cubicBezTo>
                  <a:pt x="311" y="407"/>
                  <a:pt x="312" y="403"/>
                  <a:pt x="312" y="400"/>
                </a:cubicBezTo>
                <a:cubicBezTo>
                  <a:pt x="312" y="400"/>
                  <a:pt x="312" y="399"/>
                  <a:pt x="312" y="398"/>
                </a:cubicBezTo>
                <a:cubicBezTo>
                  <a:pt x="312" y="398"/>
                  <a:pt x="280" y="185"/>
                  <a:pt x="276" y="158"/>
                </a:cubicBezTo>
                <a:cubicBezTo>
                  <a:pt x="296" y="158"/>
                  <a:pt x="339" y="158"/>
                  <a:pt x="357" y="158"/>
                </a:cubicBezTo>
                <a:cubicBezTo>
                  <a:pt x="357" y="179"/>
                  <a:pt x="357" y="262"/>
                  <a:pt x="357" y="262"/>
                </a:cubicBezTo>
                <a:cubicBezTo>
                  <a:pt x="357" y="269"/>
                  <a:pt x="363" y="275"/>
                  <a:pt x="370" y="275"/>
                </a:cubicBezTo>
                <a:cubicBezTo>
                  <a:pt x="416" y="275"/>
                  <a:pt x="416" y="275"/>
                  <a:pt x="416" y="275"/>
                </a:cubicBezTo>
                <a:cubicBezTo>
                  <a:pt x="422" y="275"/>
                  <a:pt x="427" y="271"/>
                  <a:pt x="429" y="266"/>
                </a:cubicBezTo>
                <a:cubicBezTo>
                  <a:pt x="430" y="262"/>
                  <a:pt x="460" y="174"/>
                  <a:pt x="460" y="135"/>
                </a:cubicBezTo>
                <a:cubicBezTo>
                  <a:pt x="460" y="116"/>
                  <a:pt x="458" y="90"/>
                  <a:pt x="456" y="69"/>
                </a:cubicBezTo>
                <a:cubicBezTo>
                  <a:pt x="452" y="33"/>
                  <a:pt x="446" y="23"/>
                  <a:pt x="438" y="19"/>
                </a:cubicBezTo>
                <a:cubicBezTo>
                  <a:pt x="433" y="17"/>
                  <a:pt x="394" y="0"/>
                  <a:pt x="362" y="2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Freeform 151"/>
          <p:cNvSpPr>
            <a:spLocks/>
          </p:cNvSpPr>
          <p:nvPr userDrawn="1"/>
        </p:nvSpPr>
        <p:spPr bwMode="auto">
          <a:xfrm>
            <a:off x="1203146" y="1164037"/>
            <a:ext cx="384175" cy="515938"/>
          </a:xfrm>
          <a:custGeom>
            <a:avLst/>
            <a:gdLst/>
            <a:ahLst/>
            <a:cxnLst>
              <a:cxn ang="0">
                <a:pos x="8" y="21"/>
              </a:cxn>
              <a:cxn ang="0">
                <a:pos x="0" y="48"/>
              </a:cxn>
              <a:cxn ang="0">
                <a:pos x="4" y="67"/>
              </a:cxn>
              <a:cxn ang="0">
                <a:pos x="31" y="89"/>
              </a:cxn>
              <a:cxn ang="0">
                <a:pos x="31" y="433"/>
              </a:cxn>
              <a:cxn ang="0">
                <a:pos x="38" y="445"/>
              </a:cxn>
              <a:cxn ang="0">
                <a:pos x="89" y="444"/>
              </a:cxn>
              <a:cxn ang="0">
                <a:pos x="95" y="433"/>
              </a:cxn>
              <a:cxn ang="0">
                <a:pos x="95" y="257"/>
              </a:cxn>
              <a:cxn ang="0">
                <a:pos x="133" y="239"/>
              </a:cxn>
              <a:cxn ang="0">
                <a:pos x="210" y="252"/>
              </a:cxn>
              <a:cxn ang="0">
                <a:pos x="294" y="276"/>
              </a:cxn>
              <a:cxn ang="0">
                <a:pos x="334" y="262"/>
              </a:cxn>
              <a:cxn ang="0">
                <a:pos x="341" y="251"/>
              </a:cxn>
              <a:cxn ang="0">
                <a:pos x="341" y="94"/>
              </a:cxn>
              <a:cxn ang="0">
                <a:pos x="334" y="83"/>
              </a:cxn>
              <a:cxn ang="0">
                <a:pos x="320" y="83"/>
              </a:cxn>
              <a:cxn ang="0">
                <a:pos x="239" y="90"/>
              </a:cxn>
              <a:cxn ang="0">
                <a:pos x="238" y="89"/>
              </a:cxn>
              <a:cxn ang="0">
                <a:pos x="127" y="61"/>
              </a:cxn>
              <a:cxn ang="0">
                <a:pos x="74" y="85"/>
              </a:cxn>
              <a:cxn ang="0">
                <a:pos x="73" y="85"/>
              </a:cxn>
              <a:cxn ang="0">
                <a:pos x="74" y="85"/>
              </a:cxn>
              <a:cxn ang="0">
                <a:pos x="72" y="86"/>
              </a:cxn>
              <a:cxn ang="0">
                <a:pos x="68" y="96"/>
              </a:cxn>
              <a:cxn ang="0">
                <a:pos x="68" y="97"/>
              </a:cxn>
              <a:cxn ang="0">
                <a:pos x="68" y="202"/>
              </a:cxn>
              <a:cxn ang="0">
                <a:pos x="81" y="216"/>
              </a:cxn>
              <a:cxn ang="0">
                <a:pos x="81" y="216"/>
              </a:cxn>
              <a:cxn ang="0">
                <a:pos x="95" y="202"/>
              </a:cxn>
              <a:cxn ang="0">
                <a:pos x="95" y="103"/>
              </a:cxn>
              <a:cxn ang="0">
                <a:pos x="219" y="109"/>
              </a:cxn>
              <a:cxn ang="0">
                <a:pos x="294" y="124"/>
              </a:cxn>
              <a:cxn ang="0">
                <a:pos x="314" y="117"/>
              </a:cxn>
              <a:cxn ang="0">
                <a:pos x="314" y="242"/>
              </a:cxn>
              <a:cxn ang="0">
                <a:pos x="228" y="232"/>
              </a:cxn>
              <a:cxn ang="0">
                <a:pos x="124" y="214"/>
              </a:cxn>
              <a:cxn ang="0">
                <a:pos x="73" y="240"/>
              </a:cxn>
              <a:cxn ang="0">
                <a:pos x="68" y="251"/>
              </a:cxn>
              <a:cxn ang="0">
                <a:pos x="68" y="424"/>
              </a:cxn>
              <a:cxn ang="0">
                <a:pos x="57" y="424"/>
              </a:cxn>
              <a:cxn ang="0">
                <a:pos x="57" y="78"/>
              </a:cxn>
              <a:cxn ang="0">
                <a:pos x="46" y="65"/>
              </a:cxn>
              <a:cxn ang="0">
                <a:pos x="28" y="55"/>
              </a:cxn>
              <a:cxn ang="0">
                <a:pos x="27" y="48"/>
              </a:cxn>
              <a:cxn ang="0">
                <a:pos x="30" y="35"/>
              </a:cxn>
              <a:cxn ang="0">
                <a:pos x="46" y="28"/>
              </a:cxn>
              <a:cxn ang="0">
                <a:pos x="62" y="36"/>
              </a:cxn>
              <a:cxn ang="0">
                <a:pos x="63" y="50"/>
              </a:cxn>
              <a:cxn ang="0">
                <a:pos x="69" y="68"/>
              </a:cxn>
              <a:cxn ang="0">
                <a:pos x="87" y="62"/>
              </a:cxn>
              <a:cxn ang="0">
                <a:pos x="86" y="22"/>
              </a:cxn>
              <a:cxn ang="0">
                <a:pos x="47" y="1"/>
              </a:cxn>
              <a:cxn ang="0">
                <a:pos x="8" y="21"/>
              </a:cxn>
            </a:cxnLst>
            <a:rect l="0" t="0" r="r" b="b"/>
            <a:pathLst>
              <a:path w="341" h="457">
                <a:moveTo>
                  <a:pt x="8" y="21"/>
                </a:moveTo>
                <a:cubicBezTo>
                  <a:pt x="3" y="29"/>
                  <a:pt x="0" y="38"/>
                  <a:pt x="0" y="48"/>
                </a:cubicBezTo>
                <a:cubicBezTo>
                  <a:pt x="0" y="55"/>
                  <a:pt x="1" y="61"/>
                  <a:pt x="4" y="67"/>
                </a:cubicBezTo>
                <a:cubicBezTo>
                  <a:pt x="11" y="80"/>
                  <a:pt x="22" y="86"/>
                  <a:pt x="31" y="89"/>
                </a:cubicBezTo>
                <a:cubicBezTo>
                  <a:pt x="31" y="109"/>
                  <a:pt x="31" y="433"/>
                  <a:pt x="31" y="433"/>
                </a:cubicBezTo>
                <a:cubicBezTo>
                  <a:pt x="31" y="438"/>
                  <a:pt x="33" y="442"/>
                  <a:pt x="38" y="445"/>
                </a:cubicBezTo>
                <a:cubicBezTo>
                  <a:pt x="60" y="457"/>
                  <a:pt x="81" y="450"/>
                  <a:pt x="89" y="444"/>
                </a:cubicBezTo>
                <a:cubicBezTo>
                  <a:pt x="92" y="441"/>
                  <a:pt x="95" y="437"/>
                  <a:pt x="95" y="433"/>
                </a:cubicBezTo>
                <a:cubicBezTo>
                  <a:pt x="95" y="433"/>
                  <a:pt x="95" y="270"/>
                  <a:pt x="95" y="257"/>
                </a:cubicBezTo>
                <a:cubicBezTo>
                  <a:pt x="102" y="253"/>
                  <a:pt x="116" y="244"/>
                  <a:pt x="133" y="239"/>
                </a:cubicBezTo>
                <a:cubicBezTo>
                  <a:pt x="163" y="229"/>
                  <a:pt x="190" y="233"/>
                  <a:pt x="210" y="252"/>
                </a:cubicBezTo>
                <a:cubicBezTo>
                  <a:pt x="233" y="273"/>
                  <a:pt x="262" y="281"/>
                  <a:pt x="294" y="276"/>
                </a:cubicBezTo>
                <a:cubicBezTo>
                  <a:pt x="317" y="272"/>
                  <a:pt x="334" y="263"/>
                  <a:pt x="334" y="262"/>
                </a:cubicBezTo>
                <a:cubicBezTo>
                  <a:pt x="338" y="260"/>
                  <a:pt x="341" y="255"/>
                  <a:pt x="341" y="251"/>
                </a:cubicBezTo>
                <a:cubicBezTo>
                  <a:pt x="341" y="94"/>
                  <a:pt x="341" y="94"/>
                  <a:pt x="341" y="94"/>
                </a:cubicBezTo>
                <a:cubicBezTo>
                  <a:pt x="341" y="89"/>
                  <a:pt x="338" y="85"/>
                  <a:pt x="334" y="83"/>
                </a:cubicBezTo>
                <a:cubicBezTo>
                  <a:pt x="330" y="80"/>
                  <a:pt x="324" y="80"/>
                  <a:pt x="320" y="83"/>
                </a:cubicBezTo>
                <a:cubicBezTo>
                  <a:pt x="320" y="84"/>
                  <a:pt x="264" y="121"/>
                  <a:pt x="239" y="90"/>
                </a:cubicBezTo>
                <a:cubicBezTo>
                  <a:pt x="238" y="90"/>
                  <a:pt x="238" y="90"/>
                  <a:pt x="238" y="89"/>
                </a:cubicBezTo>
                <a:cubicBezTo>
                  <a:pt x="207" y="60"/>
                  <a:pt x="168" y="51"/>
                  <a:pt x="127" y="61"/>
                </a:cubicBezTo>
                <a:cubicBezTo>
                  <a:pt x="100" y="67"/>
                  <a:pt x="80" y="81"/>
                  <a:pt x="74" y="85"/>
                </a:cubicBezTo>
                <a:cubicBezTo>
                  <a:pt x="73" y="85"/>
                  <a:pt x="73" y="85"/>
                  <a:pt x="73" y="85"/>
                </a:cubicBezTo>
                <a:cubicBezTo>
                  <a:pt x="73" y="85"/>
                  <a:pt x="73" y="85"/>
                  <a:pt x="74" y="85"/>
                </a:cubicBezTo>
                <a:cubicBezTo>
                  <a:pt x="73" y="86"/>
                  <a:pt x="72" y="86"/>
                  <a:pt x="72" y="86"/>
                </a:cubicBezTo>
                <a:cubicBezTo>
                  <a:pt x="69" y="89"/>
                  <a:pt x="68" y="92"/>
                  <a:pt x="68" y="96"/>
                </a:cubicBezTo>
                <a:cubicBezTo>
                  <a:pt x="68" y="96"/>
                  <a:pt x="68" y="97"/>
                  <a:pt x="68" y="97"/>
                </a:cubicBezTo>
                <a:cubicBezTo>
                  <a:pt x="68" y="101"/>
                  <a:pt x="68" y="202"/>
                  <a:pt x="68" y="202"/>
                </a:cubicBezTo>
                <a:cubicBezTo>
                  <a:pt x="68" y="210"/>
                  <a:pt x="74" y="216"/>
                  <a:pt x="81" y="216"/>
                </a:cubicBezTo>
                <a:cubicBezTo>
                  <a:pt x="81" y="216"/>
                  <a:pt x="81" y="216"/>
                  <a:pt x="81" y="216"/>
                </a:cubicBezTo>
                <a:cubicBezTo>
                  <a:pt x="89" y="216"/>
                  <a:pt x="95" y="210"/>
                  <a:pt x="95" y="202"/>
                </a:cubicBezTo>
                <a:cubicBezTo>
                  <a:pt x="95" y="202"/>
                  <a:pt x="95" y="115"/>
                  <a:pt x="95" y="103"/>
                </a:cubicBezTo>
                <a:cubicBezTo>
                  <a:pt x="112" y="92"/>
                  <a:pt x="170" y="63"/>
                  <a:pt x="219" y="109"/>
                </a:cubicBezTo>
                <a:cubicBezTo>
                  <a:pt x="232" y="123"/>
                  <a:pt x="254" y="136"/>
                  <a:pt x="294" y="124"/>
                </a:cubicBezTo>
                <a:cubicBezTo>
                  <a:pt x="302" y="122"/>
                  <a:pt x="308" y="119"/>
                  <a:pt x="314" y="117"/>
                </a:cubicBezTo>
                <a:cubicBezTo>
                  <a:pt x="314" y="148"/>
                  <a:pt x="314" y="230"/>
                  <a:pt x="314" y="242"/>
                </a:cubicBezTo>
                <a:cubicBezTo>
                  <a:pt x="299" y="249"/>
                  <a:pt x="260" y="261"/>
                  <a:pt x="228" y="232"/>
                </a:cubicBezTo>
                <a:cubicBezTo>
                  <a:pt x="200" y="207"/>
                  <a:pt x="164" y="200"/>
                  <a:pt x="124" y="214"/>
                </a:cubicBezTo>
                <a:cubicBezTo>
                  <a:pt x="95" y="223"/>
                  <a:pt x="74" y="239"/>
                  <a:pt x="73" y="240"/>
                </a:cubicBezTo>
                <a:cubicBezTo>
                  <a:pt x="70" y="243"/>
                  <a:pt x="68" y="246"/>
                  <a:pt x="68" y="251"/>
                </a:cubicBezTo>
                <a:cubicBezTo>
                  <a:pt x="68" y="251"/>
                  <a:pt x="68" y="408"/>
                  <a:pt x="68" y="424"/>
                </a:cubicBezTo>
                <a:cubicBezTo>
                  <a:pt x="65" y="425"/>
                  <a:pt x="62" y="425"/>
                  <a:pt x="57" y="424"/>
                </a:cubicBezTo>
                <a:cubicBezTo>
                  <a:pt x="57" y="407"/>
                  <a:pt x="57" y="78"/>
                  <a:pt x="57" y="78"/>
                </a:cubicBezTo>
                <a:cubicBezTo>
                  <a:pt x="57" y="71"/>
                  <a:pt x="52" y="66"/>
                  <a:pt x="46" y="65"/>
                </a:cubicBezTo>
                <a:cubicBezTo>
                  <a:pt x="45" y="65"/>
                  <a:pt x="32" y="63"/>
                  <a:pt x="28" y="55"/>
                </a:cubicBezTo>
                <a:cubicBezTo>
                  <a:pt x="27" y="53"/>
                  <a:pt x="27" y="51"/>
                  <a:pt x="27" y="48"/>
                </a:cubicBezTo>
                <a:cubicBezTo>
                  <a:pt x="27" y="44"/>
                  <a:pt x="28" y="39"/>
                  <a:pt x="30" y="35"/>
                </a:cubicBezTo>
                <a:cubicBezTo>
                  <a:pt x="34" y="30"/>
                  <a:pt x="39" y="28"/>
                  <a:pt x="46" y="28"/>
                </a:cubicBezTo>
                <a:cubicBezTo>
                  <a:pt x="54" y="28"/>
                  <a:pt x="60" y="31"/>
                  <a:pt x="62" y="36"/>
                </a:cubicBezTo>
                <a:cubicBezTo>
                  <a:pt x="65" y="41"/>
                  <a:pt x="65" y="47"/>
                  <a:pt x="63" y="50"/>
                </a:cubicBezTo>
                <a:cubicBezTo>
                  <a:pt x="60" y="57"/>
                  <a:pt x="63" y="65"/>
                  <a:pt x="69" y="68"/>
                </a:cubicBezTo>
                <a:cubicBezTo>
                  <a:pt x="76" y="71"/>
                  <a:pt x="84" y="69"/>
                  <a:pt x="87" y="62"/>
                </a:cubicBezTo>
                <a:cubicBezTo>
                  <a:pt x="93" y="50"/>
                  <a:pt x="92" y="34"/>
                  <a:pt x="86" y="22"/>
                </a:cubicBezTo>
                <a:cubicBezTo>
                  <a:pt x="78" y="10"/>
                  <a:pt x="65" y="2"/>
                  <a:pt x="47" y="1"/>
                </a:cubicBezTo>
                <a:cubicBezTo>
                  <a:pt x="31" y="0"/>
                  <a:pt x="16" y="8"/>
                  <a:pt x="8" y="2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Freeform 183"/>
          <p:cNvSpPr>
            <a:spLocks/>
          </p:cNvSpPr>
          <p:nvPr userDrawn="1"/>
        </p:nvSpPr>
        <p:spPr bwMode="auto">
          <a:xfrm>
            <a:off x="1139646" y="1741392"/>
            <a:ext cx="511175" cy="525462"/>
          </a:xfrm>
          <a:custGeom>
            <a:avLst/>
            <a:gdLst/>
            <a:ahLst/>
            <a:cxnLst>
              <a:cxn ang="0">
                <a:pos x="58" y="463"/>
              </a:cxn>
              <a:cxn ang="0">
                <a:pos x="54" y="452"/>
              </a:cxn>
              <a:cxn ang="0">
                <a:pos x="54" y="148"/>
              </a:cxn>
              <a:cxn ang="0">
                <a:pos x="4" y="144"/>
              </a:cxn>
              <a:cxn ang="0">
                <a:pos x="0" y="134"/>
              </a:cxn>
              <a:cxn ang="0">
                <a:pos x="0" y="71"/>
              </a:cxn>
              <a:cxn ang="0">
                <a:pos x="4" y="61"/>
              </a:cxn>
              <a:cxn ang="0">
                <a:pos x="14" y="57"/>
              </a:cxn>
              <a:cxn ang="0">
                <a:pos x="54" y="14"/>
              </a:cxn>
              <a:cxn ang="0">
                <a:pos x="58" y="4"/>
              </a:cxn>
              <a:cxn ang="0">
                <a:pos x="68" y="0"/>
              </a:cxn>
              <a:cxn ang="0">
                <a:pos x="143" y="14"/>
              </a:cxn>
              <a:cxn ang="0">
                <a:pos x="143" y="57"/>
              </a:cxn>
              <a:cxn ang="0">
                <a:pos x="454" y="71"/>
              </a:cxn>
              <a:cxn ang="0">
                <a:pos x="454" y="133"/>
              </a:cxn>
              <a:cxn ang="0">
                <a:pos x="450" y="143"/>
              </a:cxn>
              <a:cxn ang="0">
                <a:pos x="440" y="147"/>
              </a:cxn>
              <a:cxn ang="0">
                <a:pos x="142" y="157"/>
              </a:cxn>
              <a:cxn ang="0">
                <a:pos x="398" y="161"/>
              </a:cxn>
              <a:cxn ang="0">
                <a:pos x="402" y="171"/>
              </a:cxn>
              <a:cxn ang="0">
                <a:pos x="402" y="325"/>
              </a:cxn>
              <a:cxn ang="0">
                <a:pos x="398" y="335"/>
              </a:cxn>
              <a:cxn ang="0">
                <a:pos x="388" y="339"/>
              </a:cxn>
              <a:cxn ang="0">
                <a:pos x="119" y="335"/>
              </a:cxn>
              <a:cxn ang="0">
                <a:pos x="115" y="325"/>
              </a:cxn>
              <a:cxn ang="0">
                <a:pos x="115" y="219"/>
              </a:cxn>
              <a:cxn ang="0">
                <a:pos x="129" y="205"/>
              </a:cxn>
              <a:cxn ang="0">
                <a:pos x="143" y="219"/>
              </a:cxn>
              <a:cxn ang="0">
                <a:pos x="373" y="310"/>
              </a:cxn>
              <a:cxn ang="0">
                <a:pos x="128" y="185"/>
              </a:cxn>
              <a:cxn ang="0">
                <a:pos x="118" y="181"/>
              </a:cxn>
              <a:cxn ang="0">
                <a:pos x="113" y="171"/>
              </a:cxn>
              <a:cxn ang="0">
                <a:pos x="118" y="123"/>
              </a:cxn>
              <a:cxn ang="0">
                <a:pos x="128" y="119"/>
              </a:cxn>
              <a:cxn ang="0">
                <a:pos x="426" y="119"/>
              </a:cxn>
              <a:cxn ang="0">
                <a:pos x="129" y="85"/>
              </a:cxn>
              <a:cxn ang="0">
                <a:pos x="114" y="71"/>
              </a:cxn>
              <a:cxn ang="0">
                <a:pos x="82" y="28"/>
              </a:cxn>
              <a:cxn ang="0">
                <a:pos x="78" y="81"/>
              </a:cxn>
              <a:cxn ang="0">
                <a:pos x="68" y="85"/>
              </a:cxn>
              <a:cxn ang="0">
                <a:pos x="28" y="85"/>
              </a:cxn>
              <a:cxn ang="0">
                <a:pos x="68" y="119"/>
              </a:cxn>
              <a:cxn ang="0">
                <a:pos x="78" y="123"/>
              </a:cxn>
              <a:cxn ang="0">
                <a:pos x="82" y="134"/>
              </a:cxn>
              <a:cxn ang="0">
                <a:pos x="114" y="438"/>
              </a:cxn>
              <a:cxn ang="0">
                <a:pos x="129" y="357"/>
              </a:cxn>
              <a:cxn ang="0">
                <a:pos x="143" y="372"/>
              </a:cxn>
              <a:cxn ang="0">
                <a:pos x="143" y="452"/>
              </a:cxn>
              <a:cxn ang="0">
                <a:pos x="139" y="463"/>
              </a:cxn>
              <a:cxn ang="0">
                <a:pos x="129" y="467"/>
              </a:cxn>
            </a:cxnLst>
            <a:rect l="0" t="0" r="r" b="b"/>
            <a:pathLst>
              <a:path w="454" h="467">
                <a:moveTo>
                  <a:pt x="68" y="467"/>
                </a:moveTo>
                <a:cubicBezTo>
                  <a:pt x="64" y="467"/>
                  <a:pt x="60" y="465"/>
                  <a:pt x="58" y="463"/>
                </a:cubicBezTo>
                <a:cubicBezTo>
                  <a:pt x="58" y="463"/>
                  <a:pt x="58" y="463"/>
                  <a:pt x="58" y="463"/>
                </a:cubicBezTo>
                <a:cubicBezTo>
                  <a:pt x="55" y="460"/>
                  <a:pt x="54" y="456"/>
                  <a:pt x="54" y="452"/>
                </a:cubicBezTo>
                <a:cubicBezTo>
                  <a:pt x="54" y="452"/>
                  <a:pt x="54" y="452"/>
                  <a:pt x="54" y="452"/>
                </a:cubicBezTo>
                <a:cubicBezTo>
                  <a:pt x="54" y="148"/>
                  <a:pt x="54" y="148"/>
                  <a:pt x="54" y="148"/>
                </a:cubicBezTo>
                <a:cubicBezTo>
                  <a:pt x="14" y="148"/>
                  <a:pt x="14" y="148"/>
                  <a:pt x="14" y="148"/>
                </a:cubicBezTo>
                <a:cubicBezTo>
                  <a:pt x="10" y="148"/>
                  <a:pt x="7" y="146"/>
                  <a:pt x="4" y="144"/>
                </a:cubicBezTo>
                <a:cubicBezTo>
                  <a:pt x="4" y="144"/>
                  <a:pt x="4" y="144"/>
                  <a:pt x="4" y="144"/>
                </a:cubicBezTo>
                <a:cubicBezTo>
                  <a:pt x="1" y="141"/>
                  <a:pt x="0" y="137"/>
                  <a:pt x="0" y="134"/>
                </a:cubicBezTo>
                <a:cubicBezTo>
                  <a:pt x="0" y="134"/>
                  <a:pt x="0" y="134"/>
                  <a:pt x="0" y="134"/>
                </a:cubicBezTo>
                <a:cubicBezTo>
                  <a:pt x="0" y="71"/>
                  <a:pt x="0" y="71"/>
                  <a:pt x="0" y="71"/>
                </a:cubicBezTo>
                <a:cubicBezTo>
                  <a:pt x="0" y="67"/>
                  <a:pt x="1" y="64"/>
                  <a:pt x="4" y="61"/>
                </a:cubicBezTo>
                <a:cubicBezTo>
                  <a:pt x="4" y="61"/>
                  <a:pt x="4" y="61"/>
                  <a:pt x="4" y="61"/>
                </a:cubicBezTo>
                <a:cubicBezTo>
                  <a:pt x="7" y="58"/>
                  <a:pt x="10" y="57"/>
                  <a:pt x="14" y="57"/>
                </a:cubicBezTo>
                <a:cubicBezTo>
                  <a:pt x="14" y="57"/>
                  <a:pt x="14" y="57"/>
                  <a:pt x="14" y="57"/>
                </a:cubicBezTo>
                <a:cubicBezTo>
                  <a:pt x="54" y="57"/>
                  <a:pt x="54" y="57"/>
                  <a:pt x="54" y="57"/>
                </a:cubicBezTo>
                <a:cubicBezTo>
                  <a:pt x="54" y="14"/>
                  <a:pt x="54" y="14"/>
                  <a:pt x="54" y="14"/>
                </a:cubicBezTo>
                <a:cubicBezTo>
                  <a:pt x="54" y="10"/>
                  <a:pt x="55" y="7"/>
                  <a:pt x="58" y="4"/>
                </a:cubicBezTo>
                <a:cubicBezTo>
                  <a:pt x="58" y="4"/>
                  <a:pt x="58" y="4"/>
                  <a:pt x="58" y="4"/>
                </a:cubicBezTo>
                <a:cubicBezTo>
                  <a:pt x="61" y="2"/>
                  <a:pt x="64" y="0"/>
                  <a:pt x="68" y="0"/>
                </a:cubicBezTo>
                <a:cubicBezTo>
                  <a:pt x="68" y="0"/>
                  <a:pt x="68" y="0"/>
                  <a:pt x="68" y="0"/>
                </a:cubicBezTo>
                <a:cubicBezTo>
                  <a:pt x="129" y="0"/>
                  <a:pt x="129" y="0"/>
                  <a:pt x="129" y="0"/>
                </a:cubicBezTo>
                <a:cubicBezTo>
                  <a:pt x="136" y="0"/>
                  <a:pt x="143" y="6"/>
                  <a:pt x="143" y="14"/>
                </a:cubicBezTo>
                <a:cubicBezTo>
                  <a:pt x="143" y="14"/>
                  <a:pt x="143" y="14"/>
                  <a:pt x="143" y="14"/>
                </a:cubicBezTo>
                <a:cubicBezTo>
                  <a:pt x="143" y="57"/>
                  <a:pt x="143" y="57"/>
                  <a:pt x="143" y="57"/>
                </a:cubicBezTo>
                <a:cubicBezTo>
                  <a:pt x="440" y="57"/>
                  <a:pt x="440" y="57"/>
                  <a:pt x="440" y="57"/>
                </a:cubicBezTo>
                <a:cubicBezTo>
                  <a:pt x="448" y="57"/>
                  <a:pt x="454" y="63"/>
                  <a:pt x="454" y="71"/>
                </a:cubicBezTo>
                <a:cubicBezTo>
                  <a:pt x="454" y="71"/>
                  <a:pt x="454" y="71"/>
                  <a:pt x="454" y="71"/>
                </a:cubicBezTo>
                <a:cubicBezTo>
                  <a:pt x="454" y="133"/>
                  <a:pt x="454" y="133"/>
                  <a:pt x="454" y="133"/>
                </a:cubicBezTo>
                <a:cubicBezTo>
                  <a:pt x="454" y="137"/>
                  <a:pt x="453" y="140"/>
                  <a:pt x="450" y="143"/>
                </a:cubicBezTo>
                <a:cubicBezTo>
                  <a:pt x="450" y="143"/>
                  <a:pt x="450" y="143"/>
                  <a:pt x="450" y="143"/>
                </a:cubicBezTo>
                <a:cubicBezTo>
                  <a:pt x="448" y="146"/>
                  <a:pt x="444" y="147"/>
                  <a:pt x="440" y="147"/>
                </a:cubicBezTo>
                <a:cubicBezTo>
                  <a:pt x="440" y="147"/>
                  <a:pt x="440" y="147"/>
                  <a:pt x="440" y="147"/>
                </a:cubicBezTo>
                <a:cubicBezTo>
                  <a:pt x="142" y="147"/>
                  <a:pt x="142" y="147"/>
                  <a:pt x="142" y="147"/>
                </a:cubicBezTo>
                <a:cubicBezTo>
                  <a:pt x="142" y="157"/>
                  <a:pt x="142" y="157"/>
                  <a:pt x="142" y="157"/>
                </a:cubicBezTo>
                <a:cubicBezTo>
                  <a:pt x="388" y="157"/>
                  <a:pt x="388" y="157"/>
                  <a:pt x="388" y="157"/>
                </a:cubicBezTo>
                <a:cubicBezTo>
                  <a:pt x="391" y="157"/>
                  <a:pt x="395" y="158"/>
                  <a:pt x="398" y="161"/>
                </a:cubicBezTo>
                <a:cubicBezTo>
                  <a:pt x="398" y="161"/>
                  <a:pt x="398" y="161"/>
                  <a:pt x="398" y="161"/>
                </a:cubicBezTo>
                <a:cubicBezTo>
                  <a:pt x="400" y="164"/>
                  <a:pt x="402" y="167"/>
                  <a:pt x="402" y="171"/>
                </a:cubicBezTo>
                <a:cubicBezTo>
                  <a:pt x="402" y="171"/>
                  <a:pt x="402" y="171"/>
                  <a:pt x="402" y="171"/>
                </a:cubicBezTo>
                <a:cubicBezTo>
                  <a:pt x="402" y="325"/>
                  <a:pt x="402" y="325"/>
                  <a:pt x="402" y="325"/>
                </a:cubicBezTo>
                <a:cubicBezTo>
                  <a:pt x="402" y="328"/>
                  <a:pt x="400" y="332"/>
                  <a:pt x="398" y="335"/>
                </a:cubicBezTo>
                <a:cubicBezTo>
                  <a:pt x="398" y="335"/>
                  <a:pt x="398" y="335"/>
                  <a:pt x="398" y="335"/>
                </a:cubicBezTo>
                <a:cubicBezTo>
                  <a:pt x="395" y="337"/>
                  <a:pt x="391" y="339"/>
                  <a:pt x="388" y="339"/>
                </a:cubicBezTo>
                <a:cubicBezTo>
                  <a:pt x="388" y="339"/>
                  <a:pt x="388" y="339"/>
                  <a:pt x="388" y="339"/>
                </a:cubicBezTo>
                <a:cubicBezTo>
                  <a:pt x="129" y="339"/>
                  <a:pt x="129" y="339"/>
                  <a:pt x="129" y="339"/>
                </a:cubicBezTo>
                <a:cubicBezTo>
                  <a:pt x="125" y="339"/>
                  <a:pt x="122" y="337"/>
                  <a:pt x="119" y="335"/>
                </a:cubicBezTo>
                <a:cubicBezTo>
                  <a:pt x="119" y="335"/>
                  <a:pt x="119" y="335"/>
                  <a:pt x="119" y="335"/>
                </a:cubicBezTo>
                <a:cubicBezTo>
                  <a:pt x="116" y="332"/>
                  <a:pt x="115" y="328"/>
                  <a:pt x="115" y="325"/>
                </a:cubicBezTo>
                <a:cubicBezTo>
                  <a:pt x="115" y="325"/>
                  <a:pt x="115" y="325"/>
                  <a:pt x="115" y="325"/>
                </a:cubicBezTo>
                <a:cubicBezTo>
                  <a:pt x="115" y="219"/>
                  <a:pt x="115" y="219"/>
                  <a:pt x="115" y="219"/>
                </a:cubicBezTo>
                <a:cubicBezTo>
                  <a:pt x="115" y="212"/>
                  <a:pt x="121" y="205"/>
                  <a:pt x="129" y="205"/>
                </a:cubicBezTo>
                <a:cubicBezTo>
                  <a:pt x="129" y="205"/>
                  <a:pt x="129" y="205"/>
                  <a:pt x="129" y="205"/>
                </a:cubicBezTo>
                <a:cubicBezTo>
                  <a:pt x="137" y="205"/>
                  <a:pt x="143" y="212"/>
                  <a:pt x="143" y="219"/>
                </a:cubicBezTo>
                <a:cubicBezTo>
                  <a:pt x="143" y="219"/>
                  <a:pt x="143" y="219"/>
                  <a:pt x="143" y="219"/>
                </a:cubicBezTo>
                <a:cubicBezTo>
                  <a:pt x="143" y="310"/>
                  <a:pt x="143" y="310"/>
                  <a:pt x="143" y="310"/>
                </a:cubicBezTo>
                <a:cubicBezTo>
                  <a:pt x="373" y="310"/>
                  <a:pt x="373" y="310"/>
                  <a:pt x="373" y="310"/>
                </a:cubicBezTo>
                <a:cubicBezTo>
                  <a:pt x="373" y="185"/>
                  <a:pt x="373" y="185"/>
                  <a:pt x="373" y="185"/>
                </a:cubicBezTo>
                <a:cubicBezTo>
                  <a:pt x="128" y="185"/>
                  <a:pt x="128" y="185"/>
                  <a:pt x="128" y="185"/>
                </a:cubicBezTo>
                <a:cubicBezTo>
                  <a:pt x="124" y="185"/>
                  <a:pt x="120" y="184"/>
                  <a:pt x="118" y="181"/>
                </a:cubicBezTo>
                <a:cubicBezTo>
                  <a:pt x="118" y="181"/>
                  <a:pt x="118" y="181"/>
                  <a:pt x="118" y="181"/>
                </a:cubicBezTo>
                <a:cubicBezTo>
                  <a:pt x="115" y="179"/>
                  <a:pt x="113" y="175"/>
                  <a:pt x="113" y="171"/>
                </a:cubicBezTo>
                <a:cubicBezTo>
                  <a:pt x="113" y="171"/>
                  <a:pt x="113" y="171"/>
                  <a:pt x="113" y="171"/>
                </a:cubicBezTo>
                <a:cubicBezTo>
                  <a:pt x="113" y="133"/>
                  <a:pt x="113" y="133"/>
                  <a:pt x="113" y="133"/>
                </a:cubicBezTo>
                <a:cubicBezTo>
                  <a:pt x="113" y="129"/>
                  <a:pt x="115" y="125"/>
                  <a:pt x="118" y="123"/>
                </a:cubicBezTo>
                <a:cubicBezTo>
                  <a:pt x="118" y="123"/>
                  <a:pt x="118" y="123"/>
                  <a:pt x="118" y="123"/>
                </a:cubicBezTo>
                <a:cubicBezTo>
                  <a:pt x="120" y="120"/>
                  <a:pt x="124" y="119"/>
                  <a:pt x="128" y="119"/>
                </a:cubicBezTo>
                <a:cubicBezTo>
                  <a:pt x="128" y="119"/>
                  <a:pt x="128" y="119"/>
                  <a:pt x="128" y="119"/>
                </a:cubicBezTo>
                <a:cubicBezTo>
                  <a:pt x="426" y="119"/>
                  <a:pt x="426" y="119"/>
                  <a:pt x="426" y="119"/>
                </a:cubicBezTo>
                <a:cubicBezTo>
                  <a:pt x="426" y="85"/>
                  <a:pt x="426" y="85"/>
                  <a:pt x="426" y="85"/>
                </a:cubicBezTo>
                <a:cubicBezTo>
                  <a:pt x="129" y="85"/>
                  <a:pt x="129" y="85"/>
                  <a:pt x="129" y="85"/>
                </a:cubicBezTo>
                <a:cubicBezTo>
                  <a:pt x="121" y="85"/>
                  <a:pt x="114" y="79"/>
                  <a:pt x="114" y="71"/>
                </a:cubicBezTo>
                <a:cubicBezTo>
                  <a:pt x="114" y="71"/>
                  <a:pt x="114" y="71"/>
                  <a:pt x="114" y="71"/>
                </a:cubicBezTo>
                <a:cubicBezTo>
                  <a:pt x="114" y="28"/>
                  <a:pt x="114" y="28"/>
                  <a:pt x="114" y="28"/>
                </a:cubicBezTo>
                <a:cubicBezTo>
                  <a:pt x="82" y="28"/>
                  <a:pt x="82" y="28"/>
                  <a:pt x="82" y="28"/>
                </a:cubicBezTo>
                <a:cubicBezTo>
                  <a:pt x="82" y="71"/>
                  <a:pt x="82" y="71"/>
                  <a:pt x="82" y="71"/>
                </a:cubicBezTo>
                <a:cubicBezTo>
                  <a:pt x="82" y="75"/>
                  <a:pt x="81" y="78"/>
                  <a:pt x="78" y="81"/>
                </a:cubicBezTo>
                <a:cubicBezTo>
                  <a:pt x="78" y="81"/>
                  <a:pt x="78" y="81"/>
                  <a:pt x="78" y="81"/>
                </a:cubicBezTo>
                <a:cubicBezTo>
                  <a:pt x="75" y="84"/>
                  <a:pt x="72" y="85"/>
                  <a:pt x="68" y="85"/>
                </a:cubicBezTo>
                <a:cubicBezTo>
                  <a:pt x="68" y="85"/>
                  <a:pt x="68" y="85"/>
                  <a:pt x="68" y="85"/>
                </a:cubicBezTo>
                <a:cubicBezTo>
                  <a:pt x="28" y="85"/>
                  <a:pt x="28" y="85"/>
                  <a:pt x="28" y="85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68" y="119"/>
                  <a:pt x="68" y="119"/>
                  <a:pt x="68" y="119"/>
                </a:cubicBezTo>
                <a:cubicBezTo>
                  <a:pt x="72" y="119"/>
                  <a:pt x="75" y="121"/>
                  <a:pt x="78" y="123"/>
                </a:cubicBezTo>
                <a:cubicBezTo>
                  <a:pt x="78" y="123"/>
                  <a:pt x="78" y="123"/>
                  <a:pt x="78" y="123"/>
                </a:cubicBezTo>
                <a:cubicBezTo>
                  <a:pt x="81" y="126"/>
                  <a:pt x="82" y="130"/>
                  <a:pt x="82" y="134"/>
                </a:cubicBezTo>
                <a:cubicBezTo>
                  <a:pt x="82" y="134"/>
                  <a:pt x="82" y="134"/>
                  <a:pt x="82" y="134"/>
                </a:cubicBezTo>
                <a:cubicBezTo>
                  <a:pt x="82" y="438"/>
                  <a:pt x="82" y="438"/>
                  <a:pt x="82" y="438"/>
                </a:cubicBezTo>
                <a:cubicBezTo>
                  <a:pt x="114" y="438"/>
                  <a:pt x="114" y="438"/>
                  <a:pt x="114" y="438"/>
                </a:cubicBezTo>
                <a:cubicBezTo>
                  <a:pt x="114" y="372"/>
                  <a:pt x="114" y="372"/>
                  <a:pt x="114" y="372"/>
                </a:cubicBezTo>
                <a:cubicBezTo>
                  <a:pt x="114" y="364"/>
                  <a:pt x="121" y="357"/>
                  <a:pt x="129" y="357"/>
                </a:cubicBezTo>
                <a:cubicBezTo>
                  <a:pt x="129" y="357"/>
                  <a:pt x="129" y="357"/>
                  <a:pt x="129" y="357"/>
                </a:cubicBezTo>
                <a:cubicBezTo>
                  <a:pt x="136" y="357"/>
                  <a:pt x="143" y="364"/>
                  <a:pt x="143" y="372"/>
                </a:cubicBezTo>
                <a:cubicBezTo>
                  <a:pt x="143" y="372"/>
                  <a:pt x="143" y="372"/>
                  <a:pt x="143" y="372"/>
                </a:cubicBezTo>
                <a:cubicBezTo>
                  <a:pt x="143" y="452"/>
                  <a:pt x="143" y="452"/>
                  <a:pt x="143" y="452"/>
                </a:cubicBezTo>
                <a:cubicBezTo>
                  <a:pt x="143" y="456"/>
                  <a:pt x="141" y="460"/>
                  <a:pt x="139" y="463"/>
                </a:cubicBezTo>
                <a:cubicBezTo>
                  <a:pt x="139" y="463"/>
                  <a:pt x="139" y="463"/>
                  <a:pt x="139" y="463"/>
                </a:cubicBezTo>
                <a:cubicBezTo>
                  <a:pt x="136" y="465"/>
                  <a:pt x="132" y="467"/>
                  <a:pt x="129" y="467"/>
                </a:cubicBezTo>
                <a:cubicBezTo>
                  <a:pt x="129" y="467"/>
                  <a:pt x="129" y="467"/>
                  <a:pt x="129" y="467"/>
                </a:cubicBezTo>
                <a:cubicBezTo>
                  <a:pt x="68" y="467"/>
                  <a:pt x="68" y="467"/>
                  <a:pt x="68" y="46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Freeform 187"/>
          <p:cNvSpPr>
            <a:spLocks/>
          </p:cNvSpPr>
          <p:nvPr userDrawn="1"/>
        </p:nvSpPr>
        <p:spPr bwMode="auto">
          <a:xfrm>
            <a:off x="1140439" y="2457667"/>
            <a:ext cx="509588" cy="368300"/>
          </a:xfrm>
          <a:custGeom>
            <a:avLst/>
            <a:gdLst/>
            <a:ahLst/>
            <a:cxnLst>
              <a:cxn ang="0">
                <a:pos x="398" y="134"/>
              </a:cxn>
              <a:cxn ang="0">
                <a:pos x="408" y="93"/>
              </a:cxn>
              <a:cxn ang="0">
                <a:pos x="395" y="79"/>
              </a:cxn>
              <a:cxn ang="0">
                <a:pos x="303" y="93"/>
              </a:cxn>
              <a:cxn ang="0">
                <a:pos x="377" y="106"/>
              </a:cxn>
              <a:cxn ang="0">
                <a:pos x="367" y="147"/>
              </a:cxn>
              <a:cxn ang="0">
                <a:pos x="381" y="161"/>
              </a:cxn>
              <a:cxn ang="0">
                <a:pos x="426" y="241"/>
              </a:cxn>
              <a:cxn ang="0">
                <a:pos x="349" y="214"/>
              </a:cxn>
              <a:cxn ang="0">
                <a:pos x="329" y="232"/>
              </a:cxn>
              <a:cxn ang="0">
                <a:pos x="300" y="301"/>
              </a:cxn>
              <a:cxn ang="0">
                <a:pos x="260" y="251"/>
              </a:cxn>
              <a:cxn ang="0">
                <a:pos x="246" y="234"/>
              </a:cxn>
              <a:cxn ang="0">
                <a:pos x="154" y="234"/>
              </a:cxn>
              <a:cxn ang="0">
                <a:pos x="121" y="213"/>
              </a:cxn>
              <a:cxn ang="0">
                <a:pos x="132" y="260"/>
              </a:cxn>
              <a:cxn ang="0">
                <a:pos x="50" y="260"/>
              </a:cxn>
              <a:cxn ang="0">
                <a:pos x="62" y="231"/>
              </a:cxn>
              <a:cxn ang="0">
                <a:pos x="64" y="223"/>
              </a:cxn>
              <a:cxn ang="0">
                <a:pos x="55" y="175"/>
              </a:cxn>
              <a:cxn ang="0">
                <a:pos x="28" y="164"/>
              </a:cxn>
              <a:cxn ang="0">
                <a:pos x="294" y="81"/>
              </a:cxn>
              <a:cxn ang="0">
                <a:pos x="345" y="49"/>
              </a:cxn>
              <a:cxn ang="0">
                <a:pos x="449" y="15"/>
              </a:cxn>
              <a:cxn ang="0">
                <a:pos x="433" y="2"/>
              </a:cxn>
              <a:cxn ang="0">
                <a:pos x="332" y="25"/>
              </a:cxn>
              <a:cxn ang="0">
                <a:pos x="19" y="99"/>
              </a:cxn>
              <a:cxn ang="0">
                <a:pos x="0" y="164"/>
              </a:cxn>
              <a:cxn ang="0">
                <a:pos x="1" y="171"/>
              </a:cxn>
              <a:cxn ang="0">
                <a:pos x="14" y="189"/>
              </a:cxn>
              <a:cxn ang="0">
                <a:pos x="37" y="219"/>
              </a:cxn>
              <a:cxn ang="0">
                <a:pos x="91" y="328"/>
              </a:cxn>
              <a:cxn ang="0">
                <a:pos x="232" y="261"/>
              </a:cxn>
              <a:cxn ang="0">
                <a:pos x="365" y="277"/>
              </a:cxn>
              <a:cxn ang="0">
                <a:pos x="453" y="253"/>
              </a:cxn>
              <a:cxn ang="0">
                <a:pos x="440" y="134"/>
              </a:cxn>
            </a:cxnLst>
            <a:rect l="0" t="0" r="r" b="b"/>
            <a:pathLst>
              <a:path w="453" h="328">
                <a:moveTo>
                  <a:pt x="440" y="134"/>
                </a:moveTo>
                <a:cubicBezTo>
                  <a:pt x="440" y="134"/>
                  <a:pt x="416" y="134"/>
                  <a:pt x="398" y="134"/>
                </a:cubicBezTo>
                <a:cubicBezTo>
                  <a:pt x="402" y="118"/>
                  <a:pt x="408" y="96"/>
                  <a:pt x="408" y="96"/>
                </a:cubicBezTo>
                <a:cubicBezTo>
                  <a:pt x="408" y="95"/>
                  <a:pt x="408" y="94"/>
                  <a:pt x="408" y="93"/>
                </a:cubicBezTo>
                <a:cubicBezTo>
                  <a:pt x="408" y="90"/>
                  <a:pt x="407" y="87"/>
                  <a:pt x="406" y="84"/>
                </a:cubicBezTo>
                <a:cubicBezTo>
                  <a:pt x="403" y="81"/>
                  <a:pt x="399" y="79"/>
                  <a:pt x="395" y="79"/>
                </a:cubicBezTo>
                <a:cubicBezTo>
                  <a:pt x="317" y="79"/>
                  <a:pt x="317" y="79"/>
                  <a:pt x="317" y="79"/>
                </a:cubicBezTo>
                <a:cubicBezTo>
                  <a:pt x="309" y="79"/>
                  <a:pt x="303" y="85"/>
                  <a:pt x="303" y="93"/>
                </a:cubicBezTo>
                <a:cubicBezTo>
                  <a:pt x="303" y="100"/>
                  <a:pt x="309" y="106"/>
                  <a:pt x="317" y="106"/>
                </a:cubicBezTo>
                <a:cubicBezTo>
                  <a:pt x="317" y="106"/>
                  <a:pt x="356" y="106"/>
                  <a:pt x="377" y="106"/>
                </a:cubicBezTo>
                <a:cubicBezTo>
                  <a:pt x="373" y="122"/>
                  <a:pt x="368" y="144"/>
                  <a:pt x="368" y="144"/>
                </a:cubicBezTo>
                <a:cubicBezTo>
                  <a:pt x="367" y="145"/>
                  <a:pt x="367" y="146"/>
                  <a:pt x="367" y="147"/>
                </a:cubicBezTo>
                <a:cubicBezTo>
                  <a:pt x="367" y="150"/>
                  <a:pt x="368" y="153"/>
                  <a:pt x="370" y="155"/>
                </a:cubicBezTo>
                <a:cubicBezTo>
                  <a:pt x="373" y="159"/>
                  <a:pt x="377" y="161"/>
                  <a:pt x="381" y="161"/>
                </a:cubicBezTo>
                <a:cubicBezTo>
                  <a:pt x="381" y="161"/>
                  <a:pt x="410" y="161"/>
                  <a:pt x="426" y="161"/>
                </a:cubicBezTo>
                <a:cubicBezTo>
                  <a:pt x="426" y="241"/>
                  <a:pt x="426" y="241"/>
                  <a:pt x="426" y="241"/>
                </a:cubicBezTo>
                <a:cubicBezTo>
                  <a:pt x="414" y="243"/>
                  <a:pt x="384" y="247"/>
                  <a:pt x="367" y="249"/>
                </a:cubicBezTo>
                <a:cubicBezTo>
                  <a:pt x="364" y="236"/>
                  <a:pt x="358" y="224"/>
                  <a:pt x="349" y="214"/>
                </a:cubicBezTo>
                <a:cubicBezTo>
                  <a:pt x="344" y="208"/>
                  <a:pt x="335" y="208"/>
                  <a:pt x="330" y="213"/>
                </a:cubicBezTo>
                <a:cubicBezTo>
                  <a:pt x="324" y="218"/>
                  <a:pt x="324" y="227"/>
                  <a:pt x="329" y="232"/>
                </a:cubicBezTo>
                <a:cubicBezTo>
                  <a:pt x="336" y="240"/>
                  <a:pt x="340" y="250"/>
                  <a:pt x="340" y="260"/>
                </a:cubicBezTo>
                <a:cubicBezTo>
                  <a:pt x="340" y="283"/>
                  <a:pt x="322" y="301"/>
                  <a:pt x="300" y="301"/>
                </a:cubicBezTo>
                <a:cubicBezTo>
                  <a:pt x="277" y="301"/>
                  <a:pt x="259" y="283"/>
                  <a:pt x="259" y="260"/>
                </a:cubicBezTo>
                <a:cubicBezTo>
                  <a:pt x="259" y="257"/>
                  <a:pt x="259" y="254"/>
                  <a:pt x="260" y="251"/>
                </a:cubicBezTo>
                <a:cubicBezTo>
                  <a:pt x="261" y="247"/>
                  <a:pt x="260" y="243"/>
                  <a:pt x="257" y="239"/>
                </a:cubicBezTo>
                <a:cubicBezTo>
                  <a:pt x="255" y="236"/>
                  <a:pt x="251" y="234"/>
                  <a:pt x="246" y="234"/>
                </a:cubicBezTo>
                <a:cubicBezTo>
                  <a:pt x="245" y="234"/>
                  <a:pt x="245" y="234"/>
                  <a:pt x="245" y="234"/>
                </a:cubicBezTo>
                <a:cubicBezTo>
                  <a:pt x="154" y="234"/>
                  <a:pt x="154" y="234"/>
                  <a:pt x="154" y="234"/>
                </a:cubicBezTo>
                <a:cubicBezTo>
                  <a:pt x="150" y="227"/>
                  <a:pt x="146" y="219"/>
                  <a:pt x="140" y="213"/>
                </a:cubicBezTo>
                <a:cubicBezTo>
                  <a:pt x="134" y="208"/>
                  <a:pt x="126" y="208"/>
                  <a:pt x="121" y="213"/>
                </a:cubicBezTo>
                <a:cubicBezTo>
                  <a:pt x="115" y="218"/>
                  <a:pt x="115" y="226"/>
                  <a:pt x="120" y="232"/>
                </a:cubicBezTo>
                <a:cubicBezTo>
                  <a:pt x="128" y="239"/>
                  <a:pt x="132" y="250"/>
                  <a:pt x="132" y="260"/>
                </a:cubicBezTo>
                <a:cubicBezTo>
                  <a:pt x="132" y="283"/>
                  <a:pt x="113" y="301"/>
                  <a:pt x="91" y="301"/>
                </a:cubicBezTo>
                <a:cubicBezTo>
                  <a:pt x="68" y="301"/>
                  <a:pt x="50" y="283"/>
                  <a:pt x="50" y="260"/>
                </a:cubicBezTo>
                <a:cubicBezTo>
                  <a:pt x="50" y="250"/>
                  <a:pt x="54" y="241"/>
                  <a:pt x="60" y="233"/>
                </a:cubicBezTo>
                <a:cubicBezTo>
                  <a:pt x="61" y="232"/>
                  <a:pt x="61" y="231"/>
                  <a:pt x="62" y="231"/>
                </a:cubicBezTo>
                <a:cubicBezTo>
                  <a:pt x="63" y="229"/>
                  <a:pt x="63" y="229"/>
                  <a:pt x="63" y="229"/>
                </a:cubicBezTo>
                <a:cubicBezTo>
                  <a:pt x="64" y="227"/>
                  <a:pt x="64" y="225"/>
                  <a:pt x="64" y="223"/>
                </a:cubicBezTo>
                <a:cubicBezTo>
                  <a:pt x="64" y="188"/>
                  <a:pt x="64" y="188"/>
                  <a:pt x="64" y="188"/>
                </a:cubicBezTo>
                <a:cubicBezTo>
                  <a:pt x="64" y="182"/>
                  <a:pt x="61" y="177"/>
                  <a:pt x="55" y="175"/>
                </a:cubicBezTo>
                <a:cubicBezTo>
                  <a:pt x="55" y="175"/>
                  <a:pt x="36" y="168"/>
                  <a:pt x="28" y="165"/>
                </a:cubicBezTo>
                <a:cubicBezTo>
                  <a:pt x="28" y="164"/>
                  <a:pt x="28" y="164"/>
                  <a:pt x="28" y="164"/>
                </a:cubicBezTo>
                <a:cubicBezTo>
                  <a:pt x="28" y="158"/>
                  <a:pt x="31" y="136"/>
                  <a:pt x="33" y="124"/>
                </a:cubicBezTo>
                <a:cubicBezTo>
                  <a:pt x="51" y="121"/>
                  <a:pt x="294" y="81"/>
                  <a:pt x="294" y="81"/>
                </a:cubicBezTo>
                <a:cubicBezTo>
                  <a:pt x="296" y="81"/>
                  <a:pt x="298" y="80"/>
                  <a:pt x="299" y="79"/>
                </a:cubicBezTo>
                <a:cubicBezTo>
                  <a:pt x="299" y="79"/>
                  <a:pt x="341" y="52"/>
                  <a:pt x="345" y="49"/>
                </a:cubicBezTo>
                <a:cubicBezTo>
                  <a:pt x="350" y="48"/>
                  <a:pt x="439" y="29"/>
                  <a:pt x="439" y="29"/>
                </a:cubicBezTo>
                <a:cubicBezTo>
                  <a:pt x="445" y="27"/>
                  <a:pt x="449" y="22"/>
                  <a:pt x="449" y="15"/>
                </a:cubicBezTo>
                <a:cubicBezTo>
                  <a:pt x="449" y="14"/>
                  <a:pt x="449" y="13"/>
                  <a:pt x="449" y="12"/>
                </a:cubicBezTo>
                <a:cubicBezTo>
                  <a:pt x="447" y="5"/>
                  <a:pt x="440" y="0"/>
                  <a:pt x="433" y="2"/>
                </a:cubicBezTo>
                <a:cubicBezTo>
                  <a:pt x="337" y="24"/>
                  <a:pt x="337" y="24"/>
                  <a:pt x="337" y="24"/>
                </a:cubicBezTo>
                <a:cubicBezTo>
                  <a:pt x="335" y="24"/>
                  <a:pt x="334" y="25"/>
                  <a:pt x="332" y="25"/>
                </a:cubicBezTo>
                <a:cubicBezTo>
                  <a:pt x="332" y="25"/>
                  <a:pt x="291" y="52"/>
                  <a:pt x="287" y="55"/>
                </a:cubicBezTo>
                <a:cubicBezTo>
                  <a:pt x="281" y="56"/>
                  <a:pt x="19" y="99"/>
                  <a:pt x="19" y="99"/>
                </a:cubicBezTo>
                <a:cubicBezTo>
                  <a:pt x="13" y="100"/>
                  <a:pt x="8" y="104"/>
                  <a:pt x="7" y="110"/>
                </a:cubicBezTo>
                <a:cubicBezTo>
                  <a:pt x="0" y="164"/>
                  <a:pt x="0" y="164"/>
                  <a:pt x="0" y="164"/>
                </a:cubicBezTo>
                <a:cubicBezTo>
                  <a:pt x="0" y="164"/>
                  <a:pt x="0" y="165"/>
                  <a:pt x="0" y="166"/>
                </a:cubicBezTo>
                <a:cubicBezTo>
                  <a:pt x="0" y="168"/>
                  <a:pt x="1" y="170"/>
                  <a:pt x="1" y="171"/>
                </a:cubicBezTo>
                <a:cubicBezTo>
                  <a:pt x="6" y="182"/>
                  <a:pt x="6" y="182"/>
                  <a:pt x="6" y="182"/>
                </a:cubicBezTo>
                <a:cubicBezTo>
                  <a:pt x="8" y="185"/>
                  <a:pt x="10" y="187"/>
                  <a:pt x="14" y="189"/>
                </a:cubicBezTo>
                <a:cubicBezTo>
                  <a:pt x="14" y="189"/>
                  <a:pt x="28" y="194"/>
                  <a:pt x="37" y="197"/>
                </a:cubicBezTo>
                <a:cubicBezTo>
                  <a:pt x="37" y="219"/>
                  <a:pt x="37" y="219"/>
                  <a:pt x="37" y="219"/>
                </a:cubicBezTo>
                <a:cubicBezTo>
                  <a:pt x="28" y="231"/>
                  <a:pt x="23" y="245"/>
                  <a:pt x="23" y="260"/>
                </a:cubicBezTo>
                <a:cubicBezTo>
                  <a:pt x="23" y="298"/>
                  <a:pt x="53" y="328"/>
                  <a:pt x="91" y="328"/>
                </a:cubicBezTo>
                <a:cubicBezTo>
                  <a:pt x="128" y="328"/>
                  <a:pt x="158" y="298"/>
                  <a:pt x="159" y="261"/>
                </a:cubicBezTo>
                <a:cubicBezTo>
                  <a:pt x="232" y="261"/>
                  <a:pt x="232" y="261"/>
                  <a:pt x="232" y="261"/>
                </a:cubicBezTo>
                <a:cubicBezTo>
                  <a:pt x="233" y="298"/>
                  <a:pt x="263" y="328"/>
                  <a:pt x="300" y="328"/>
                </a:cubicBezTo>
                <a:cubicBezTo>
                  <a:pt x="331" y="328"/>
                  <a:pt x="358" y="306"/>
                  <a:pt x="365" y="277"/>
                </a:cubicBezTo>
                <a:cubicBezTo>
                  <a:pt x="442" y="266"/>
                  <a:pt x="442" y="266"/>
                  <a:pt x="442" y="266"/>
                </a:cubicBezTo>
                <a:cubicBezTo>
                  <a:pt x="448" y="265"/>
                  <a:pt x="453" y="260"/>
                  <a:pt x="453" y="253"/>
                </a:cubicBezTo>
                <a:cubicBezTo>
                  <a:pt x="453" y="147"/>
                  <a:pt x="453" y="147"/>
                  <a:pt x="453" y="147"/>
                </a:cubicBezTo>
                <a:cubicBezTo>
                  <a:pt x="453" y="140"/>
                  <a:pt x="447" y="134"/>
                  <a:pt x="440" y="13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Freeform 203"/>
          <p:cNvSpPr>
            <a:spLocks/>
          </p:cNvSpPr>
          <p:nvPr userDrawn="1"/>
        </p:nvSpPr>
        <p:spPr bwMode="auto">
          <a:xfrm>
            <a:off x="1130914" y="4404011"/>
            <a:ext cx="528638" cy="514350"/>
          </a:xfrm>
          <a:custGeom>
            <a:avLst/>
            <a:gdLst/>
            <a:ahLst/>
            <a:cxnLst>
              <a:cxn ang="0">
                <a:pos x="217" y="41"/>
              </a:cxn>
              <a:cxn ang="0">
                <a:pos x="184" y="188"/>
              </a:cxn>
              <a:cxn ang="0">
                <a:pos x="0" y="389"/>
              </a:cxn>
              <a:cxn ang="0">
                <a:pos x="5" y="453"/>
              </a:cxn>
              <a:cxn ang="0">
                <a:pos x="14" y="457"/>
              </a:cxn>
              <a:cxn ang="0">
                <a:pos x="88" y="453"/>
              </a:cxn>
              <a:cxn ang="0">
                <a:pos x="112" y="429"/>
              </a:cxn>
              <a:cxn ang="0">
                <a:pos x="113" y="410"/>
              </a:cxn>
              <a:cxn ang="0">
                <a:pos x="132" y="391"/>
              </a:cxn>
              <a:cxn ang="0">
                <a:pos x="172" y="370"/>
              </a:cxn>
              <a:cxn ang="0">
                <a:pos x="175" y="365"/>
              </a:cxn>
              <a:cxn ang="0">
                <a:pos x="172" y="339"/>
              </a:cxn>
              <a:cxn ang="0">
                <a:pos x="184" y="339"/>
              </a:cxn>
              <a:cxn ang="0">
                <a:pos x="203" y="339"/>
              </a:cxn>
              <a:cxn ang="0">
                <a:pos x="416" y="240"/>
              </a:cxn>
              <a:cxn ang="0">
                <a:pos x="425" y="73"/>
              </a:cxn>
              <a:cxn ang="0">
                <a:pos x="397" y="221"/>
              </a:cxn>
              <a:cxn ang="0">
                <a:pos x="266" y="244"/>
              </a:cxn>
              <a:cxn ang="0">
                <a:pos x="255" y="248"/>
              </a:cxn>
              <a:cxn ang="0">
                <a:pos x="178" y="310"/>
              </a:cxn>
              <a:cxn ang="0">
                <a:pos x="143" y="345"/>
              </a:cxn>
              <a:cxn ang="0">
                <a:pos x="140" y="364"/>
              </a:cxn>
              <a:cxn ang="0">
                <a:pos x="82" y="400"/>
              </a:cxn>
              <a:cxn ang="0">
                <a:pos x="73" y="430"/>
              </a:cxn>
              <a:cxn ang="0">
                <a:pos x="26" y="394"/>
              </a:cxn>
              <a:cxn ang="0">
                <a:pos x="212" y="194"/>
              </a:cxn>
              <a:cxn ang="0">
                <a:pos x="213" y="190"/>
              </a:cxn>
              <a:cxn ang="0">
                <a:pos x="202" y="140"/>
              </a:cxn>
              <a:cxn ang="0">
                <a:pos x="316" y="27"/>
              </a:cxn>
              <a:cxn ang="0">
                <a:pos x="373" y="65"/>
              </a:cxn>
              <a:cxn ang="0">
                <a:pos x="334" y="123"/>
              </a:cxn>
              <a:cxn ang="0">
                <a:pos x="383" y="109"/>
              </a:cxn>
              <a:cxn ang="0">
                <a:pos x="352" y="104"/>
              </a:cxn>
              <a:cxn ang="0">
                <a:pos x="365" y="91"/>
              </a:cxn>
              <a:cxn ang="0">
                <a:pos x="384" y="92"/>
              </a:cxn>
              <a:cxn ang="0">
                <a:pos x="418" y="46"/>
              </a:cxn>
              <a:cxn ang="0">
                <a:pos x="414" y="40"/>
              </a:cxn>
            </a:cxnLst>
            <a:rect l="0" t="0" r="r" b="b"/>
            <a:pathLst>
              <a:path w="469" h="457">
                <a:moveTo>
                  <a:pt x="315" y="0"/>
                </a:moveTo>
                <a:cubicBezTo>
                  <a:pt x="278" y="0"/>
                  <a:pt x="243" y="15"/>
                  <a:pt x="217" y="41"/>
                </a:cubicBezTo>
                <a:cubicBezTo>
                  <a:pt x="190" y="68"/>
                  <a:pt x="176" y="104"/>
                  <a:pt x="176" y="140"/>
                </a:cubicBezTo>
                <a:cubicBezTo>
                  <a:pt x="176" y="156"/>
                  <a:pt x="179" y="173"/>
                  <a:pt x="184" y="188"/>
                </a:cubicBezTo>
                <a:cubicBezTo>
                  <a:pt x="175" y="198"/>
                  <a:pt x="3" y="380"/>
                  <a:pt x="3" y="380"/>
                </a:cubicBezTo>
                <a:cubicBezTo>
                  <a:pt x="1" y="382"/>
                  <a:pt x="0" y="385"/>
                  <a:pt x="0" y="389"/>
                </a:cubicBezTo>
                <a:cubicBezTo>
                  <a:pt x="0" y="443"/>
                  <a:pt x="0" y="443"/>
                  <a:pt x="0" y="443"/>
                </a:cubicBezTo>
                <a:cubicBezTo>
                  <a:pt x="0" y="447"/>
                  <a:pt x="2" y="451"/>
                  <a:pt x="5" y="453"/>
                </a:cubicBezTo>
                <a:cubicBezTo>
                  <a:pt x="6" y="454"/>
                  <a:pt x="6" y="454"/>
                  <a:pt x="6" y="454"/>
                </a:cubicBezTo>
                <a:cubicBezTo>
                  <a:pt x="8" y="456"/>
                  <a:pt x="11" y="457"/>
                  <a:pt x="14" y="457"/>
                </a:cubicBezTo>
                <a:cubicBezTo>
                  <a:pt x="78" y="457"/>
                  <a:pt x="78" y="457"/>
                  <a:pt x="78" y="457"/>
                </a:cubicBezTo>
                <a:cubicBezTo>
                  <a:pt x="82" y="457"/>
                  <a:pt x="85" y="455"/>
                  <a:pt x="88" y="453"/>
                </a:cubicBezTo>
                <a:cubicBezTo>
                  <a:pt x="112" y="430"/>
                  <a:pt x="112" y="430"/>
                  <a:pt x="112" y="430"/>
                </a:cubicBezTo>
                <a:cubicBezTo>
                  <a:pt x="112" y="430"/>
                  <a:pt x="112" y="429"/>
                  <a:pt x="112" y="429"/>
                </a:cubicBezTo>
                <a:cubicBezTo>
                  <a:pt x="113" y="429"/>
                  <a:pt x="113" y="429"/>
                  <a:pt x="113" y="429"/>
                </a:cubicBezTo>
                <a:cubicBezTo>
                  <a:pt x="118" y="423"/>
                  <a:pt x="118" y="415"/>
                  <a:pt x="113" y="410"/>
                </a:cubicBezTo>
                <a:cubicBezTo>
                  <a:pt x="107" y="405"/>
                  <a:pt x="107" y="396"/>
                  <a:pt x="113" y="391"/>
                </a:cubicBezTo>
                <a:cubicBezTo>
                  <a:pt x="118" y="385"/>
                  <a:pt x="127" y="385"/>
                  <a:pt x="132" y="391"/>
                </a:cubicBezTo>
                <a:cubicBezTo>
                  <a:pt x="137" y="396"/>
                  <a:pt x="146" y="396"/>
                  <a:pt x="151" y="391"/>
                </a:cubicBezTo>
                <a:cubicBezTo>
                  <a:pt x="172" y="370"/>
                  <a:pt x="172" y="370"/>
                  <a:pt x="172" y="370"/>
                </a:cubicBezTo>
                <a:cubicBezTo>
                  <a:pt x="173" y="368"/>
                  <a:pt x="174" y="367"/>
                  <a:pt x="175" y="365"/>
                </a:cubicBezTo>
                <a:cubicBezTo>
                  <a:pt x="175" y="365"/>
                  <a:pt x="175" y="365"/>
                  <a:pt x="175" y="365"/>
                </a:cubicBezTo>
                <a:cubicBezTo>
                  <a:pt x="177" y="360"/>
                  <a:pt x="176" y="354"/>
                  <a:pt x="172" y="350"/>
                </a:cubicBezTo>
                <a:cubicBezTo>
                  <a:pt x="169" y="347"/>
                  <a:pt x="169" y="342"/>
                  <a:pt x="172" y="339"/>
                </a:cubicBezTo>
                <a:cubicBezTo>
                  <a:pt x="174" y="337"/>
                  <a:pt x="176" y="336"/>
                  <a:pt x="178" y="336"/>
                </a:cubicBezTo>
                <a:cubicBezTo>
                  <a:pt x="180" y="336"/>
                  <a:pt x="182" y="337"/>
                  <a:pt x="184" y="339"/>
                </a:cubicBezTo>
                <a:cubicBezTo>
                  <a:pt x="186" y="341"/>
                  <a:pt x="190" y="343"/>
                  <a:pt x="193" y="343"/>
                </a:cubicBezTo>
                <a:cubicBezTo>
                  <a:pt x="197" y="343"/>
                  <a:pt x="200" y="341"/>
                  <a:pt x="203" y="339"/>
                </a:cubicBezTo>
                <a:cubicBezTo>
                  <a:pt x="203" y="339"/>
                  <a:pt x="260" y="282"/>
                  <a:pt x="269" y="273"/>
                </a:cubicBezTo>
                <a:cubicBezTo>
                  <a:pt x="320" y="291"/>
                  <a:pt x="377" y="279"/>
                  <a:pt x="416" y="240"/>
                </a:cubicBezTo>
                <a:cubicBezTo>
                  <a:pt x="458" y="197"/>
                  <a:pt x="469" y="133"/>
                  <a:pt x="443" y="79"/>
                </a:cubicBezTo>
                <a:cubicBezTo>
                  <a:pt x="440" y="72"/>
                  <a:pt x="432" y="70"/>
                  <a:pt x="425" y="73"/>
                </a:cubicBezTo>
                <a:cubicBezTo>
                  <a:pt x="418" y="76"/>
                  <a:pt x="416" y="84"/>
                  <a:pt x="419" y="91"/>
                </a:cubicBezTo>
                <a:cubicBezTo>
                  <a:pt x="440" y="134"/>
                  <a:pt x="431" y="187"/>
                  <a:pt x="397" y="221"/>
                </a:cubicBezTo>
                <a:cubicBezTo>
                  <a:pt x="364" y="254"/>
                  <a:pt x="315" y="263"/>
                  <a:pt x="272" y="245"/>
                </a:cubicBezTo>
                <a:cubicBezTo>
                  <a:pt x="270" y="244"/>
                  <a:pt x="268" y="244"/>
                  <a:pt x="266" y="244"/>
                </a:cubicBezTo>
                <a:cubicBezTo>
                  <a:pt x="263" y="245"/>
                  <a:pt x="263" y="245"/>
                  <a:pt x="263" y="245"/>
                </a:cubicBezTo>
                <a:cubicBezTo>
                  <a:pt x="260" y="245"/>
                  <a:pt x="258" y="246"/>
                  <a:pt x="255" y="248"/>
                </a:cubicBezTo>
                <a:cubicBezTo>
                  <a:pt x="255" y="248"/>
                  <a:pt x="203" y="301"/>
                  <a:pt x="191" y="312"/>
                </a:cubicBezTo>
                <a:cubicBezTo>
                  <a:pt x="187" y="311"/>
                  <a:pt x="183" y="310"/>
                  <a:pt x="178" y="310"/>
                </a:cubicBezTo>
                <a:cubicBezTo>
                  <a:pt x="169" y="310"/>
                  <a:pt x="160" y="313"/>
                  <a:pt x="153" y="320"/>
                </a:cubicBezTo>
                <a:cubicBezTo>
                  <a:pt x="147" y="327"/>
                  <a:pt x="143" y="336"/>
                  <a:pt x="143" y="345"/>
                </a:cubicBezTo>
                <a:cubicBezTo>
                  <a:pt x="143" y="349"/>
                  <a:pt x="144" y="354"/>
                  <a:pt x="146" y="358"/>
                </a:cubicBezTo>
                <a:cubicBezTo>
                  <a:pt x="143" y="361"/>
                  <a:pt x="143" y="361"/>
                  <a:pt x="140" y="364"/>
                </a:cubicBezTo>
                <a:cubicBezTo>
                  <a:pt x="125" y="357"/>
                  <a:pt x="106" y="359"/>
                  <a:pt x="94" y="372"/>
                </a:cubicBezTo>
                <a:cubicBezTo>
                  <a:pt x="86" y="380"/>
                  <a:pt x="82" y="390"/>
                  <a:pt x="82" y="400"/>
                </a:cubicBezTo>
                <a:cubicBezTo>
                  <a:pt x="82" y="406"/>
                  <a:pt x="83" y="412"/>
                  <a:pt x="86" y="417"/>
                </a:cubicBezTo>
                <a:cubicBezTo>
                  <a:pt x="80" y="423"/>
                  <a:pt x="76" y="427"/>
                  <a:pt x="73" y="430"/>
                </a:cubicBezTo>
                <a:cubicBezTo>
                  <a:pt x="66" y="430"/>
                  <a:pt x="41" y="430"/>
                  <a:pt x="26" y="430"/>
                </a:cubicBezTo>
                <a:cubicBezTo>
                  <a:pt x="26" y="417"/>
                  <a:pt x="26" y="400"/>
                  <a:pt x="26" y="394"/>
                </a:cubicBezTo>
                <a:cubicBezTo>
                  <a:pt x="33" y="387"/>
                  <a:pt x="209" y="201"/>
                  <a:pt x="209" y="201"/>
                </a:cubicBezTo>
                <a:cubicBezTo>
                  <a:pt x="210" y="199"/>
                  <a:pt x="212" y="197"/>
                  <a:pt x="212" y="194"/>
                </a:cubicBezTo>
                <a:cubicBezTo>
                  <a:pt x="212" y="192"/>
                  <a:pt x="212" y="192"/>
                  <a:pt x="212" y="192"/>
                </a:cubicBezTo>
                <a:cubicBezTo>
                  <a:pt x="213" y="191"/>
                  <a:pt x="213" y="191"/>
                  <a:pt x="213" y="190"/>
                </a:cubicBezTo>
                <a:cubicBezTo>
                  <a:pt x="213" y="188"/>
                  <a:pt x="212" y="187"/>
                  <a:pt x="212" y="185"/>
                </a:cubicBezTo>
                <a:cubicBezTo>
                  <a:pt x="205" y="170"/>
                  <a:pt x="202" y="155"/>
                  <a:pt x="202" y="140"/>
                </a:cubicBezTo>
                <a:cubicBezTo>
                  <a:pt x="202" y="111"/>
                  <a:pt x="214" y="82"/>
                  <a:pt x="236" y="60"/>
                </a:cubicBezTo>
                <a:cubicBezTo>
                  <a:pt x="257" y="39"/>
                  <a:pt x="285" y="27"/>
                  <a:pt x="316" y="27"/>
                </a:cubicBezTo>
                <a:cubicBezTo>
                  <a:pt x="342" y="26"/>
                  <a:pt x="367" y="35"/>
                  <a:pt x="387" y="51"/>
                </a:cubicBezTo>
                <a:cubicBezTo>
                  <a:pt x="381" y="57"/>
                  <a:pt x="378" y="60"/>
                  <a:pt x="373" y="65"/>
                </a:cubicBezTo>
                <a:cubicBezTo>
                  <a:pt x="360" y="60"/>
                  <a:pt x="344" y="62"/>
                  <a:pt x="334" y="73"/>
                </a:cubicBezTo>
                <a:cubicBezTo>
                  <a:pt x="320" y="87"/>
                  <a:pt x="320" y="109"/>
                  <a:pt x="334" y="123"/>
                </a:cubicBezTo>
                <a:cubicBezTo>
                  <a:pt x="346" y="136"/>
                  <a:pt x="365" y="137"/>
                  <a:pt x="379" y="127"/>
                </a:cubicBezTo>
                <a:cubicBezTo>
                  <a:pt x="385" y="123"/>
                  <a:pt x="387" y="115"/>
                  <a:pt x="383" y="109"/>
                </a:cubicBezTo>
                <a:cubicBezTo>
                  <a:pt x="378" y="103"/>
                  <a:pt x="370" y="101"/>
                  <a:pt x="364" y="105"/>
                </a:cubicBezTo>
                <a:cubicBezTo>
                  <a:pt x="360" y="108"/>
                  <a:pt x="356" y="108"/>
                  <a:pt x="352" y="104"/>
                </a:cubicBezTo>
                <a:cubicBezTo>
                  <a:pt x="349" y="101"/>
                  <a:pt x="349" y="95"/>
                  <a:pt x="352" y="92"/>
                </a:cubicBezTo>
                <a:cubicBezTo>
                  <a:pt x="356" y="88"/>
                  <a:pt x="361" y="88"/>
                  <a:pt x="365" y="91"/>
                </a:cubicBezTo>
                <a:cubicBezTo>
                  <a:pt x="365" y="92"/>
                  <a:pt x="365" y="92"/>
                  <a:pt x="365" y="92"/>
                </a:cubicBezTo>
                <a:cubicBezTo>
                  <a:pt x="371" y="97"/>
                  <a:pt x="379" y="97"/>
                  <a:pt x="384" y="92"/>
                </a:cubicBezTo>
                <a:cubicBezTo>
                  <a:pt x="415" y="61"/>
                  <a:pt x="415" y="61"/>
                  <a:pt x="415" y="61"/>
                </a:cubicBezTo>
                <a:cubicBezTo>
                  <a:pt x="419" y="57"/>
                  <a:pt x="420" y="51"/>
                  <a:pt x="418" y="46"/>
                </a:cubicBezTo>
                <a:cubicBezTo>
                  <a:pt x="417" y="44"/>
                  <a:pt x="417" y="44"/>
                  <a:pt x="417" y="44"/>
                </a:cubicBezTo>
                <a:cubicBezTo>
                  <a:pt x="417" y="43"/>
                  <a:pt x="416" y="41"/>
                  <a:pt x="414" y="40"/>
                </a:cubicBezTo>
                <a:cubicBezTo>
                  <a:pt x="388" y="14"/>
                  <a:pt x="353" y="0"/>
                  <a:pt x="315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" name="Freeform 211"/>
          <p:cNvSpPr>
            <a:spLocks/>
          </p:cNvSpPr>
          <p:nvPr userDrawn="1"/>
        </p:nvSpPr>
        <p:spPr bwMode="auto">
          <a:xfrm>
            <a:off x="1158696" y="3076683"/>
            <a:ext cx="473075" cy="342900"/>
          </a:xfrm>
          <a:custGeom>
            <a:avLst/>
            <a:gdLst/>
            <a:ahLst/>
            <a:cxnLst>
              <a:cxn ang="0">
                <a:pos x="63" y="199"/>
              </a:cxn>
              <a:cxn ang="0">
                <a:pos x="83" y="36"/>
              </a:cxn>
              <a:cxn ang="0">
                <a:pos x="219" y="1"/>
              </a:cxn>
              <a:cxn ang="0">
                <a:pos x="420" y="133"/>
              </a:cxn>
              <a:cxn ang="0">
                <a:pos x="156" y="262"/>
              </a:cxn>
              <a:cxn ang="0">
                <a:pos x="64" y="302"/>
              </a:cxn>
              <a:cxn ang="0">
                <a:pos x="81" y="231"/>
              </a:cxn>
            </a:cxnLst>
            <a:rect l="0" t="0" r="r" b="b"/>
            <a:pathLst>
              <a:path w="420" h="303">
                <a:moveTo>
                  <a:pt x="63" y="199"/>
                </a:moveTo>
                <a:cubicBezTo>
                  <a:pt x="0" y="159"/>
                  <a:pt x="2" y="83"/>
                  <a:pt x="83" y="36"/>
                </a:cubicBezTo>
                <a:cubicBezTo>
                  <a:pt x="83" y="36"/>
                  <a:pt x="140" y="0"/>
                  <a:pt x="219" y="1"/>
                </a:cubicBezTo>
                <a:cubicBezTo>
                  <a:pt x="360" y="4"/>
                  <a:pt x="420" y="60"/>
                  <a:pt x="420" y="133"/>
                </a:cubicBezTo>
                <a:cubicBezTo>
                  <a:pt x="420" y="198"/>
                  <a:pt x="344" y="303"/>
                  <a:pt x="156" y="262"/>
                </a:cubicBezTo>
                <a:cubicBezTo>
                  <a:pt x="87" y="291"/>
                  <a:pt x="64" y="302"/>
                  <a:pt x="64" y="302"/>
                </a:cubicBezTo>
                <a:cubicBezTo>
                  <a:pt x="64" y="302"/>
                  <a:pt x="98" y="268"/>
                  <a:pt x="81" y="231"/>
                </a:cubicBez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" name="Freeform 234"/>
          <p:cNvSpPr>
            <a:spLocks/>
          </p:cNvSpPr>
          <p:nvPr userDrawn="1"/>
        </p:nvSpPr>
        <p:spPr bwMode="auto">
          <a:xfrm>
            <a:off x="1133296" y="5102428"/>
            <a:ext cx="523875" cy="441325"/>
          </a:xfrm>
          <a:custGeom>
            <a:avLst/>
            <a:gdLst/>
            <a:ahLst/>
            <a:cxnLst>
              <a:cxn ang="0">
                <a:pos x="110" y="376"/>
              </a:cxn>
              <a:cxn ang="0">
                <a:pos x="110" y="149"/>
              </a:cxn>
              <a:cxn ang="0">
                <a:pos x="110" y="148"/>
              </a:cxn>
              <a:cxn ang="0">
                <a:pos x="99" y="133"/>
              </a:cxn>
              <a:cxn ang="0">
                <a:pos x="64" y="119"/>
              </a:cxn>
              <a:cxn ang="0">
                <a:pos x="63" y="119"/>
              </a:cxn>
              <a:cxn ang="0">
                <a:pos x="28" y="138"/>
              </a:cxn>
              <a:cxn ang="0">
                <a:pos x="79" y="350"/>
              </a:cxn>
              <a:cxn ang="0">
                <a:pos x="83" y="370"/>
              </a:cxn>
              <a:cxn ang="0">
                <a:pos x="6" y="336"/>
              </a:cxn>
              <a:cxn ang="0">
                <a:pos x="0" y="135"/>
              </a:cxn>
              <a:cxn ang="0">
                <a:pos x="13" y="110"/>
              </a:cxn>
              <a:cxn ang="0">
                <a:pos x="63" y="91"/>
              </a:cxn>
              <a:cxn ang="0">
                <a:pos x="108" y="104"/>
              </a:cxn>
              <a:cxn ang="0">
                <a:pos x="133" y="130"/>
              </a:cxn>
              <a:cxn ang="0">
                <a:pos x="138" y="358"/>
              </a:cxn>
              <a:cxn ang="0">
                <a:pos x="435" y="125"/>
              </a:cxn>
              <a:cxn ang="0">
                <a:pos x="361" y="115"/>
              </a:cxn>
              <a:cxn ang="0">
                <a:pos x="341" y="116"/>
              </a:cxn>
              <a:cxn ang="0">
                <a:pos x="240" y="169"/>
              </a:cxn>
              <a:cxn ang="0">
                <a:pos x="249" y="205"/>
              </a:cxn>
              <a:cxn ang="0">
                <a:pos x="244" y="225"/>
              </a:cxn>
              <a:cxn ang="0">
                <a:pos x="205" y="243"/>
              </a:cxn>
              <a:cxn ang="0">
                <a:pos x="178" y="237"/>
              </a:cxn>
              <a:cxn ang="0">
                <a:pos x="160" y="205"/>
              </a:cxn>
              <a:cxn ang="0">
                <a:pos x="165" y="181"/>
              </a:cxn>
              <a:cxn ang="0">
                <a:pos x="172" y="15"/>
              </a:cxn>
              <a:cxn ang="0">
                <a:pos x="186" y="0"/>
              </a:cxn>
              <a:cxn ang="0">
                <a:pos x="268" y="5"/>
              </a:cxn>
              <a:cxn ang="0">
                <a:pos x="272" y="15"/>
              </a:cxn>
              <a:cxn ang="0">
                <a:pos x="268" y="70"/>
              </a:cxn>
              <a:cxn ang="0">
                <a:pos x="228" y="74"/>
              </a:cxn>
              <a:cxn ang="0">
                <a:pos x="228" y="46"/>
              </a:cxn>
              <a:cxn ang="0">
                <a:pos x="244" y="29"/>
              </a:cxn>
              <a:cxn ang="0">
                <a:pos x="197" y="182"/>
              </a:cxn>
              <a:cxn ang="0">
                <a:pos x="191" y="192"/>
              </a:cxn>
              <a:cxn ang="0">
                <a:pos x="190" y="210"/>
              </a:cxn>
              <a:cxn ang="0">
                <a:pos x="194" y="213"/>
              </a:cxn>
              <a:cxn ang="0">
                <a:pos x="218" y="212"/>
              </a:cxn>
              <a:cxn ang="0">
                <a:pos x="220" y="209"/>
              </a:cxn>
              <a:cxn ang="0">
                <a:pos x="217" y="189"/>
              </a:cxn>
              <a:cxn ang="0">
                <a:pos x="213" y="180"/>
              </a:cxn>
              <a:cxn ang="0">
                <a:pos x="212" y="173"/>
              </a:cxn>
              <a:cxn ang="0">
                <a:pos x="222" y="105"/>
              </a:cxn>
              <a:cxn ang="0">
                <a:pos x="361" y="87"/>
              </a:cxn>
              <a:cxn ang="0">
                <a:pos x="456" y="104"/>
              </a:cxn>
              <a:cxn ang="0">
                <a:pos x="463" y="295"/>
              </a:cxn>
              <a:cxn ang="0">
                <a:pos x="128" y="390"/>
              </a:cxn>
              <a:cxn ang="0">
                <a:pos x="115" y="388"/>
              </a:cxn>
            </a:cxnLst>
            <a:rect l="0" t="0" r="r" b="b"/>
            <a:pathLst>
              <a:path w="464" h="391">
                <a:moveTo>
                  <a:pt x="115" y="388"/>
                </a:moveTo>
                <a:cubicBezTo>
                  <a:pt x="112" y="385"/>
                  <a:pt x="110" y="381"/>
                  <a:pt x="110" y="376"/>
                </a:cubicBezTo>
                <a:cubicBezTo>
                  <a:pt x="110" y="376"/>
                  <a:pt x="110" y="376"/>
                  <a:pt x="110" y="376"/>
                </a:cubicBezTo>
                <a:cubicBezTo>
                  <a:pt x="110" y="376"/>
                  <a:pt x="110" y="163"/>
                  <a:pt x="110" y="149"/>
                </a:cubicBezTo>
                <a:cubicBezTo>
                  <a:pt x="110" y="149"/>
                  <a:pt x="110" y="149"/>
                  <a:pt x="110" y="149"/>
                </a:cubicBezTo>
                <a:cubicBezTo>
                  <a:pt x="110" y="149"/>
                  <a:pt x="110" y="149"/>
                  <a:pt x="110" y="149"/>
                </a:cubicBezTo>
                <a:cubicBezTo>
                  <a:pt x="110" y="149"/>
                  <a:pt x="110" y="149"/>
                  <a:pt x="110" y="149"/>
                </a:cubicBezTo>
                <a:cubicBezTo>
                  <a:pt x="110" y="149"/>
                  <a:pt x="110" y="149"/>
                  <a:pt x="110" y="148"/>
                </a:cubicBezTo>
                <a:cubicBezTo>
                  <a:pt x="110" y="148"/>
                  <a:pt x="110" y="148"/>
                  <a:pt x="110" y="148"/>
                </a:cubicBezTo>
                <a:cubicBezTo>
                  <a:pt x="109" y="147"/>
                  <a:pt x="109" y="146"/>
                  <a:pt x="108" y="144"/>
                </a:cubicBezTo>
                <a:cubicBezTo>
                  <a:pt x="108" y="144"/>
                  <a:pt x="108" y="144"/>
                  <a:pt x="108" y="144"/>
                </a:cubicBezTo>
                <a:cubicBezTo>
                  <a:pt x="106" y="141"/>
                  <a:pt x="103" y="137"/>
                  <a:pt x="99" y="133"/>
                </a:cubicBezTo>
                <a:cubicBezTo>
                  <a:pt x="99" y="133"/>
                  <a:pt x="99" y="133"/>
                  <a:pt x="99" y="133"/>
                </a:cubicBezTo>
                <a:cubicBezTo>
                  <a:pt x="91" y="126"/>
                  <a:pt x="79" y="119"/>
                  <a:pt x="64" y="119"/>
                </a:cubicBezTo>
                <a:cubicBezTo>
                  <a:pt x="64" y="119"/>
                  <a:pt x="64" y="119"/>
                  <a:pt x="64" y="119"/>
                </a:cubicBezTo>
                <a:cubicBezTo>
                  <a:pt x="64" y="119"/>
                  <a:pt x="64" y="119"/>
                  <a:pt x="64" y="119"/>
                </a:cubicBezTo>
                <a:cubicBezTo>
                  <a:pt x="64" y="119"/>
                  <a:pt x="64" y="119"/>
                  <a:pt x="63" y="119"/>
                </a:cubicBezTo>
                <a:cubicBezTo>
                  <a:pt x="63" y="119"/>
                  <a:pt x="63" y="119"/>
                  <a:pt x="63" y="119"/>
                </a:cubicBezTo>
                <a:cubicBezTo>
                  <a:pt x="48" y="119"/>
                  <a:pt x="40" y="124"/>
                  <a:pt x="35" y="129"/>
                </a:cubicBezTo>
                <a:cubicBezTo>
                  <a:pt x="35" y="129"/>
                  <a:pt x="35" y="129"/>
                  <a:pt x="35" y="129"/>
                </a:cubicBezTo>
                <a:cubicBezTo>
                  <a:pt x="31" y="132"/>
                  <a:pt x="29" y="136"/>
                  <a:pt x="28" y="138"/>
                </a:cubicBezTo>
                <a:cubicBezTo>
                  <a:pt x="28" y="138"/>
                  <a:pt x="28" y="138"/>
                  <a:pt x="28" y="138"/>
                </a:cubicBezTo>
                <a:cubicBezTo>
                  <a:pt x="28" y="316"/>
                  <a:pt x="28" y="316"/>
                  <a:pt x="28" y="316"/>
                </a:cubicBezTo>
                <a:cubicBezTo>
                  <a:pt x="79" y="350"/>
                  <a:pt x="79" y="350"/>
                  <a:pt x="79" y="350"/>
                </a:cubicBezTo>
                <a:cubicBezTo>
                  <a:pt x="79" y="350"/>
                  <a:pt x="79" y="350"/>
                  <a:pt x="79" y="350"/>
                </a:cubicBezTo>
                <a:cubicBezTo>
                  <a:pt x="85" y="355"/>
                  <a:pt x="87" y="363"/>
                  <a:pt x="83" y="370"/>
                </a:cubicBezTo>
                <a:cubicBezTo>
                  <a:pt x="83" y="370"/>
                  <a:pt x="83" y="370"/>
                  <a:pt x="83" y="370"/>
                </a:cubicBezTo>
                <a:cubicBezTo>
                  <a:pt x="78" y="377"/>
                  <a:pt x="70" y="378"/>
                  <a:pt x="63" y="374"/>
                </a:cubicBezTo>
                <a:cubicBezTo>
                  <a:pt x="63" y="374"/>
                  <a:pt x="63" y="374"/>
                  <a:pt x="63" y="374"/>
                </a:cubicBezTo>
                <a:cubicBezTo>
                  <a:pt x="6" y="336"/>
                  <a:pt x="6" y="336"/>
                  <a:pt x="6" y="336"/>
                </a:cubicBezTo>
                <a:cubicBezTo>
                  <a:pt x="2" y="333"/>
                  <a:pt x="0" y="329"/>
                  <a:pt x="0" y="324"/>
                </a:cubicBezTo>
                <a:cubicBezTo>
                  <a:pt x="0" y="324"/>
                  <a:pt x="0" y="324"/>
                  <a:pt x="0" y="324"/>
                </a:cubicBezTo>
                <a:cubicBezTo>
                  <a:pt x="0" y="135"/>
                  <a:pt x="0" y="135"/>
                  <a:pt x="0" y="135"/>
                </a:cubicBezTo>
                <a:cubicBezTo>
                  <a:pt x="0" y="133"/>
                  <a:pt x="0" y="132"/>
                  <a:pt x="0" y="131"/>
                </a:cubicBezTo>
                <a:cubicBezTo>
                  <a:pt x="0" y="131"/>
                  <a:pt x="0" y="131"/>
                  <a:pt x="0" y="131"/>
                </a:cubicBezTo>
                <a:cubicBezTo>
                  <a:pt x="1" y="129"/>
                  <a:pt x="4" y="120"/>
                  <a:pt x="13" y="110"/>
                </a:cubicBezTo>
                <a:cubicBezTo>
                  <a:pt x="13" y="110"/>
                  <a:pt x="13" y="110"/>
                  <a:pt x="13" y="110"/>
                </a:cubicBezTo>
                <a:cubicBezTo>
                  <a:pt x="23" y="100"/>
                  <a:pt x="40" y="91"/>
                  <a:pt x="63" y="91"/>
                </a:cubicBezTo>
                <a:cubicBezTo>
                  <a:pt x="63" y="91"/>
                  <a:pt x="63" y="91"/>
                  <a:pt x="63" y="91"/>
                </a:cubicBezTo>
                <a:cubicBezTo>
                  <a:pt x="64" y="91"/>
                  <a:pt x="64" y="91"/>
                  <a:pt x="64" y="91"/>
                </a:cubicBezTo>
                <a:cubicBezTo>
                  <a:pt x="64" y="91"/>
                  <a:pt x="64" y="91"/>
                  <a:pt x="64" y="91"/>
                </a:cubicBezTo>
                <a:cubicBezTo>
                  <a:pt x="82" y="91"/>
                  <a:pt x="97" y="96"/>
                  <a:pt x="108" y="104"/>
                </a:cubicBezTo>
                <a:cubicBezTo>
                  <a:pt x="108" y="104"/>
                  <a:pt x="108" y="104"/>
                  <a:pt x="108" y="104"/>
                </a:cubicBezTo>
                <a:cubicBezTo>
                  <a:pt x="119" y="112"/>
                  <a:pt x="128" y="121"/>
                  <a:pt x="133" y="130"/>
                </a:cubicBezTo>
                <a:cubicBezTo>
                  <a:pt x="133" y="130"/>
                  <a:pt x="133" y="130"/>
                  <a:pt x="133" y="130"/>
                </a:cubicBezTo>
                <a:cubicBezTo>
                  <a:pt x="136" y="136"/>
                  <a:pt x="138" y="142"/>
                  <a:pt x="138" y="149"/>
                </a:cubicBezTo>
                <a:cubicBezTo>
                  <a:pt x="138" y="149"/>
                  <a:pt x="138" y="149"/>
                  <a:pt x="138" y="149"/>
                </a:cubicBezTo>
                <a:cubicBezTo>
                  <a:pt x="138" y="159"/>
                  <a:pt x="138" y="306"/>
                  <a:pt x="138" y="358"/>
                </a:cubicBezTo>
                <a:cubicBezTo>
                  <a:pt x="138" y="358"/>
                  <a:pt x="138" y="358"/>
                  <a:pt x="138" y="358"/>
                </a:cubicBezTo>
                <a:cubicBezTo>
                  <a:pt x="435" y="284"/>
                  <a:pt x="435" y="284"/>
                  <a:pt x="435" y="284"/>
                </a:cubicBezTo>
                <a:cubicBezTo>
                  <a:pt x="435" y="125"/>
                  <a:pt x="435" y="125"/>
                  <a:pt x="435" y="125"/>
                </a:cubicBezTo>
                <a:cubicBezTo>
                  <a:pt x="432" y="124"/>
                  <a:pt x="429" y="123"/>
                  <a:pt x="425" y="122"/>
                </a:cubicBezTo>
                <a:cubicBezTo>
                  <a:pt x="425" y="122"/>
                  <a:pt x="425" y="122"/>
                  <a:pt x="425" y="122"/>
                </a:cubicBezTo>
                <a:cubicBezTo>
                  <a:pt x="412" y="119"/>
                  <a:pt x="391" y="115"/>
                  <a:pt x="361" y="115"/>
                </a:cubicBezTo>
                <a:cubicBezTo>
                  <a:pt x="361" y="115"/>
                  <a:pt x="361" y="115"/>
                  <a:pt x="361" y="115"/>
                </a:cubicBezTo>
                <a:cubicBezTo>
                  <a:pt x="355" y="115"/>
                  <a:pt x="348" y="115"/>
                  <a:pt x="341" y="116"/>
                </a:cubicBezTo>
                <a:cubicBezTo>
                  <a:pt x="341" y="116"/>
                  <a:pt x="341" y="116"/>
                  <a:pt x="341" y="116"/>
                </a:cubicBezTo>
                <a:cubicBezTo>
                  <a:pt x="299" y="118"/>
                  <a:pt x="263" y="125"/>
                  <a:pt x="240" y="130"/>
                </a:cubicBezTo>
                <a:cubicBezTo>
                  <a:pt x="240" y="130"/>
                  <a:pt x="240" y="130"/>
                  <a:pt x="240" y="130"/>
                </a:cubicBezTo>
                <a:cubicBezTo>
                  <a:pt x="240" y="169"/>
                  <a:pt x="240" y="169"/>
                  <a:pt x="240" y="169"/>
                </a:cubicBezTo>
                <a:cubicBezTo>
                  <a:pt x="241" y="172"/>
                  <a:pt x="242" y="175"/>
                  <a:pt x="244" y="178"/>
                </a:cubicBezTo>
                <a:cubicBezTo>
                  <a:pt x="244" y="178"/>
                  <a:pt x="244" y="178"/>
                  <a:pt x="244" y="178"/>
                </a:cubicBezTo>
                <a:cubicBezTo>
                  <a:pt x="246" y="185"/>
                  <a:pt x="249" y="194"/>
                  <a:pt x="249" y="205"/>
                </a:cubicBezTo>
                <a:cubicBezTo>
                  <a:pt x="249" y="205"/>
                  <a:pt x="249" y="205"/>
                  <a:pt x="249" y="205"/>
                </a:cubicBezTo>
                <a:cubicBezTo>
                  <a:pt x="249" y="211"/>
                  <a:pt x="248" y="219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240" y="232"/>
                  <a:pt x="233" y="238"/>
                  <a:pt x="224" y="241"/>
                </a:cubicBezTo>
                <a:cubicBezTo>
                  <a:pt x="224" y="241"/>
                  <a:pt x="224" y="241"/>
                  <a:pt x="224" y="241"/>
                </a:cubicBezTo>
                <a:cubicBezTo>
                  <a:pt x="218" y="242"/>
                  <a:pt x="212" y="243"/>
                  <a:pt x="205" y="243"/>
                </a:cubicBezTo>
                <a:cubicBezTo>
                  <a:pt x="205" y="243"/>
                  <a:pt x="205" y="243"/>
                  <a:pt x="205" y="243"/>
                </a:cubicBezTo>
                <a:cubicBezTo>
                  <a:pt x="194" y="243"/>
                  <a:pt x="185" y="241"/>
                  <a:pt x="178" y="237"/>
                </a:cubicBezTo>
                <a:cubicBezTo>
                  <a:pt x="178" y="237"/>
                  <a:pt x="178" y="237"/>
                  <a:pt x="178" y="237"/>
                </a:cubicBezTo>
                <a:cubicBezTo>
                  <a:pt x="170" y="233"/>
                  <a:pt x="165" y="226"/>
                  <a:pt x="162" y="219"/>
                </a:cubicBezTo>
                <a:cubicBezTo>
                  <a:pt x="162" y="219"/>
                  <a:pt x="162" y="219"/>
                  <a:pt x="162" y="219"/>
                </a:cubicBezTo>
                <a:cubicBezTo>
                  <a:pt x="161" y="214"/>
                  <a:pt x="160" y="209"/>
                  <a:pt x="160" y="205"/>
                </a:cubicBezTo>
                <a:cubicBezTo>
                  <a:pt x="160" y="205"/>
                  <a:pt x="160" y="205"/>
                  <a:pt x="160" y="205"/>
                </a:cubicBezTo>
                <a:cubicBezTo>
                  <a:pt x="160" y="196"/>
                  <a:pt x="162" y="188"/>
                  <a:pt x="165" y="181"/>
                </a:cubicBezTo>
                <a:cubicBezTo>
                  <a:pt x="165" y="181"/>
                  <a:pt x="165" y="181"/>
                  <a:pt x="165" y="181"/>
                </a:cubicBezTo>
                <a:cubicBezTo>
                  <a:pt x="167" y="176"/>
                  <a:pt x="169" y="172"/>
                  <a:pt x="172" y="168"/>
                </a:cubicBezTo>
                <a:cubicBezTo>
                  <a:pt x="172" y="168"/>
                  <a:pt x="172" y="168"/>
                  <a:pt x="172" y="168"/>
                </a:cubicBezTo>
                <a:cubicBezTo>
                  <a:pt x="172" y="15"/>
                  <a:pt x="172" y="15"/>
                  <a:pt x="172" y="15"/>
                </a:cubicBezTo>
                <a:cubicBezTo>
                  <a:pt x="172" y="11"/>
                  <a:pt x="173" y="7"/>
                  <a:pt x="176" y="5"/>
                </a:cubicBezTo>
                <a:cubicBezTo>
                  <a:pt x="176" y="5"/>
                  <a:pt x="176" y="5"/>
                  <a:pt x="176" y="5"/>
                </a:cubicBezTo>
                <a:cubicBezTo>
                  <a:pt x="178" y="2"/>
                  <a:pt x="182" y="0"/>
                  <a:pt x="186" y="0"/>
                </a:cubicBezTo>
                <a:cubicBezTo>
                  <a:pt x="186" y="0"/>
                  <a:pt x="186" y="0"/>
                  <a:pt x="186" y="0"/>
                </a:cubicBezTo>
                <a:cubicBezTo>
                  <a:pt x="258" y="0"/>
                  <a:pt x="258" y="0"/>
                  <a:pt x="258" y="0"/>
                </a:cubicBezTo>
                <a:cubicBezTo>
                  <a:pt x="262" y="0"/>
                  <a:pt x="266" y="2"/>
                  <a:pt x="268" y="5"/>
                </a:cubicBezTo>
                <a:cubicBezTo>
                  <a:pt x="268" y="5"/>
                  <a:pt x="268" y="5"/>
                  <a:pt x="268" y="5"/>
                </a:cubicBezTo>
                <a:cubicBezTo>
                  <a:pt x="271" y="7"/>
                  <a:pt x="272" y="11"/>
                  <a:pt x="272" y="15"/>
                </a:cubicBezTo>
                <a:cubicBezTo>
                  <a:pt x="272" y="15"/>
                  <a:pt x="272" y="15"/>
                  <a:pt x="272" y="15"/>
                </a:cubicBezTo>
                <a:cubicBezTo>
                  <a:pt x="272" y="60"/>
                  <a:pt x="272" y="60"/>
                  <a:pt x="272" y="60"/>
                </a:cubicBezTo>
                <a:cubicBezTo>
                  <a:pt x="272" y="64"/>
                  <a:pt x="271" y="67"/>
                  <a:pt x="268" y="70"/>
                </a:cubicBezTo>
                <a:cubicBezTo>
                  <a:pt x="268" y="70"/>
                  <a:pt x="268" y="70"/>
                  <a:pt x="268" y="70"/>
                </a:cubicBezTo>
                <a:cubicBezTo>
                  <a:pt x="266" y="73"/>
                  <a:pt x="262" y="74"/>
                  <a:pt x="258" y="74"/>
                </a:cubicBezTo>
                <a:cubicBezTo>
                  <a:pt x="258" y="74"/>
                  <a:pt x="258" y="74"/>
                  <a:pt x="258" y="74"/>
                </a:cubicBezTo>
                <a:cubicBezTo>
                  <a:pt x="228" y="74"/>
                  <a:pt x="228" y="74"/>
                  <a:pt x="228" y="74"/>
                </a:cubicBezTo>
                <a:cubicBezTo>
                  <a:pt x="220" y="74"/>
                  <a:pt x="213" y="68"/>
                  <a:pt x="213" y="60"/>
                </a:cubicBezTo>
                <a:cubicBezTo>
                  <a:pt x="213" y="60"/>
                  <a:pt x="213" y="60"/>
                  <a:pt x="213" y="60"/>
                </a:cubicBezTo>
                <a:cubicBezTo>
                  <a:pt x="213" y="52"/>
                  <a:pt x="220" y="46"/>
                  <a:pt x="228" y="46"/>
                </a:cubicBezTo>
                <a:cubicBezTo>
                  <a:pt x="228" y="46"/>
                  <a:pt x="228" y="46"/>
                  <a:pt x="228" y="46"/>
                </a:cubicBezTo>
                <a:cubicBezTo>
                  <a:pt x="244" y="46"/>
                  <a:pt x="244" y="46"/>
                  <a:pt x="244" y="46"/>
                </a:cubicBezTo>
                <a:cubicBezTo>
                  <a:pt x="244" y="29"/>
                  <a:pt x="244" y="29"/>
                  <a:pt x="244" y="29"/>
                </a:cubicBezTo>
                <a:cubicBezTo>
                  <a:pt x="200" y="29"/>
                  <a:pt x="200" y="29"/>
                  <a:pt x="200" y="29"/>
                </a:cubicBezTo>
                <a:cubicBezTo>
                  <a:pt x="200" y="173"/>
                  <a:pt x="200" y="173"/>
                  <a:pt x="200" y="173"/>
                </a:cubicBezTo>
                <a:cubicBezTo>
                  <a:pt x="200" y="176"/>
                  <a:pt x="199" y="180"/>
                  <a:pt x="197" y="182"/>
                </a:cubicBezTo>
                <a:cubicBezTo>
                  <a:pt x="197" y="182"/>
                  <a:pt x="197" y="182"/>
                  <a:pt x="197" y="182"/>
                </a:cubicBezTo>
                <a:cubicBezTo>
                  <a:pt x="196" y="183"/>
                  <a:pt x="193" y="187"/>
                  <a:pt x="191" y="192"/>
                </a:cubicBezTo>
                <a:cubicBezTo>
                  <a:pt x="191" y="192"/>
                  <a:pt x="191" y="192"/>
                  <a:pt x="191" y="192"/>
                </a:cubicBezTo>
                <a:cubicBezTo>
                  <a:pt x="190" y="196"/>
                  <a:pt x="188" y="201"/>
                  <a:pt x="188" y="205"/>
                </a:cubicBezTo>
                <a:cubicBezTo>
                  <a:pt x="188" y="205"/>
                  <a:pt x="188" y="205"/>
                  <a:pt x="188" y="205"/>
                </a:cubicBezTo>
                <a:cubicBezTo>
                  <a:pt x="188" y="208"/>
                  <a:pt x="189" y="209"/>
                  <a:pt x="190" y="210"/>
                </a:cubicBezTo>
                <a:cubicBezTo>
                  <a:pt x="190" y="210"/>
                  <a:pt x="190" y="210"/>
                  <a:pt x="190" y="210"/>
                </a:cubicBezTo>
                <a:cubicBezTo>
                  <a:pt x="190" y="211"/>
                  <a:pt x="191" y="212"/>
                  <a:pt x="194" y="213"/>
                </a:cubicBezTo>
                <a:cubicBezTo>
                  <a:pt x="194" y="213"/>
                  <a:pt x="194" y="213"/>
                  <a:pt x="194" y="213"/>
                </a:cubicBezTo>
                <a:cubicBezTo>
                  <a:pt x="197" y="214"/>
                  <a:pt x="200" y="215"/>
                  <a:pt x="205" y="215"/>
                </a:cubicBezTo>
                <a:cubicBezTo>
                  <a:pt x="205" y="215"/>
                  <a:pt x="205" y="215"/>
                  <a:pt x="205" y="215"/>
                </a:cubicBezTo>
                <a:cubicBezTo>
                  <a:pt x="212" y="215"/>
                  <a:pt x="216" y="213"/>
                  <a:pt x="218" y="212"/>
                </a:cubicBezTo>
                <a:cubicBezTo>
                  <a:pt x="218" y="212"/>
                  <a:pt x="218" y="212"/>
                  <a:pt x="218" y="212"/>
                </a:cubicBezTo>
                <a:cubicBezTo>
                  <a:pt x="219" y="211"/>
                  <a:pt x="220" y="211"/>
                  <a:pt x="220" y="209"/>
                </a:cubicBezTo>
                <a:cubicBezTo>
                  <a:pt x="220" y="209"/>
                  <a:pt x="220" y="209"/>
                  <a:pt x="220" y="209"/>
                </a:cubicBezTo>
                <a:cubicBezTo>
                  <a:pt x="221" y="208"/>
                  <a:pt x="221" y="207"/>
                  <a:pt x="221" y="205"/>
                </a:cubicBezTo>
                <a:cubicBezTo>
                  <a:pt x="221" y="205"/>
                  <a:pt x="221" y="205"/>
                  <a:pt x="221" y="205"/>
                </a:cubicBezTo>
                <a:cubicBezTo>
                  <a:pt x="221" y="200"/>
                  <a:pt x="219" y="194"/>
                  <a:pt x="217" y="189"/>
                </a:cubicBezTo>
                <a:cubicBezTo>
                  <a:pt x="217" y="189"/>
                  <a:pt x="217" y="189"/>
                  <a:pt x="217" y="189"/>
                </a:cubicBezTo>
                <a:cubicBezTo>
                  <a:pt x="215" y="184"/>
                  <a:pt x="213" y="180"/>
                  <a:pt x="213" y="180"/>
                </a:cubicBezTo>
                <a:cubicBezTo>
                  <a:pt x="213" y="180"/>
                  <a:pt x="213" y="180"/>
                  <a:pt x="213" y="180"/>
                </a:cubicBezTo>
                <a:cubicBezTo>
                  <a:pt x="213" y="180"/>
                  <a:pt x="213" y="180"/>
                  <a:pt x="213" y="180"/>
                </a:cubicBezTo>
                <a:cubicBezTo>
                  <a:pt x="212" y="178"/>
                  <a:pt x="212" y="175"/>
                  <a:pt x="212" y="173"/>
                </a:cubicBezTo>
                <a:cubicBezTo>
                  <a:pt x="212" y="173"/>
                  <a:pt x="212" y="173"/>
                  <a:pt x="212" y="173"/>
                </a:cubicBezTo>
                <a:cubicBezTo>
                  <a:pt x="212" y="119"/>
                  <a:pt x="212" y="119"/>
                  <a:pt x="212" y="119"/>
                </a:cubicBezTo>
                <a:cubicBezTo>
                  <a:pt x="212" y="112"/>
                  <a:pt x="216" y="106"/>
                  <a:pt x="222" y="105"/>
                </a:cubicBezTo>
                <a:cubicBezTo>
                  <a:pt x="222" y="105"/>
                  <a:pt x="222" y="105"/>
                  <a:pt x="222" y="105"/>
                </a:cubicBezTo>
                <a:cubicBezTo>
                  <a:pt x="246" y="99"/>
                  <a:pt x="287" y="90"/>
                  <a:pt x="339" y="87"/>
                </a:cubicBezTo>
                <a:cubicBezTo>
                  <a:pt x="339" y="87"/>
                  <a:pt x="339" y="87"/>
                  <a:pt x="339" y="87"/>
                </a:cubicBezTo>
                <a:cubicBezTo>
                  <a:pt x="347" y="87"/>
                  <a:pt x="354" y="87"/>
                  <a:pt x="361" y="87"/>
                </a:cubicBezTo>
                <a:cubicBezTo>
                  <a:pt x="361" y="87"/>
                  <a:pt x="361" y="87"/>
                  <a:pt x="361" y="87"/>
                </a:cubicBezTo>
                <a:cubicBezTo>
                  <a:pt x="426" y="87"/>
                  <a:pt x="454" y="102"/>
                  <a:pt x="456" y="104"/>
                </a:cubicBezTo>
                <a:cubicBezTo>
                  <a:pt x="456" y="104"/>
                  <a:pt x="456" y="104"/>
                  <a:pt x="456" y="104"/>
                </a:cubicBezTo>
                <a:cubicBezTo>
                  <a:pt x="461" y="106"/>
                  <a:pt x="464" y="111"/>
                  <a:pt x="464" y="116"/>
                </a:cubicBezTo>
                <a:cubicBezTo>
                  <a:pt x="464" y="116"/>
                  <a:pt x="464" y="116"/>
                  <a:pt x="464" y="116"/>
                </a:cubicBezTo>
                <a:cubicBezTo>
                  <a:pt x="463" y="295"/>
                  <a:pt x="463" y="295"/>
                  <a:pt x="463" y="295"/>
                </a:cubicBezTo>
                <a:cubicBezTo>
                  <a:pt x="463" y="301"/>
                  <a:pt x="459" y="307"/>
                  <a:pt x="452" y="308"/>
                </a:cubicBezTo>
                <a:cubicBezTo>
                  <a:pt x="452" y="308"/>
                  <a:pt x="452" y="308"/>
                  <a:pt x="452" y="308"/>
                </a:cubicBezTo>
                <a:cubicBezTo>
                  <a:pt x="128" y="390"/>
                  <a:pt x="128" y="390"/>
                  <a:pt x="128" y="390"/>
                </a:cubicBezTo>
                <a:cubicBezTo>
                  <a:pt x="126" y="391"/>
                  <a:pt x="125" y="391"/>
                  <a:pt x="124" y="391"/>
                </a:cubicBezTo>
                <a:cubicBezTo>
                  <a:pt x="124" y="391"/>
                  <a:pt x="124" y="391"/>
                  <a:pt x="124" y="391"/>
                </a:cubicBezTo>
                <a:cubicBezTo>
                  <a:pt x="121" y="391"/>
                  <a:pt x="118" y="390"/>
                  <a:pt x="115" y="38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" name="Freeform 300"/>
          <p:cNvSpPr>
            <a:spLocks/>
          </p:cNvSpPr>
          <p:nvPr userDrawn="1"/>
        </p:nvSpPr>
        <p:spPr bwMode="auto">
          <a:xfrm>
            <a:off x="1178539" y="3719966"/>
            <a:ext cx="433388" cy="433388"/>
          </a:xfrm>
          <a:custGeom>
            <a:avLst/>
            <a:gdLst/>
            <a:ahLst/>
            <a:cxnLst>
              <a:cxn ang="0">
                <a:pos x="271" y="2"/>
              </a:cxn>
              <a:cxn ang="0">
                <a:pos x="250" y="13"/>
              </a:cxn>
              <a:cxn ang="0">
                <a:pos x="106" y="157"/>
              </a:cxn>
              <a:cxn ang="0">
                <a:pos x="102" y="167"/>
              </a:cxn>
              <a:cxn ang="0">
                <a:pos x="106" y="176"/>
              </a:cxn>
              <a:cxn ang="0">
                <a:pos x="125" y="176"/>
              </a:cxn>
              <a:cxn ang="0">
                <a:pos x="269" y="31"/>
              </a:cxn>
              <a:cxn ang="0">
                <a:pos x="271" y="29"/>
              </a:cxn>
              <a:cxn ang="0">
                <a:pos x="271" y="30"/>
              </a:cxn>
              <a:cxn ang="0">
                <a:pos x="275" y="28"/>
              </a:cxn>
              <a:cxn ang="0">
                <a:pos x="329" y="63"/>
              </a:cxn>
              <a:cxn ang="0">
                <a:pos x="357" y="110"/>
              </a:cxn>
              <a:cxn ang="0">
                <a:pos x="356" y="116"/>
              </a:cxn>
              <a:cxn ang="0">
                <a:pos x="356" y="115"/>
              </a:cxn>
              <a:cxn ang="0">
                <a:pos x="355" y="116"/>
              </a:cxn>
              <a:cxn ang="0">
                <a:pos x="147" y="323"/>
              </a:cxn>
              <a:cxn ang="0">
                <a:pos x="33" y="353"/>
              </a:cxn>
              <a:cxn ang="0">
                <a:pos x="63" y="238"/>
              </a:cxn>
              <a:cxn ang="0">
                <a:pos x="91" y="218"/>
              </a:cxn>
              <a:cxn ang="0">
                <a:pos x="69" y="249"/>
              </a:cxn>
              <a:cxn ang="0">
                <a:pos x="65" y="259"/>
              </a:cxn>
              <a:cxn ang="0">
                <a:pos x="69" y="268"/>
              </a:cxn>
              <a:cxn ang="0">
                <a:pos x="88" y="268"/>
              </a:cxn>
              <a:cxn ang="0">
                <a:pos x="135" y="249"/>
              </a:cxn>
              <a:cxn ang="0">
                <a:pos x="136" y="252"/>
              </a:cxn>
              <a:cxn ang="0">
                <a:pos x="115" y="296"/>
              </a:cxn>
              <a:cxn ang="0">
                <a:pos x="111" y="305"/>
              </a:cxn>
              <a:cxn ang="0">
                <a:pos x="112" y="310"/>
              </a:cxn>
              <a:cxn ang="0">
                <a:pos x="113" y="311"/>
              </a:cxn>
              <a:cxn ang="0">
                <a:pos x="114" y="313"/>
              </a:cxn>
              <a:cxn ang="0">
                <a:pos x="114" y="313"/>
              </a:cxn>
              <a:cxn ang="0">
                <a:pos x="115" y="315"/>
              </a:cxn>
              <a:cxn ang="0">
                <a:pos x="115" y="315"/>
              </a:cxn>
              <a:cxn ang="0">
                <a:pos x="115" y="315"/>
              </a:cxn>
              <a:cxn ang="0">
                <a:pos x="117" y="316"/>
              </a:cxn>
              <a:cxn ang="0">
                <a:pos x="117" y="316"/>
              </a:cxn>
              <a:cxn ang="0">
                <a:pos x="134" y="315"/>
              </a:cxn>
              <a:cxn ang="0">
                <a:pos x="135" y="313"/>
              </a:cxn>
              <a:cxn ang="0">
                <a:pos x="136" y="313"/>
              </a:cxn>
              <a:cxn ang="0">
                <a:pos x="162" y="252"/>
              </a:cxn>
              <a:cxn ang="0">
                <a:pos x="154" y="230"/>
              </a:cxn>
              <a:cxn ang="0">
                <a:pos x="118" y="224"/>
              </a:cxn>
              <a:cxn ang="0">
                <a:pos x="122" y="206"/>
              </a:cxn>
              <a:cxn ang="0">
                <a:pos x="117" y="192"/>
              </a:cxn>
              <a:cxn ang="0">
                <a:pos x="103" y="187"/>
              </a:cxn>
              <a:cxn ang="0">
                <a:pos x="41" y="222"/>
              </a:cxn>
              <a:cxn ang="0">
                <a:pos x="38" y="227"/>
              </a:cxn>
              <a:cxn ang="0">
                <a:pos x="38" y="228"/>
              </a:cxn>
              <a:cxn ang="0">
                <a:pos x="38" y="228"/>
              </a:cxn>
              <a:cxn ang="0">
                <a:pos x="1" y="368"/>
              </a:cxn>
              <a:cxn ang="0">
                <a:pos x="5" y="381"/>
              </a:cxn>
              <a:cxn ang="0">
                <a:pos x="17" y="384"/>
              </a:cxn>
              <a:cxn ang="0">
                <a:pos x="157" y="348"/>
              </a:cxn>
              <a:cxn ang="0">
                <a:pos x="163" y="344"/>
              </a:cxn>
              <a:cxn ang="0">
                <a:pos x="373" y="136"/>
              </a:cxn>
              <a:cxn ang="0">
                <a:pos x="384" y="114"/>
              </a:cxn>
              <a:cxn ang="0">
                <a:pos x="384" y="110"/>
              </a:cxn>
              <a:cxn ang="0">
                <a:pos x="348" y="44"/>
              </a:cxn>
              <a:cxn ang="0">
                <a:pos x="348" y="44"/>
              </a:cxn>
              <a:cxn ang="0">
                <a:pos x="271" y="2"/>
              </a:cxn>
            </a:cxnLst>
            <a:rect l="0" t="0" r="r" b="b"/>
            <a:pathLst>
              <a:path w="384" h="386">
                <a:moveTo>
                  <a:pt x="271" y="2"/>
                </a:moveTo>
                <a:cubicBezTo>
                  <a:pt x="259" y="3"/>
                  <a:pt x="253" y="10"/>
                  <a:pt x="250" y="13"/>
                </a:cubicBezTo>
                <a:cubicBezTo>
                  <a:pt x="249" y="14"/>
                  <a:pt x="106" y="157"/>
                  <a:pt x="106" y="157"/>
                </a:cubicBezTo>
                <a:cubicBezTo>
                  <a:pt x="103" y="160"/>
                  <a:pt x="102" y="163"/>
                  <a:pt x="102" y="167"/>
                </a:cubicBezTo>
                <a:cubicBezTo>
                  <a:pt x="102" y="170"/>
                  <a:pt x="103" y="173"/>
                  <a:pt x="106" y="176"/>
                </a:cubicBezTo>
                <a:cubicBezTo>
                  <a:pt x="111" y="181"/>
                  <a:pt x="120" y="181"/>
                  <a:pt x="125" y="176"/>
                </a:cubicBezTo>
                <a:cubicBezTo>
                  <a:pt x="269" y="31"/>
                  <a:pt x="269" y="31"/>
                  <a:pt x="269" y="31"/>
                </a:cubicBezTo>
                <a:cubicBezTo>
                  <a:pt x="270" y="31"/>
                  <a:pt x="271" y="30"/>
                  <a:pt x="271" y="29"/>
                </a:cubicBezTo>
                <a:cubicBezTo>
                  <a:pt x="271" y="30"/>
                  <a:pt x="271" y="30"/>
                  <a:pt x="271" y="30"/>
                </a:cubicBezTo>
                <a:cubicBezTo>
                  <a:pt x="271" y="30"/>
                  <a:pt x="272" y="28"/>
                  <a:pt x="275" y="28"/>
                </a:cubicBezTo>
                <a:cubicBezTo>
                  <a:pt x="281" y="28"/>
                  <a:pt x="298" y="32"/>
                  <a:pt x="329" y="63"/>
                </a:cubicBezTo>
                <a:cubicBezTo>
                  <a:pt x="352" y="87"/>
                  <a:pt x="357" y="102"/>
                  <a:pt x="357" y="110"/>
                </a:cubicBezTo>
                <a:cubicBezTo>
                  <a:pt x="357" y="113"/>
                  <a:pt x="357" y="115"/>
                  <a:pt x="356" y="116"/>
                </a:cubicBezTo>
                <a:cubicBezTo>
                  <a:pt x="356" y="115"/>
                  <a:pt x="356" y="115"/>
                  <a:pt x="356" y="115"/>
                </a:cubicBezTo>
                <a:cubicBezTo>
                  <a:pt x="356" y="115"/>
                  <a:pt x="355" y="116"/>
                  <a:pt x="355" y="116"/>
                </a:cubicBezTo>
                <a:cubicBezTo>
                  <a:pt x="355" y="116"/>
                  <a:pt x="152" y="318"/>
                  <a:pt x="147" y="323"/>
                </a:cubicBezTo>
                <a:cubicBezTo>
                  <a:pt x="142" y="324"/>
                  <a:pt x="63" y="345"/>
                  <a:pt x="33" y="353"/>
                </a:cubicBezTo>
                <a:cubicBezTo>
                  <a:pt x="41" y="322"/>
                  <a:pt x="61" y="243"/>
                  <a:pt x="63" y="238"/>
                </a:cubicBezTo>
                <a:cubicBezTo>
                  <a:pt x="71" y="231"/>
                  <a:pt x="82" y="223"/>
                  <a:pt x="91" y="218"/>
                </a:cubicBezTo>
                <a:cubicBezTo>
                  <a:pt x="86" y="228"/>
                  <a:pt x="77" y="241"/>
                  <a:pt x="69" y="249"/>
                </a:cubicBezTo>
                <a:cubicBezTo>
                  <a:pt x="66" y="252"/>
                  <a:pt x="65" y="255"/>
                  <a:pt x="65" y="259"/>
                </a:cubicBezTo>
                <a:cubicBezTo>
                  <a:pt x="65" y="262"/>
                  <a:pt x="66" y="266"/>
                  <a:pt x="69" y="268"/>
                </a:cubicBezTo>
                <a:cubicBezTo>
                  <a:pt x="74" y="274"/>
                  <a:pt x="83" y="274"/>
                  <a:pt x="88" y="268"/>
                </a:cubicBezTo>
                <a:cubicBezTo>
                  <a:pt x="101" y="255"/>
                  <a:pt x="130" y="246"/>
                  <a:pt x="135" y="249"/>
                </a:cubicBezTo>
                <a:cubicBezTo>
                  <a:pt x="136" y="250"/>
                  <a:pt x="136" y="251"/>
                  <a:pt x="136" y="252"/>
                </a:cubicBezTo>
                <a:cubicBezTo>
                  <a:pt x="136" y="261"/>
                  <a:pt x="127" y="284"/>
                  <a:pt x="115" y="296"/>
                </a:cubicBezTo>
                <a:cubicBezTo>
                  <a:pt x="113" y="298"/>
                  <a:pt x="111" y="302"/>
                  <a:pt x="111" y="305"/>
                </a:cubicBezTo>
                <a:cubicBezTo>
                  <a:pt x="111" y="307"/>
                  <a:pt x="112" y="309"/>
                  <a:pt x="112" y="310"/>
                </a:cubicBezTo>
                <a:cubicBezTo>
                  <a:pt x="112" y="310"/>
                  <a:pt x="113" y="310"/>
                  <a:pt x="113" y="311"/>
                </a:cubicBezTo>
                <a:cubicBezTo>
                  <a:pt x="113" y="311"/>
                  <a:pt x="113" y="312"/>
                  <a:pt x="114" y="313"/>
                </a:cubicBezTo>
                <a:cubicBezTo>
                  <a:pt x="114" y="313"/>
                  <a:pt x="114" y="313"/>
                  <a:pt x="114" y="313"/>
                </a:cubicBezTo>
                <a:cubicBezTo>
                  <a:pt x="115" y="314"/>
                  <a:pt x="115" y="314"/>
                  <a:pt x="115" y="315"/>
                </a:cubicBezTo>
                <a:cubicBezTo>
                  <a:pt x="115" y="315"/>
                  <a:pt x="115" y="315"/>
                  <a:pt x="115" y="315"/>
                </a:cubicBezTo>
                <a:cubicBezTo>
                  <a:pt x="115" y="315"/>
                  <a:pt x="115" y="315"/>
                  <a:pt x="115" y="315"/>
                </a:cubicBezTo>
                <a:cubicBezTo>
                  <a:pt x="116" y="315"/>
                  <a:pt x="116" y="316"/>
                  <a:pt x="117" y="316"/>
                </a:cubicBezTo>
                <a:cubicBezTo>
                  <a:pt x="117" y="316"/>
                  <a:pt x="117" y="316"/>
                  <a:pt x="117" y="316"/>
                </a:cubicBezTo>
                <a:cubicBezTo>
                  <a:pt x="123" y="320"/>
                  <a:pt x="130" y="319"/>
                  <a:pt x="134" y="315"/>
                </a:cubicBezTo>
                <a:cubicBezTo>
                  <a:pt x="135" y="313"/>
                  <a:pt x="135" y="313"/>
                  <a:pt x="135" y="313"/>
                </a:cubicBezTo>
                <a:cubicBezTo>
                  <a:pt x="136" y="313"/>
                  <a:pt x="136" y="313"/>
                  <a:pt x="136" y="313"/>
                </a:cubicBezTo>
                <a:cubicBezTo>
                  <a:pt x="147" y="300"/>
                  <a:pt x="162" y="274"/>
                  <a:pt x="162" y="252"/>
                </a:cubicBezTo>
                <a:cubicBezTo>
                  <a:pt x="162" y="243"/>
                  <a:pt x="160" y="236"/>
                  <a:pt x="154" y="230"/>
                </a:cubicBezTo>
                <a:cubicBezTo>
                  <a:pt x="145" y="221"/>
                  <a:pt x="132" y="220"/>
                  <a:pt x="118" y="224"/>
                </a:cubicBezTo>
                <a:cubicBezTo>
                  <a:pt x="121" y="218"/>
                  <a:pt x="122" y="212"/>
                  <a:pt x="122" y="206"/>
                </a:cubicBezTo>
                <a:cubicBezTo>
                  <a:pt x="122" y="201"/>
                  <a:pt x="121" y="196"/>
                  <a:pt x="117" y="192"/>
                </a:cubicBezTo>
                <a:cubicBezTo>
                  <a:pt x="114" y="190"/>
                  <a:pt x="110" y="187"/>
                  <a:pt x="103" y="187"/>
                </a:cubicBezTo>
                <a:cubicBezTo>
                  <a:pt x="84" y="187"/>
                  <a:pt x="53" y="210"/>
                  <a:pt x="41" y="222"/>
                </a:cubicBezTo>
                <a:cubicBezTo>
                  <a:pt x="40" y="223"/>
                  <a:pt x="39" y="225"/>
                  <a:pt x="38" y="227"/>
                </a:cubicBezTo>
                <a:cubicBezTo>
                  <a:pt x="38" y="228"/>
                  <a:pt x="38" y="228"/>
                  <a:pt x="38" y="228"/>
                </a:cubicBezTo>
                <a:cubicBezTo>
                  <a:pt x="38" y="228"/>
                  <a:pt x="38" y="228"/>
                  <a:pt x="38" y="228"/>
                </a:cubicBezTo>
                <a:cubicBezTo>
                  <a:pt x="1" y="368"/>
                  <a:pt x="1" y="368"/>
                  <a:pt x="1" y="368"/>
                </a:cubicBezTo>
                <a:cubicBezTo>
                  <a:pt x="0" y="373"/>
                  <a:pt x="1" y="378"/>
                  <a:pt x="5" y="381"/>
                </a:cubicBezTo>
                <a:cubicBezTo>
                  <a:pt x="8" y="384"/>
                  <a:pt x="13" y="386"/>
                  <a:pt x="17" y="384"/>
                </a:cubicBezTo>
                <a:cubicBezTo>
                  <a:pt x="157" y="348"/>
                  <a:pt x="157" y="348"/>
                  <a:pt x="157" y="348"/>
                </a:cubicBezTo>
                <a:cubicBezTo>
                  <a:pt x="160" y="347"/>
                  <a:pt x="162" y="346"/>
                  <a:pt x="163" y="344"/>
                </a:cubicBezTo>
                <a:cubicBezTo>
                  <a:pt x="163" y="344"/>
                  <a:pt x="372" y="136"/>
                  <a:pt x="373" y="136"/>
                </a:cubicBezTo>
                <a:cubicBezTo>
                  <a:pt x="376" y="133"/>
                  <a:pt x="383" y="126"/>
                  <a:pt x="384" y="114"/>
                </a:cubicBezTo>
                <a:cubicBezTo>
                  <a:pt x="384" y="112"/>
                  <a:pt x="384" y="111"/>
                  <a:pt x="384" y="110"/>
                </a:cubicBezTo>
                <a:cubicBezTo>
                  <a:pt x="384" y="91"/>
                  <a:pt x="372" y="69"/>
                  <a:pt x="348" y="44"/>
                </a:cubicBezTo>
                <a:cubicBezTo>
                  <a:pt x="348" y="44"/>
                  <a:pt x="348" y="44"/>
                  <a:pt x="348" y="44"/>
                </a:cubicBezTo>
                <a:cubicBezTo>
                  <a:pt x="318" y="14"/>
                  <a:pt x="292" y="0"/>
                  <a:pt x="271" y="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" name="Freeform 179"/>
          <p:cNvSpPr>
            <a:spLocks/>
          </p:cNvSpPr>
          <p:nvPr userDrawn="1"/>
        </p:nvSpPr>
        <p:spPr bwMode="auto">
          <a:xfrm>
            <a:off x="2545289" y="1160069"/>
            <a:ext cx="520700" cy="523875"/>
          </a:xfrm>
          <a:custGeom>
            <a:avLst/>
            <a:gdLst/>
            <a:ahLst/>
            <a:cxnLst>
              <a:cxn ang="0">
                <a:pos x="12" y="165"/>
              </a:cxn>
              <a:cxn ang="0">
                <a:pos x="2" y="213"/>
              </a:cxn>
              <a:cxn ang="0">
                <a:pos x="64" y="219"/>
              </a:cxn>
              <a:cxn ang="0">
                <a:pos x="64" y="215"/>
              </a:cxn>
              <a:cxn ang="0">
                <a:pos x="107" y="105"/>
              </a:cxn>
              <a:cxn ang="0">
                <a:pos x="333" y="164"/>
              </a:cxn>
              <a:cxn ang="0">
                <a:pos x="314" y="244"/>
              </a:cxn>
              <a:cxn ang="0">
                <a:pos x="356" y="313"/>
              </a:cxn>
              <a:cxn ang="0">
                <a:pos x="350" y="296"/>
              </a:cxn>
              <a:cxn ang="0">
                <a:pos x="342" y="229"/>
              </a:cxn>
              <a:cxn ang="0">
                <a:pos x="361" y="166"/>
              </a:cxn>
              <a:cxn ang="0">
                <a:pos x="202" y="39"/>
              </a:cxn>
              <a:cxn ang="0">
                <a:pos x="38" y="211"/>
              </a:cxn>
              <a:cxn ang="0">
                <a:pos x="37" y="218"/>
              </a:cxn>
              <a:cxn ang="0">
                <a:pos x="37" y="219"/>
              </a:cxn>
              <a:cxn ang="0">
                <a:pos x="28" y="208"/>
              </a:cxn>
              <a:cxn ang="0">
                <a:pos x="36" y="179"/>
              </a:cxn>
              <a:cxn ang="0">
                <a:pos x="38" y="174"/>
              </a:cxn>
              <a:cxn ang="0">
                <a:pos x="209" y="28"/>
              </a:cxn>
              <a:cxn ang="0">
                <a:pos x="381" y="166"/>
              </a:cxn>
              <a:cxn ang="0">
                <a:pos x="387" y="173"/>
              </a:cxn>
              <a:cxn ang="0">
                <a:pos x="418" y="189"/>
              </a:cxn>
              <a:cxn ang="0">
                <a:pos x="387" y="308"/>
              </a:cxn>
              <a:cxn ang="0">
                <a:pos x="372" y="309"/>
              </a:cxn>
              <a:cxn ang="0">
                <a:pos x="365" y="323"/>
              </a:cxn>
              <a:cxn ang="0">
                <a:pos x="274" y="420"/>
              </a:cxn>
              <a:cxn ang="0">
                <a:pos x="237" y="423"/>
              </a:cxn>
              <a:cxn ang="0">
                <a:pos x="227" y="431"/>
              </a:cxn>
              <a:cxn ang="0">
                <a:pos x="206" y="435"/>
              </a:cxn>
              <a:cxn ang="0">
                <a:pos x="208" y="423"/>
              </a:cxn>
              <a:cxn ang="0">
                <a:pos x="233" y="417"/>
              </a:cxn>
              <a:cxn ang="0">
                <a:pos x="211" y="396"/>
              </a:cxn>
              <a:cxn ang="0">
                <a:pos x="161" y="422"/>
              </a:cxn>
              <a:cxn ang="0">
                <a:pos x="246" y="449"/>
              </a:cxn>
              <a:cxn ang="0">
                <a:pos x="389" y="334"/>
              </a:cxn>
              <a:cxn ang="0">
                <a:pos x="461" y="246"/>
              </a:cxn>
              <a:cxn ang="0">
                <a:pos x="438" y="171"/>
              </a:cxn>
              <a:cxn ang="0">
                <a:pos x="333" y="46"/>
              </a:cxn>
              <a:cxn ang="0">
                <a:pos x="81" y="48"/>
              </a:cxn>
            </a:cxnLst>
            <a:rect l="0" t="0" r="r" b="b"/>
            <a:pathLst>
              <a:path w="461" h="464">
                <a:moveTo>
                  <a:pt x="81" y="48"/>
                </a:moveTo>
                <a:cubicBezTo>
                  <a:pt x="46" y="78"/>
                  <a:pt x="22" y="119"/>
                  <a:pt x="12" y="165"/>
                </a:cubicBezTo>
                <a:cubicBezTo>
                  <a:pt x="6" y="171"/>
                  <a:pt x="0" y="181"/>
                  <a:pt x="0" y="197"/>
                </a:cubicBezTo>
                <a:cubicBezTo>
                  <a:pt x="0" y="202"/>
                  <a:pt x="0" y="207"/>
                  <a:pt x="2" y="213"/>
                </a:cubicBezTo>
                <a:cubicBezTo>
                  <a:pt x="8" y="243"/>
                  <a:pt x="26" y="247"/>
                  <a:pt x="36" y="246"/>
                </a:cubicBezTo>
                <a:cubicBezTo>
                  <a:pt x="49" y="246"/>
                  <a:pt x="63" y="237"/>
                  <a:pt x="64" y="219"/>
                </a:cubicBezTo>
                <a:cubicBezTo>
                  <a:pt x="64" y="220"/>
                  <a:pt x="64" y="220"/>
                  <a:pt x="64" y="220"/>
                </a:cubicBezTo>
                <a:cubicBezTo>
                  <a:pt x="64" y="215"/>
                  <a:pt x="64" y="215"/>
                  <a:pt x="64" y="215"/>
                </a:cubicBezTo>
                <a:cubicBezTo>
                  <a:pt x="64" y="214"/>
                  <a:pt x="64" y="214"/>
                  <a:pt x="64" y="213"/>
                </a:cubicBezTo>
                <a:cubicBezTo>
                  <a:pt x="64" y="172"/>
                  <a:pt x="80" y="132"/>
                  <a:pt x="107" y="105"/>
                </a:cubicBezTo>
                <a:cubicBezTo>
                  <a:pt x="133" y="79"/>
                  <a:pt x="166" y="65"/>
                  <a:pt x="201" y="66"/>
                </a:cubicBezTo>
                <a:cubicBezTo>
                  <a:pt x="259" y="67"/>
                  <a:pt x="311" y="106"/>
                  <a:pt x="333" y="164"/>
                </a:cubicBezTo>
                <a:cubicBezTo>
                  <a:pt x="322" y="179"/>
                  <a:pt x="317" y="199"/>
                  <a:pt x="315" y="228"/>
                </a:cubicBezTo>
                <a:cubicBezTo>
                  <a:pt x="315" y="231"/>
                  <a:pt x="314" y="236"/>
                  <a:pt x="314" y="244"/>
                </a:cubicBezTo>
                <a:cubicBezTo>
                  <a:pt x="314" y="269"/>
                  <a:pt x="318" y="311"/>
                  <a:pt x="339" y="320"/>
                </a:cubicBezTo>
                <a:cubicBezTo>
                  <a:pt x="345" y="323"/>
                  <a:pt x="353" y="320"/>
                  <a:pt x="356" y="313"/>
                </a:cubicBezTo>
                <a:cubicBezTo>
                  <a:pt x="359" y="306"/>
                  <a:pt x="356" y="299"/>
                  <a:pt x="349" y="296"/>
                </a:cubicBezTo>
                <a:cubicBezTo>
                  <a:pt x="350" y="296"/>
                  <a:pt x="350" y="296"/>
                  <a:pt x="350" y="296"/>
                </a:cubicBezTo>
                <a:cubicBezTo>
                  <a:pt x="347" y="293"/>
                  <a:pt x="341" y="274"/>
                  <a:pt x="341" y="244"/>
                </a:cubicBezTo>
                <a:cubicBezTo>
                  <a:pt x="341" y="240"/>
                  <a:pt x="341" y="235"/>
                  <a:pt x="342" y="229"/>
                </a:cubicBezTo>
                <a:cubicBezTo>
                  <a:pt x="343" y="203"/>
                  <a:pt x="349" y="185"/>
                  <a:pt x="358" y="175"/>
                </a:cubicBezTo>
                <a:cubicBezTo>
                  <a:pt x="360" y="172"/>
                  <a:pt x="361" y="169"/>
                  <a:pt x="361" y="166"/>
                </a:cubicBezTo>
                <a:cubicBezTo>
                  <a:pt x="361" y="164"/>
                  <a:pt x="361" y="162"/>
                  <a:pt x="360" y="160"/>
                </a:cubicBezTo>
                <a:cubicBezTo>
                  <a:pt x="336" y="89"/>
                  <a:pt x="273" y="40"/>
                  <a:pt x="202" y="39"/>
                </a:cubicBezTo>
                <a:cubicBezTo>
                  <a:pt x="159" y="39"/>
                  <a:pt x="119" y="55"/>
                  <a:pt x="88" y="86"/>
                </a:cubicBezTo>
                <a:cubicBezTo>
                  <a:pt x="56" y="118"/>
                  <a:pt x="38" y="164"/>
                  <a:pt x="38" y="211"/>
                </a:cubicBezTo>
                <a:cubicBezTo>
                  <a:pt x="38" y="212"/>
                  <a:pt x="38" y="212"/>
                  <a:pt x="38" y="213"/>
                </a:cubicBezTo>
                <a:cubicBezTo>
                  <a:pt x="38" y="214"/>
                  <a:pt x="37" y="218"/>
                  <a:pt x="37" y="218"/>
                </a:cubicBezTo>
                <a:cubicBezTo>
                  <a:pt x="37" y="218"/>
                  <a:pt x="37" y="218"/>
                  <a:pt x="37" y="218"/>
                </a:cubicBezTo>
                <a:cubicBezTo>
                  <a:pt x="37" y="219"/>
                  <a:pt x="37" y="219"/>
                  <a:pt x="37" y="219"/>
                </a:cubicBezTo>
                <a:cubicBezTo>
                  <a:pt x="37" y="219"/>
                  <a:pt x="36" y="220"/>
                  <a:pt x="36" y="220"/>
                </a:cubicBezTo>
                <a:cubicBezTo>
                  <a:pt x="34" y="220"/>
                  <a:pt x="30" y="220"/>
                  <a:pt x="28" y="208"/>
                </a:cubicBezTo>
                <a:cubicBezTo>
                  <a:pt x="26" y="201"/>
                  <a:pt x="25" y="189"/>
                  <a:pt x="31" y="184"/>
                </a:cubicBezTo>
                <a:cubicBezTo>
                  <a:pt x="33" y="183"/>
                  <a:pt x="35" y="181"/>
                  <a:pt x="36" y="179"/>
                </a:cubicBezTo>
                <a:cubicBezTo>
                  <a:pt x="37" y="178"/>
                  <a:pt x="37" y="178"/>
                  <a:pt x="37" y="178"/>
                </a:cubicBezTo>
                <a:cubicBezTo>
                  <a:pt x="37" y="177"/>
                  <a:pt x="37" y="175"/>
                  <a:pt x="38" y="174"/>
                </a:cubicBezTo>
                <a:cubicBezTo>
                  <a:pt x="46" y="133"/>
                  <a:pt x="67" y="95"/>
                  <a:pt x="98" y="68"/>
                </a:cubicBezTo>
                <a:cubicBezTo>
                  <a:pt x="129" y="41"/>
                  <a:pt x="168" y="27"/>
                  <a:pt x="209" y="28"/>
                </a:cubicBezTo>
                <a:cubicBezTo>
                  <a:pt x="248" y="28"/>
                  <a:pt x="285" y="42"/>
                  <a:pt x="316" y="67"/>
                </a:cubicBezTo>
                <a:cubicBezTo>
                  <a:pt x="347" y="92"/>
                  <a:pt x="370" y="127"/>
                  <a:pt x="381" y="166"/>
                </a:cubicBezTo>
                <a:cubicBezTo>
                  <a:pt x="382" y="168"/>
                  <a:pt x="383" y="170"/>
                  <a:pt x="385" y="172"/>
                </a:cubicBezTo>
                <a:cubicBezTo>
                  <a:pt x="387" y="173"/>
                  <a:pt x="387" y="173"/>
                  <a:pt x="387" y="173"/>
                </a:cubicBezTo>
                <a:cubicBezTo>
                  <a:pt x="389" y="175"/>
                  <a:pt x="392" y="177"/>
                  <a:pt x="395" y="177"/>
                </a:cubicBezTo>
                <a:cubicBezTo>
                  <a:pt x="405" y="178"/>
                  <a:pt x="413" y="184"/>
                  <a:pt x="418" y="189"/>
                </a:cubicBezTo>
                <a:cubicBezTo>
                  <a:pt x="429" y="202"/>
                  <a:pt x="435" y="223"/>
                  <a:pt x="434" y="245"/>
                </a:cubicBezTo>
                <a:cubicBezTo>
                  <a:pt x="432" y="280"/>
                  <a:pt x="410" y="309"/>
                  <a:pt x="387" y="308"/>
                </a:cubicBezTo>
                <a:cubicBezTo>
                  <a:pt x="385" y="308"/>
                  <a:pt x="384" y="307"/>
                  <a:pt x="382" y="307"/>
                </a:cubicBezTo>
                <a:cubicBezTo>
                  <a:pt x="379" y="306"/>
                  <a:pt x="375" y="307"/>
                  <a:pt x="372" y="309"/>
                </a:cubicBezTo>
                <a:cubicBezTo>
                  <a:pt x="369" y="310"/>
                  <a:pt x="367" y="313"/>
                  <a:pt x="366" y="317"/>
                </a:cubicBezTo>
                <a:cubicBezTo>
                  <a:pt x="365" y="323"/>
                  <a:pt x="365" y="323"/>
                  <a:pt x="365" y="323"/>
                </a:cubicBezTo>
                <a:cubicBezTo>
                  <a:pt x="365" y="323"/>
                  <a:pt x="365" y="323"/>
                  <a:pt x="365" y="323"/>
                </a:cubicBezTo>
                <a:cubicBezTo>
                  <a:pt x="354" y="373"/>
                  <a:pt x="320" y="409"/>
                  <a:pt x="274" y="420"/>
                </a:cubicBezTo>
                <a:cubicBezTo>
                  <a:pt x="264" y="422"/>
                  <a:pt x="253" y="423"/>
                  <a:pt x="242" y="422"/>
                </a:cubicBezTo>
                <a:cubicBezTo>
                  <a:pt x="240" y="422"/>
                  <a:pt x="239" y="423"/>
                  <a:pt x="237" y="423"/>
                </a:cubicBezTo>
                <a:cubicBezTo>
                  <a:pt x="234" y="424"/>
                  <a:pt x="234" y="424"/>
                  <a:pt x="234" y="424"/>
                </a:cubicBezTo>
                <a:cubicBezTo>
                  <a:pt x="231" y="426"/>
                  <a:pt x="228" y="428"/>
                  <a:pt x="227" y="431"/>
                </a:cubicBezTo>
                <a:cubicBezTo>
                  <a:pt x="227" y="431"/>
                  <a:pt x="227" y="431"/>
                  <a:pt x="227" y="431"/>
                </a:cubicBezTo>
                <a:cubicBezTo>
                  <a:pt x="225" y="433"/>
                  <a:pt x="218" y="436"/>
                  <a:pt x="206" y="435"/>
                </a:cubicBezTo>
                <a:cubicBezTo>
                  <a:pt x="195" y="433"/>
                  <a:pt x="189" y="428"/>
                  <a:pt x="188" y="426"/>
                </a:cubicBezTo>
                <a:cubicBezTo>
                  <a:pt x="190" y="424"/>
                  <a:pt x="197" y="421"/>
                  <a:pt x="208" y="423"/>
                </a:cubicBezTo>
                <a:cubicBezTo>
                  <a:pt x="211" y="423"/>
                  <a:pt x="214" y="424"/>
                  <a:pt x="216" y="425"/>
                </a:cubicBezTo>
                <a:cubicBezTo>
                  <a:pt x="223" y="427"/>
                  <a:pt x="231" y="424"/>
                  <a:pt x="233" y="417"/>
                </a:cubicBezTo>
                <a:cubicBezTo>
                  <a:pt x="236" y="410"/>
                  <a:pt x="233" y="402"/>
                  <a:pt x="226" y="400"/>
                </a:cubicBezTo>
                <a:cubicBezTo>
                  <a:pt x="221" y="398"/>
                  <a:pt x="216" y="397"/>
                  <a:pt x="211" y="396"/>
                </a:cubicBezTo>
                <a:cubicBezTo>
                  <a:pt x="196" y="394"/>
                  <a:pt x="182" y="397"/>
                  <a:pt x="172" y="404"/>
                </a:cubicBezTo>
                <a:cubicBezTo>
                  <a:pt x="166" y="409"/>
                  <a:pt x="162" y="415"/>
                  <a:pt x="161" y="422"/>
                </a:cubicBezTo>
                <a:cubicBezTo>
                  <a:pt x="159" y="441"/>
                  <a:pt x="177" y="458"/>
                  <a:pt x="203" y="461"/>
                </a:cubicBezTo>
                <a:cubicBezTo>
                  <a:pt x="221" y="464"/>
                  <a:pt x="237" y="459"/>
                  <a:pt x="246" y="449"/>
                </a:cubicBezTo>
                <a:cubicBezTo>
                  <a:pt x="257" y="449"/>
                  <a:pt x="269" y="448"/>
                  <a:pt x="280" y="446"/>
                </a:cubicBezTo>
                <a:cubicBezTo>
                  <a:pt x="335" y="433"/>
                  <a:pt x="376" y="392"/>
                  <a:pt x="389" y="334"/>
                </a:cubicBezTo>
                <a:cubicBezTo>
                  <a:pt x="407" y="334"/>
                  <a:pt x="424" y="325"/>
                  <a:pt x="438" y="309"/>
                </a:cubicBezTo>
                <a:cubicBezTo>
                  <a:pt x="451" y="292"/>
                  <a:pt x="459" y="270"/>
                  <a:pt x="461" y="246"/>
                </a:cubicBezTo>
                <a:cubicBezTo>
                  <a:pt x="461" y="244"/>
                  <a:pt x="461" y="241"/>
                  <a:pt x="461" y="239"/>
                </a:cubicBezTo>
                <a:cubicBezTo>
                  <a:pt x="461" y="212"/>
                  <a:pt x="453" y="188"/>
                  <a:pt x="438" y="171"/>
                </a:cubicBezTo>
                <a:cubicBezTo>
                  <a:pt x="428" y="161"/>
                  <a:pt x="417" y="154"/>
                  <a:pt x="405" y="151"/>
                </a:cubicBezTo>
                <a:cubicBezTo>
                  <a:pt x="391" y="110"/>
                  <a:pt x="366" y="73"/>
                  <a:pt x="333" y="46"/>
                </a:cubicBezTo>
                <a:cubicBezTo>
                  <a:pt x="297" y="17"/>
                  <a:pt x="254" y="1"/>
                  <a:pt x="209" y="1"/>
                </a:cubicBezTo>
                <a:cubicBezTo>
                  <a:pt x="162" y="0"/>
                  <a:pt x="117" y="17"/>
                  <a:pt x="81" y="4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" name="Freeform 221"/>
          <p:cNvSpPr>
            <a:spLocks/>
          </p:cNvSpPr>
          <p:nvPr userDrawn="1"/>
        </p:nvSpPr>
        <p:spPr bwMode="auto">
          <a:xfrm>
            <a:off x="2561958" y="4446874"/>
            <a:ext cx="487363" cy="428625"/>
          </a:xfrm>
          <a:custGeom>
            <a:avLst/>
            <a:gdLst/>
            <a:ahLst/>
            <a:cxnLst>
              <a:cxn ang="0">
                <a:pos x="240" y="0"/>
              </a:cxn>
              <a:cxn ang="0">
                <a:pos x="61" y="126"/>
              </a:cxn>
              <a:cxn ang="0">
                <a:pos x="59" y="133"/>
              </a:cxn>
              <a:cxn ang="0">
                <a:pos x="67" y="146"/>
              </a:cxn>
              <a:cxn ang="0">
                <a:pos x="107" y="158"/>
              </a:cxn>
              <a:cxn ang="0">
                <a:pos x="55" y="178"/>
              </a:cxn>
              <a:cxn ang="0">
                <a:pos x="26" y="105"/>
              </a:cxn>
              <a:cxn ang="0">
                <a:pos x="8" y="95"/>
              </a:cxn>
              <a:cxn ang="0">
                <a:pos x="3" y="113"/>
              </a:cxn>
              <a:cxn ang="0">
                <a:pos x="3" y="113"/>
              </a:cxn>
              <a:cxn ang="0">
                <a:pos x="37" y="199"/>
              </a:cxn>
              <a:cxn ang="0">
                <a:pos x="52" y="203"/>
              </a:cxn>
              <a:cxn ang="0">
                <a:pos x="141" y="167"/>
              </a:cxn>
              <a:cxn ang="0">
                <a:pos x="149" y="156"/>
              </a:cxn>
              <a:cxn ang="0">
                <a:pos x="140" y="144"/>
              </a:cxn>
              <a:cxn ang="0">
                <a:pos x="85" y="127"/>
              </a:cxn>
              <a:cxn ang="0">
                <a:pos x="85" y="126"/>
              </a:cxn>
              <a:cxn ang="0">
                <a:pos x="122" y="72"/>
              </a:cxn>
              <a:cxn ang="0">
                <a:pos x="240" y="23"/>
              </a:cxn>
              <a:cxn ang="0">
                <a:pos x="359" y="72"/>
              </a:cxn>
              <a:cxn ang="0">
                <a:pos x="408" y="191"/>
              </a:cxn>
              <a:cxn ang="0">
                <a:pos x="359" y="309"/>
              </a:cxn>
              <a:cxn ang="0">
                <a:pos x="240" y="358"/>
              </a:cxn>
              <a:cxn ang="0">
                <a:pos x="122" y="309"/>
              </a:cxn>
              <a:cxn ang="0">
                <a:pos x="92" y="268"/>
              </a:cxn>
              <a:cxn ang="0">
                <a:pos x="198" y="224"/>
              </a:cxn>
              <a:cxn ang="0">
                <a:pos x="199" y="224"/>
              </a:cxn>
              <a:cxn ang="0">
                <a:pos x="207" y="209"/>
              </a:cxn>
              <a:cxn ang="0">
                <a:pos x="203" y="192"/>
              </a:cxn>
              <a:cxn ang="0">
                <a:pos x="241" y="154"/>
              </a:cxn>
              <a:cxn ang="0">
                <a:pos x="278" y="192"/>
              </a:cxn>
              <a:cxn ang="0">
                <a:pos x="241" y="230"/>
              </a:cxn>
              <a:cxn ang="0">
                <a:pos x="235" y="229"/>
              </a:cxn>
              <a:cxn ang="0">
                <a:pos x="233" y="229"/>
              </a:cxn>
              <a:cxn ang="0">
                <a:pos x="233" y="229"/>
              </a:cxn>
              <a:cxn ang="0">
                <a:pos x="231" y="229"/>
              </a:cxn>
              <a:cxn ang="0">
                <a:pos x="219" y="239"/>
              </a:cxn>
              <a:cxn ang="0">
                <a:pos x="219" y="240"/>
              </a:cxn>
              <a:cxn ang="0">
                <a:pos x="230" y="253"/>
              </a:cxn>
              <a:cxn ang="0">
                <a:pos x="230" y="253"/>
              </a:cxn>
              <a:cxn ang="0">
                <a:pos x="230" y="253"/>
              </a:cxn>
              <a:cxn ang="0">
                <a:pos x="241" y="254"/>
              </a:cxn>
              <a:cxn ang="0">
                <a:pos x="302" y="192"/>
              </a:cxn>
              <a:cxn ang="0">
                <a:pos x="241" y="130"/>
              </a:cxn>
              <a:cxn ang="0">
                <a:pos x="179" y="192"/>
              </a:cxn>
              <a:cxn ang="0">
                <a:pos x="180" y="206"/>
              </a:cxn>
              <a:cxn ang="0">
                <a:pos x="74" y="250"/>
              </a:cxn>
              <a:cxn ang="0">
                <a:pos x="66" y="268"/>
              </a:cxn>
              <a:cxn ang="0">
                <a:pos x="71" y="277"/>
              </a:cxn>
              <a:cxn ang="0">
                <a:pos x="240" y="381"/>
              </a:cxn>
              <a:cxn ang="0">
                <a:pos x="431" y="191"/>
              </a:cxn>
              <a:cxn ang="0">
                <a:pos x="240" y="0"/>
              </a:cxn>
            </a:cxnLst>
            <a:rect l="0" t="0" r="r" b="b"/>
            <a:pathLst>
              <a:path w="431" h="381">
                <a:moveTo>
                  <a:pt x="240" y="0"/>
                </a:moveTo>
                <a:cubicBezTo>
                  <a:pt x="158" y="0"/>
                  <a:pt x="88" y="53"/>
                  <a:pt x="61" y="126"/>
                </a:cubicBezTo>
                <a:cubicBezTo>
                  <a:pt x="60" y="129"/>
                  <a:pt x="60" y="130"/>
                  <a:pt x="59" y="133"/>
                </a:cubicBezTo>
                <a:cubicBezTo>
                  <a:pt x="57" y="140"/>
                  <a:pt x="60" y="144"/>
                  <a:pt x="67" y="146"/>
                </a:cubicBezTo>
                <a:cubicBezTo>
                  <a:pt x="107" y="158"/>
                  <a:pt x="107" y="158"/>
                  <a:pt x="107" y="158"/>
                </a:cubicBezTo>
                <a:cubicBezTo>
                  <a:pt x="55" y="178"/>
                  <a:pt x="55" y="178"/>
                  <a:pt x="55" y="178"/>
                </a:cubicBezTo>
                <a:cubicBezTo>
                  <a:pt x="26" y="105"/>
                  <a:pt x="26" y="105"/>
                  <a:pt x="26" y="105"/>
                </a:cubicBezTo>
                <a:cubicBezTo>
                  <a:pt x="23" y="95"/>
                  <a:pt x="15" y="92"/>
                  <a:pt x="8" y="95"/>
                </a:cubicBezTo>
                <a:cubicBezTo>
                  <a:pt x="0" y="97"/>
                  <a:pt x="0" y="106"/>
                  <a:pt x="3" y="113"/>
                </a:cubicBezTo>
                <a:cubicBezTo>
                  <a:pt x="3" y="113"/>
                  <a:pt x="3" y="113"/>
                  <a:pt x="3" y="113"/>
                </a:cubicBezTo>
                <a:cubicBezTo>
                  <a:pt x="37" y="199"/>
                  <a:pt x="37" y="199"/>
                  <a:pt x="37" y="199"/>
                </a:cubicBezTo>
                <a:cubicBezTo>
                  <a:pt x="40" y="205"/>
                  <a:pt x="47" y="205"/>
                  <a:pt x="52" y="203"/>
                </a:cubicBezTo>
                <a:cubicBezTo>
                  <a:pt x="141" y="167"/>
                  <a:pt x="141" y="167"/>
                  <a:pt x="141" y="167"/>
                </a:cubicBezTo>
                <a:cubicBezTo>
                  <a:pt x="147" y="164"/>
                  <a:pt x="149" y="162"/>
                  <a:pt x="149" y="156"/>
                </a:cubicBezTo>
                <a:cubicBezTo>
                  <a:pt x="148" y="150"/>
                  <a:pt x="146" y="146"/>
                  <a:pt x="140" y="144"/>
                </a:cubicBezTo>
                <a:cubicBezTo>
                  <a:pt x="85" y="127"/>
                  <a:pt x="85" y="127"/>
                  <a:pt x="85" y="127"/>
                </a:cubicBezTo>
                <a:cubicBezTo>
                  <a:pt x="85" y="126"/>
                  <a:pt x="85" y="126"/>
                  <a:pt x="85" y="126"/>
                </a:cubicBezTo>
                <a:cubicBezTo>
                  <a:pt x="94" y="106"/>
                  <a:pt x="107" y="87"/>
                  <a:pt x="122" y="72"/>
                </a:cubicBezTo>
                <a:cubicBezTo>
                  <a:pt x="152" y="42"/>
                  <a:pt x="194" y="23"/>
                  <a:pt x="240" y="23"/>
                </a:cubicBezTo>
                <a:cubicBezTo>
                  <a:pt x="287" y="23"/>
                  <a:pt x="329" y="42"/>
                  <a:pt x="359" y="72"/>
                </a:cubicBezTo>
                <a:cubicBezTo>
                  <a:pt x="389" y="103"/>
                  <a:pt x="408" y="144"/>
                  <a:pt x="408" y="191"/>
                </a:cubicBezTo>
                <a:cubicBezTo>
                  <a:pt x="408" y="237"/>
                  <a:pt x="389" y="279"/>
                  <a:pt x="359" y="309"/>
                </a:cubicBezTo>
                <a:cubicBezTo>
                  <a:pt x="329" y="339"/>
                  <a:pt x="287" y="358"/>
                  <a:pt x="240" y="358"/>
                </a:cubicBezTo>
                <a:cubicBezTo>
                  <a:pt x="194" y="358"/>
                  <a:pt x="152" y="339"/>
                  <a:pt x="122" y="309"/>
                </a:cubicBezTo>
                <a:cubicBezTo>
                  <a:pt x="110" y="297"/>
                  <a:pt x="100" y="283"/>
                  <a:pt x="92" y="268"/>
                </a:cubicBezTo>
                <a:cubicBezTo>
                  <a:pt x="92" y="268"/>
                  <a:pt x="165" y="238"/>
                  <a:pt x="198" y="224"/>
                </a:cubicBezTo>
                <a:cubicBezTo>
                  <a:pt x="198" y="224"/>
                  <a:pt x="198" y="224"/>
                  <a:pt x="199" y="224"/>
                </a:cubicBezTo>
                <a:cubicBezTo>
                  <a:pt x="209" y="219"/>
                  <a:pt x="207" y="209"/>
                  <a:pt x="207" y="209"/>
                </a:cubicBezTo>
                <a:cubicBezTo>
                  <a:pt x="204" y="204"/>
                  <a:pt x="203" y="198"/>
                  <a:pt x="203" y="192"/>
                </a:cubicBezTo>
                <a:cubicBezTo>
                  <a:pt x="203" y="171"/>
                  <a:pt x="220" y="154"/>
                  <a:pt x="241" y="154"/>
                </a:cubicBezTo>
                <a:cubicBezTo>
                  <a:pt x="261" y="154"/>
                  <a:pt x="278" y="171"/>
                  <a:pt x="278" y="192"/>
                </a:cubicBezTo>
                <a:cubicBezTo>
                  <a:pt x="278" y="213"/>
                  <a:pt x="261" y="230"/>
                  <a:pt x="241" y="230"/>
                </a:cubicBezTo>
                <a:cubicBezTo>
                  <a:pt x="239" y="230"/>
                  <a:pt x="237" y="230"/>
                  <a:pt x="235" y="229"/>
                </a:cubicBezTo>
                <a:cubicBezTo>
                  <a:pt x="235" y="229"/>
                  <a:pt x="234" y="229"/>
                  <a:pt x="233" y="229"/>
                </a:cubicBezTo>
                <a:cubicBezTo>
                  <a:pt x="233" y="229"/>
                  <a:pt x="233" y="229"/>
                  <a:pt x="233" y="229"/>
                </a:cubicBezTo>
                <a:cubicBezTo>
                  <a:pt x="232" y="229"/>
                  <a:pt x="232" y="229"/>
                  <a:pt x="231" y="229"/>
                </a:cubicBezTo>
                <a:cubicBezTo>
                  <a:pt x="225" y="229"/>
                  <a:pt x="220" y="233"/>
                  <a:pt x="219" y="239"/>
                </a:cubicBezTo>
                <a:cubicBezTo>
                  <a:pt x="219" y="239"/>
                  <a:pt x="219" y="240"/>
                  <a:pt x="219" y="240"/>
                </a:cubicBezTo>
                <a:cubicBezTo>
                  <a:pt x="219" y="246"/>
                  <a:pt x="224" y="251"/>
                  <a:pt x="230" y="253"/>
                </a:cubicBezTo>
                <a:cubicBezTo>
                  <a:pt x="230" y="253"/>
                  <a:pt x="230" y="253"/>
                  <a:pt x="230" y="253"/>
                </a:cubicBezTo>
                <a:cubicBezTo>
                  <a:pt x="230" y="253"/>
                  <a:pt x="230" y="253"/>
                  <a:pt x="230" y="253"/>
                </a:cubicBezTo>
                <a:cubicBezTo>
                  <a:pt x="234" y="253"/>
                  <a:pt x="237" y="254"/>
                  <a:pt x="241" y="254"/>
                </a:cubicBezTo>
                <a:cubicBezTo>
                  <a:pt x="275" y="254"/>
                  <a:pt x="302" y="226"/>
                  <a:pt x="302" y="192"/>
                </a:cubicBezTo>
                <a:cubicBezTo>
                  <a:pt x="302" y="158"/>
                  <a:pt x="275" y="130"/>
                  <a:pt x="241" y="130"/>
                </a:cubicBezTo>
                <a:cubicBezTo>
                  <a:pt x="206" y="130"/>
                  <a:pt x="179" y="158"/>
                  <a:pt x="179" y="192"/>
                </a:cubicBezTo>
                <a:cubicBezTo>
                  <a:pt x="179" y="197"/>
                  <a:pt x="179" y="201"/>
                  <a:pt x="180" y="206"/>
                </a:cubicBezTo>
                <a:cubicBezTo>
                  <a:pt x="74" y="250"/>
                  <a:pt x="74" y="250"/>
                  <a:pt x="74" y="250"/>
                </a:cubicBezTo>
                <a:cubicBezTo>
                  <a:pt x="68" y="253"/>
                  <a:pt x="62" y="257"/>
                  <a:pt x="66" y="268"/>
                </a:cubicBezTo>
                <a:cubicBezTo>
                  <a:pt x="71" y="277"/>
                  <a:pt x="71" y="277"/>
                  <a:pt x="71" y="277"/>
                </a:cubicBezTo>
                <a:cubicBezTo>
                  <a:pt x="102" y="339"/>
                  <a:pt x="166" y="381"/>
                  <a:pt x="240" y="381"/>
                </a:cubicBezTo>
                <a:cubicBezTo>
                  <a:pt x="346" y="381"/>
                  <a:pt x="431" y="296"/>
                  <a:pt x="431" y="191"/>
                </a:cubicBezTo>
                <a:cubicBezTo>
                  <a:pt x="431" y="86"/>
                  <a:pt x="346" y="0"/>
                  <a:pt x="240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" name="Freeform 267"/>
          <p:cNvSpPr>
            <a:spLocks/>
          </p:cNvSpPr>
          <p:nvPr userDrawn="1"/>
        </p:nvSpPr>
        <p:spPr bwMode="auto">
          <a:xfrm>
            <a:off x="2550845" y="2387024"/>
            <a:ext cx="509588" cy="509587"/>
          </a:xfrm>
          <a:custGeom>
            <a:avLst/>
            <a:gdLst/>
            <a:ahLst/>
            <a:cxnLst>
              <a:cxn ang="0">
                <a:pos x="0" y="226"/>
              </a:cxn>
              <a:cxn ang="0">
                <a:pos x="226" y="453"/>
              </a:cxn>
              <a:cxn ang="0">
                <a:pos x="453" y="226"/>
              </a:cxn>
              <a:cxn ang="0">
                <a:pos x="314" y="18"/>
              </a:cxn>
              <a:cxn ang="0">
                <a:pos x="297" y="25"/>
              </a:cxn>
              <a:cxn ang="0">
                <a:pos x="304" y="42"/>
              </a:cxn>
              <a:cxn ang="0">
                <a:pos x="426" y="226"/>
              </a:cxn>
              <a:cxn ang="0">
                <a:pos x="226" y="426"/>
              </a:cxn>
              <a:cxn ang="0">
                <a:pos x="27" y="226"/>
              </a:cxn>
              <a:cxn ang="0">
                <a:pos x="213" y="27"/>
              </a:cxn>
              <a:cxn ang="0">
                <a:pos x="213" y="226"/>
              </a:cxn>
              <a:cxn ang="0">
                <a:pos x="221" y="239"/>
              </a:cxn>
              <a:cxn ang="0">
                <a:pos x="236" y="236"/>
              </a:cxn>
              <a:cxn ang="0">
                <a:pos x="329" y="142"/>
              </a:cxn>
              <a:cxn ang="0">
                <a:pos x="329" y="123"/>
              </a:cxn>
              <a:cxn ang="0">
                <a:pos x="310" y="123"/>
              </a:cxn>
              <a:cxn ang="0">
                <a:pos x="240" y="194"/>
              </a:cxn>
              <a:cxn ang="0">
                <a:pos x="240" y="13"/>
              </a:cxn>
              <a:cxn ang="0">
                <a:pos x="226" y="0"/>
              </a:cxn>
              <a:cxn ang="0">
                <a:pos x="0" y="226"/>
              </a:cxn>
            </a:cxnLst>
            <a:rect l="0" t="0" r="r" b="b"/>
            <a:pathLst>
              <a:path w="453" h="453">
                <a:moveTo>
                  <a:pt x="0" y="226"/>
                </a:moveTo>
                <a:cubicBezTo>
                  <a:pt x="0" y="351"/>
                  <a:pt x="102" y="453"/>
                  <a:pt x="226" y="453"/>
                </a:cubicBezTo>
                <a:cubicBezTo>
                  <a:pt x="351" y="453"/>
                  <a:pt x="453" y="351"/>
                  <a:pt x="453" y="226"/>
                </a:cubicBezTo>
                <a:cubicBezTo>
                  <a:pt x="453" y="135"/>
                  <a:pt x="398" y="53"/>
                  <a:pt x="314" y="18"/>
                </a:cubicBezTo>
                <a:cubicBezTo>
                  <a:pt x="308" y="15"/>
                  <a:pt x="300" y="18"/>
                  <a:pt x="297" y="25"/>
                </a:cubicBezTo>
                <a:cubicBezTo>
                  <a:pt x="294" y="32"/>
                  <a:pt x="297" y="39"/>
                  <a:pt x="304" y="42"/>
                </a:cubicBezTo>
                <a:cubicBezTo>
                  <a:pt x="378" y="74"/>
                  <a:pt x="426" y="146"/>
                  <a:pt x="426" y="226"/>
                </a:cubicBezTo>
                <a:cubicBezTo>
                  <a:pt x="426" y="336"/>
                  <a:pt x="336" y="426"/>
                  <a:pt x="226" y="426"/>
                </a:cubicBezTo>
                <a:cubicBezTo>
                  <a:pt x="116" y="426"/>
                  <a:pt x="27" y="336"/>
                  <a:pt x="27" y="226"/>
                </a:cubicBezTo>
                <a:cubicBezTo>
                  <a:pt x="27" y="121"/>
                  <a:pt x="109" y="34"/>
                  <a:pt x="213" y="27"/>
                </a:cubicBezTo>
                <a:cubicBezTo>
                  <a:pt x="213" y="51"/>
                  <a:pt x="213" y="226"/>
                  <a:pt x="213" y="226"/>
                </a:cubicBezTo>
                <a:cubicBezTo>
                  <a:pt x="213" y="232"/>
                  <a:pt x="216" y="237"/>
                  <a:pt x="221" y="239"/>
                </a:cubicBezTo>
                <a:cubicBezTo>
                  <a:pt x="226" y="241"/>
                  <a:pt x="232" y="240"/>
                  <a:pt x="236" y="236"/>
                </a:cubicBezTo>
                <a:cubicBezTo>
                  <a:pt x="329" y="142"/>
                  <a:pt x="329" y="142"/>
                  <a:pt x="329" y="142"/>
                </a:cubicBezTo>
                <a:cubicBezTo>
                  <a:pt x="334" y="137"/>
                  <a:pt x="334" y="129"/>
                  <a:pt x="329" y="123"/>
                </a:cubicBezTo>
                <a:cubicBezTo>
                  <a:pt x="324" y="118"/>
                  <a:pt x="316" y="118"/>
                  <a:pt x="310" y="123"/>
                </a:cubicBezTo>
                <a:cubicBezTo>
                  <a:pt x="310" y="123"/>
                  <a:pt x="266" y="168"/>
                  <a:pt x="240" y="194"/>
                </a:cubicBezTo>
                <a:cubicBezTo>
                  <a:pt x="240" y="148"/>
                  <a:pt x="240" y="13"/>
                  <a:pt x="240" y="13"/>
                </a:cubicBezTo>
                <a:cubicBezTo>
                  <a:pt x="240" y="6"/>
                  <a:pt x="234" y="0"/>
                  <a:pt x="226" y="0"/>
                </a:cubicBezTo>
                <a:cubicBezTo>
                  <a:pt x="102" y="0"/>
                  <a:pt x="0" y="102"/>
                  <a:pt x="0" y="22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" name="Freeform 276"/>
          <p:cNvSpPr>
            <a:spLocks/>
          </p:cNvSpPr>
          <p:nvPr userDrawn="1"/>
        </p:nvSpPr>
        <p:spPr bwMode="auto">
          <a:xfrm>
            <a:off x="2561958" y="2991752"/>
            <a:ext cx="487362" cy="512763"/>
          </a:xfrm>
          <a:custGeom>
            <a:avLst/>
            <a:gdLst/>
            <a:ahLst/>
            <a:cxnLst>
              <a:cxn ang="0">
                <a:pos x="200" y="65"/>
              </a:cxn>
              <a:cxn ang="0">
                <a:pos x="239" y="94"/>
              </a:cxn>
              <a:cxn ang="0">
                <a:pos x="265" y="96"/>
              </a:cxn>
              <a:cxn ang="0">
                <a:pos x="265" y="104"/>
              </a:cxn>
              <a:cxn ang="0">
                <a:pos x="157" y="116"/>
              </a:cxn>
              <a:cxn ang="0">
                <a:pos x="163" y="64"/>
              </a:cxn>
              <a:cxn ang="0">
                <a:pos x="92" y="6"/>
              </a:cxn>
              <a:cxn ang="0">
                <a:pos x="82" y="55"/>
              </a:cxn>
              <a:cxn ang="0">
                <a:pos x="27" y="26"/>
              </a:cxn>
              <a:cxn ang="0">
                <a:pos x="2" y="100"/>
              </a:cxn>
              <a:cxn ang="0">
                <a:pos x="77" y="142"/>
              </a:cxn>
              <a:cxn ang="0">
                <a:pos x="24" y="391"/>
              </a:cxn>
              <a:cxn ang="0">
                <a:pos x="101" y="441"/>
              </a:cxn>
              <a:cxn ang="0">
                <a:pos x="212" y="304"/>
              </a:cxn>
              <a:cxn ang="0">
                <a:pos x="246" y="365"/>
              </a:cxn>
              <a:cxn ang="0">
                <a:pos x="243" y="394"/>
              </a:cxn>
              <a:cxn ang="0">
                <a:pos x="325" y="430"/>
              </a:cxn>
              <a:cxn ang="0">
                <a:pos x="322" y="400"/>
              </a:cxn>
              <a:cxn ang="0">
                <a:pos x="367" y="417"/>
              </a:cxn>
              <a:cxn ang="0">
                <a:pos x="408" y="371"/>
              </a:cxn>
              <a:cxn ang="0">
                <a:pos x="321" y="310"/>
              </a:cxn>
              <a:cxn ang="0">
                <a:pos x="339" y="140"/>
              </a:cxn>
              <a:cxn ang="0">
                <a:pos x="363" y="138"/>
              </a:cxn>
              <a:cxn ang="0">
                <a:pos x="336" y="114"/>
              </a:cxn>
              <a:cxn ang="0">
                <a:pos x="231" y="234"/>
              </a:cxn>
              <a:cxn ang="0">
                <a:pos x="343" y="339"/>
              </a:cxn>
              <a:cxn ang="0">
                <a:pos x="381" y="370"/>
              </a:cxn>
              <a:cxn ang="0">
                <a:pos x="324" y="368"/>
              </a:cxn>
              <a:cxn ang="0">
                <a:pos x="297" y="416"/>
              </a:cxn>
              <a:cxn ang="0">
                <a:pos x="270" y="391"/>
              </a:cxn>
              <a:cxn ang="0">
                <a:pos x="272" y="369"/>
              </a:cxn>
              <a:cxn ang="0">
                <a:pos x="277" y="348"/>
              </a:cxn>
              <a:cxn ang="0">
                <a:pos x="248" y="306"/>
              </a:cxn>
              <a:cxn ang="0">
                <a:pos x="201" y="274"/>
              </a:cxn>
              <a:cxn ang="0">
                <a:pos x="183" y="244"/>
              </a:cxn>
              <a:cxn ang="0">
                <a:pos x="94" y="121"/>
              </a:cxn>
              <a:cxn ang="0">
                <a:pos x="27" y="83"/>
              </a:cxn>
              <a:cxn ang="0">
                <a:pos x="97" y="78"/>
              </a:cxn>
              <a:cxn ang="0">
                <a:pos x="109" y="51"/>
              </a:cxn>
              <a:cxn ang="0">
                <a:pos x="136" y="65"/>
              </a:cxn>
              <a:cxn ang="0">
                <a:pos x="123" y="115"/>
              </a:cxn>
              <a:cxn ang="0">
                <a:pos x="196" y="205"/>
              </a:cxn>
              <a:cxn ang="0">
                <a:pos x="230" y="190"/>
              </a:cxn>
              <a:cxn ang="0">
                <a:pos x="295" y="101"/>
              </a:cxn>
              <a:cxn ang="0">
                <a:pos x="242" y="67"/>
              </a:cxn>
              <a:cxn ang="0">
                <a:pos x="373" y="95"/>
              </a:cxn>
              <a:cxn ang="0">
                <a:pos x="403" y="166"/>
              </a:cxn>
              <a:cxn ang="0">
                <a:pos x="432" y="159"/>
              </a:cxn>
              <a:cxn ang="0">
                <a:pos x="228" y="17"/>
              </a:cxn>
            </a:cxnLst>
            <a:rect l="0" t="0" r="r" b="b"/>
            <a:pathLst>
              <a:path w="432" h="454">
                <a:moveTo>
                  <a:pt x="228" y="17"/>
                </a:moveTo>
                <a:cubicBezTo>
                  <a:pt x="223" y="23"/>
                  <a:pt x="216" y="32"/>
                  <a:pt x="211" y="40"/>
                </a:cubicBezTo>
                <a:cubicBezTo>
                  <a:pt x="206" y="48"/>
                  <a:pt x="200" y="57"/>
                  <a:pt x="200" y="65"/>
                </a:cubicBezTo>
                <a:cubicBezTo>
                  <a:pt x="200" y="69"/>
                  <a:pt x="202" y="73"/>
                  <a:pt x="204" y="76"/>
                </a:cubicBezTo>
                <a:cubicBezTo>
                  <a:pt x="205" y="76"/>
                  <a:pt x="205" y="77"/>
                  <a:pt x="206" y="77"/>
                </a:cubicBezTo>
                <a:cubicBezTo>
                  <a:pt x="218" y="87"/>
                  <a:pt x="229" y="93"/>
                  <a:pt x="239" y="94"/>
                </a:cubicBezTo>
                <a:cubicBezTo>
                  <a:pt x="239" y="94"/>
                  <a:pt x="239" y="94"/>
                  <a:pt x="239" y="94"/>
                </a:cubicBezTo>
                <a:cubicBezTo>
                  <a:pt x="239" y="94"/>
                  <a:pt x="248" y="94"/>
                  <a:pt x="248" y="94"/>
                </a:cubicBezTo>
                <a:cubicBezTo>
                  <a:pt x="252" y="94"/>
                  <a:pt x="261" y="95"/>
                  <a:pt x="265" y="96"/>
                </a:cubicBezTo>
                <a:cubicBezTo>
                  <a:pt x="267" y="98"/>
                  <a:pt x="268" y="100"/>
                  <a:pt x="268" y="101"/>
                </a:cubicBezTo>
                <a:cubicBezTo>
                  <a:pt x="268" y="101"/>
                  <a:pt x="268" y="102"/>
                  <a:pt x="267" y="102"/>
                </a:cubicBezTo>
                <a:cubicBezTo>
                  <a:pt x="265" y="104"/>
                  <a:pt x="265" y="104"/>
                  <a:pt x="265" y="104"/>
                </a:cubicBezTo>
                <a:cubicBezTo>
                  <a:pt x="265" y="104"/>
                  <a:pt x="237" y="139"/>
                  <a:pt x="237" y="139"/>
                </a:cubicBezTo>
                <a:cubicBezTo>
                  <a:pt x="226" y="152"/>
                  <a:pt x="215" y="167"/>
                  <a:pt x="207" y="176"/>
                </a:cubicBezTo>
                <a:cubicBezTo>
                  <a:pt x="185" y="151"/>
                  <a:pt x="168" y="130"/>
                  <a:pt x="157" y="116"/>
                </a:cubicBezTo>
                <a:cubicBezTo>
                  <a:pt x="154" y="112"/>
                  <a:pt x="152" y="109"/>
                  <a:pt x="150" y="107"/>
                </a:cubicBezTo>
                <a:cubicBezTo>
                  <a:pt x="150" y="105"/>
                  <a:pt x="151" y="103"/>
                  <a:pt x="152" y="102"/>
                </a:cubicBezTo>
                <a:cubicBezTo>
                  <a:pt x="157" y="92"/>
                  <a:pt x="163" y="78"/>
                  <a:pt x="163" y="64"/>
                </a:cubicBezTo>
                <a:cubicBezTo>
                  <a:pt x="163" y="62"/>
                  <a:pt x="163" y="61"/>
                  <a:pt x="163" y="59"/>
                </a:cubicBezTo>
                <a:cubicBezTo>
                  <a:pt x="160" y="39"/>
                  <a:pt x="136" y="23"/>
                  <a:pt x="122" y="15"/>
                </a:cubicBezTo>
                <a:cubicBezTo>
                  <a:pt x="101" y="2"/>
                  <a:pt x="96" y="5"/>
                  <a:pt x="92" y="6"/>
                </a:cubicBezTo>
                <a:cubicBezTo>
                  <a:pt x="84" y="9"/>
                  <a:pt x="81" y="17"/>
                  <a:pt x="81" y="31"/>
                </a:cubicBezTo>
                <a:cubicBezTo>
                  <a:pt x="81" y="37"/>
                  <a:pt x="82" y="44"/>
                  <a:pt x="82" y="52"/>
                </a:cubicBezTo>
                <a:cubicBezTo>
                  <a:pt x="82" y="52"/>
                  <a:pt x="82" y="54"/>
                  <a:pt x="82" y="55"/>
                </a:cubicBezTo>
                <a:cubicBezTo>
                  <a:pt x="77" y="60"/>
                  <a:pt x="65" y="67"/>
                  <a:pt x="60" y="67"/>
                </a:cubicBezTo>
                <a:cubicBezTo>
                  <a:pt x="56" y="65"/>
                  <a:pt x="49" y="50"/>
                  <a:pt x="46" y="45"/>
                </a:cubicBezTo>
                <a:cubicBezTo>
                  <a:pt x="41" y="34"/>
                  <a:pt x="37" y="26"/>
                  <a:pt x="27" y="26"/>
                </a:cubicBezTo>
                <a:cubicBezTo>
                  <a:pt x="23" y="26"/>
                  <a:pt x="18" y="27"/>
                  <a:pt x="14" y="33"/>
                </a:cubicBezTo>
                <a:cubicBezTo>
                  <a:pt x="6" y="42"/>
                  <a:pt x="0" y="63"/>
                  <a:pt x="0" y="83"/>
                </a:cubicBezTo>
                <a:cubicBezTo>
                  <a:pt x="0" y="89"/>
                  <a:pt x="1" y="95"/>
                  <a:pt x="2" y="100"/>
                </a:cubicBezTo>
                <a:cubicBezTo>
                  <a:pt x="2" y="101"/>
                  <a:pt x="2" y="101"/>
                  <a:pt x="3" y="102"/>
                </a:cubicBezTo>
                <a:cubicBezTo>
                  <a:pt x="15" y="140"/>
                  <a:pt x="53" y="141"/>
                  <a:pt x="71" y="142"/>
                </a:cubicBezTo>
                <a:cubicBezTo>
                  <a:pt x="73" y="142"/>
                  <a:pt x="75" y="142"/>
                  <a:pt x="77" y="142"/>
                </a:cubicBezTo>
                <a:cubicBezTo>
                  <a:pt x="87" y="154"/>
                  <a:pt x="125" y="199"/>
                  <a:pt x="155" y="235"/>
                </a:cubicBezTo>
                <a:cubicBezTo>
                  <a:pt x="106" y="291"/>
                  <a:pt x="30" y="376"/>
                  <a:pt x="26" y="384"/>
                </a:cubicBezTo>
                <a:cubicBezTo>
                  <a:pt x="24" y="386"/>
                  <a:pt x="24" y="389"/>
                  <a:pt x="24" y="391"/>
                </a:cubicBezTo>
                <a:cubicBezTo>
                  <a:pt x="24" y="394"/>
                  <a:pt x="25" y="397"/>
                  <a:pt x="26" y="400"/>
                </a:cubicBezTo>
                <a:cubicBezTo>
                  <a:pt x="28" y="402"/>
                  <a:pt x="32" y="409"/>
                  <a:pt x="63" y="426"/>
                </a:cubicBezTo>
                <a:cubicBezTo>
                  <a:pt x="93" y="442"/>
                  <a:pt x="99" y="441"/>
                  <a:pt x="101" y="441"/>
                </a:cubicBezTo>
                <a:cubicBezTo>
                  <a:pt x="108" y="441"/>
                  <a:pt x="112" y="437"/>
                  <a:pt x="131" y="413"/>
                </a:cubicBezTo>
                <a:cubicBezTo>
                  <a:pt x="141" y="401"/>
                  <a:pt x="153" y="384"/>
                  <a:pt x="169" y="363"/>
                </a:cubicBezTo>
                <a:cubicBezTo>
                  <a:pt x="186" y="340"/>
                  <a:pt x="202" y="318"/>
                  <a:pt x="212" y="304"/>
                </a:cubicBezTo>
                <a:cubicBezTo>
                  <a:pt x="226" y="321"/>
                  <a:pt x="243" y="342"/>
                  <a:pt x="250" y="351"/>
                </a:cubicBezTo>
                <a:cubicBezTo>
                  <a:pt x="249" y="352"/>
                  <a:pt x="249" y="354"/>
                  <a:pt x="248" y="355"/>
                </a:cubicBezTo>
                <a:cubicBezTo>
                  <a:pt x="247" y="361"/>
                  <a:pt x="246" y="363"/>
                  <a:pt x="246" y="365"/>
                </a:cubicBezTo>
                <a:cubicBezTo>
                  <a:pt x="246" y="365"/>
                  <a:pt x="246" y="366"/>
                  <a:pt x="246" y="366"/>
                </a:cubicBezTo>
                <a:cubicBezTo>
                  <a:pt x="245" y="370"/>
                  <a:pt x="243" y="378"/>
                  <a:pt x="243" y="387"/>
                </a:cubicBezTo>
                <a:cubicBezTo>
                  <a:pt x="243" y="390"/>
                  <a:pt x="243" y="392"/>
                  <a:pt x="243" y="394"/>
                </a:cubicBezTo>
                <a:cubicBezTo>
                  <a:pt x="245" y="413"/>
                  <a:pt x="266" y="430"/>
                  <a:pt x="278" y="438"/>
                </a:cubicBezTo>
                <a:cubicBezTo>
                  <a:pt x="301" y="454"/>
                  <a:pt x="310" y="452"/>
                  <a:pt x="313" y="451"/>
                </a:cubicBezTo>
                <a:cubicBezTo>
                  <a:pt x="318" y="449"/>
                  <a:pt x="325" y="445"/>
                  <a:pt x="325" y="430"/>
                </a:cubicBezTo>
                <a:cubicBezTo>
                  <a:pt x="325" y="430"/>
                  <a:pt x="325" y="430"/>
                  <a:pt x="325" y="430"/>
                </a:cubicBezTo>
                <a:cubicBezTo>
                  <a:pt x="325" y="425"/>
                  <a:pt x="324" y="419"/>
                  <a:pt x="323" y="413"/>
                </a:cubicBezTo>
                <a:cubicBezTo>
                  <a:pt x="323" y="409"/>
                  <a:pt x="322" y="403"/>
                  <a:pt x="322" y="400"/>
                </a:cubicBezTo>
                <a:cubicBezTo>
                  <a:pt x="328" y="396"/>
                  <a:pt x="341" y="389"/>
                  <a:pt x="349" y="386"/>
                </a:cubicBezTo>
                <a:cubicBezTo>
                  <a:pt x="352" y="391"/>
                  <a:pt x="357" y="399"/>
                  <a:pt x="360" y="404"/>
                </a:cubicBezTo>
                <a:cubicBezTo>
                  <a:pt x="367" y="417"/>
                  <a:pt x="367" y="417"/>
                  <a:pt x="367" y="417"/>
                </a:cubicBezTo>
                <a:cubicBezTo>
                  <a:pt x="370" y="421"/>
                  <a:pt x="376" y="430"/>
                  <a:pt x="386" y="427"/>
                </a:cubicBezTo>
                <a:cubicBezTo>
                  <a:pt x="392" y="425"/>
                  <a:pt x="396" y="421"/>
                  <a:pt x="402" y="403"/>
                </a:cubicBezTo>
                <a:cubicBezTo>
                  <a:pt x="403" y="398"/>
                  <a:pt x="407" y="384"/>
                  <a:pt x="408" y="371"/>
                </a:cubicBezTo>
                <a:cubicBezTo>
                  <a:pt x="409" y="350"/>
                  <a:pt x="395" y="326"/>
                  <a:pt x="377" y="317"/>
                </a:cubicBezTo>
                <a:cubicBezTo>
                  <a:pt x="365" y="311"/>
                  <a:pt x="353" y="311"/>
                  <a:pt x="342" y="312"/>
                </a:cubicBezTo>
                <a:cubicBezTo>
                  <a:pt x="333" y="312"/>
                  <a:pt x="325" y="313"/>
                  <a:pt x="321" y="310"/>
                </a:cubicBezTo>
                <a:cubicBezTo>
                  <a:pt x="317" y="306"/>
                  <a:pt x="287" y="273"/>
                  <a:pt x="259" y="240"/>
                </a:cubicBezTo>
                <a:cubicBezTo>
                  <a:pt x="274" y="219"/>
                  <a:pt x="313" y="163"/>
                  <a:pt x="328" y="144"/>
                </a:cubicBezTo>
                <a:cubicBezTo>
                  <a:pt x="329" y="143"/>
                  <a:pt x="333" y="141"/>
                  <a:pt x="339" y="140"/>
                </a:cubicBezTo>
                <a:cubicBezTo>
                  <a:pt x="339" y="140"/>
                  <a:pt x="340" y="140"/>
                  <a:pt x="340" y="140"/>
                </a:cubicBezTo>
                <a:cubicBezTo>
                  <a:pt x="344" y="140"/>
                  <a:pt x="346" y="140"/>
                  <a:pt x="348" y="140"/>
                </a:cubicBezTo>
                <a:cubicBezTo>
                  <a:pt x="352" y="143"/>
                  <a:pt x="359" y="142"/>
                  <a:pt x="363" y="138"/>
                </a:cubicBezTo>
                <a:cubicBezTo>
                  <a:pt x="369" y="133"/>
                  <a:pt x="369" y="125"/>
                  <a:pt x="364" y="120"/>
                </a:cubicBezTo>
                <a:cubicBezTo>
                  <a:pt x="358" y="112"/>
                  <a:pt x="347" y="112"/>
                  <a:pt x="337" y="114"/>
                </a:cubicBezTo>
                <a:cubicBezTo>
                  <a:pt x="336" y="114"/>
                  <a:pt x="336" y="114"/>
                  <a:pt x="336" y="114"/>
                </a:cubicBezTo>
                <a:cubicBezTo>
                  <a:pt x="321" y="115"/>
                  <a:pt x="312" y="122"/>
                  <a:pt x="308" y="126"/>
                </a:cubicBezTo>
                <a:cubicBezTo>
                  <a:pt x="308" y="126"/>
                  <a:pt x="308" y="126"/>
                  <a:pt x="308" y="126"/>
                </a:cubicBezTo>
                <a:cubicBezTo>
                  <a:pt x="290" y="149"/>
                  <a:pt x="233" y="230"/>
                  <a:pt x="231" y="234"/>
                </a:cubicBezTo>
                <a:cubicBezTo>
                  <a:pt x="228" y="239"/>
                  <a:pt x="228" y="245"/>
                  <a:pt x="232" y="250"/>
                </a:cubicBezTo>
                <a:cubicBezTo>
                  <a:pt x="243" y="262"/>
                  <a:pt x="296" y="323"/>
                  <a:pt x="304" y="330"/>
                </a:cubicBezTo>
                <a:cubicBezTo>
                  <a:pt x="315" y="340"/>
                  <a:pt x="330" y="339"/>
                  <a:pt x="343" y="339"/>
                </a:cubicBezTo>
                <a:cubicBezTo>
                  <a:pt x="352" y="338"/>
                  <a:pt x="360" y="338"/>
                  <a:pt x="365" y="340"/>
                </a:cubicBezTo>
                <a:cubicBezTo>
                  <a:pt x="373" y="344"/>
                  <a:pt x="381" y="357"/>
                  <a:pt x="381" y="369"/>
                </a:cubicBezTo>
                <a:cubicBezTo>
                  <a:pt x="381" y="369"/>
                  <a:pt x="381" y="370"/>
                  <a:pt x="381" y="370"/>
                </a:cubicBezTo>
                <a:cubicBezTo>
                  <a:pt x="381" y="375"/>
                  <a:pt x="380" y="380"/>
                  <a:pt x="379" y="385"/>
                </a:cubicBezTo>
                <a:cubicBezTo>
                  <a:pt x="368" y="366"/>
                  <a:pt x="364" y="361"/>
                  <a:pt x="358" y="359"/>
                </a:cubicBezTo>
                <a:cubicBezTo>
                  <a:pt x="355" y="358"/>
                  <a:pt x="349" y="356"/>
                  <a:pt x="324" y="368"/>
                </a:cubicBezTo>
                <a:cubicBezTo>
                  <a:pt x="301" y="380"/>
                  <a:pt x="298" y="386"/>
                  <a:pt x="297" y="389"/>
                </a:cubicBezTo>
                <a:cubicBezTo>
                  <a:pt x="296" y="392"/>
                  <a:pt x="296" y="396"/>
                  <a:pt x="296" y="399"/>
                </a:cubicBezTo>
                <a:cubicBezTo>
                  <a:pt x="296" y="404"/>
                  <a:pt x="296" y="409"/>
                  <a:pt x="297" y="416"/>
                </a:cubicBezTo>
                <a:cubicBezTo>
                  <a:pt x="297" y="417"/>
                  <a:pt x="297" y="418"/>
                  <a:pt x="297" y="419"/>
                </a:cubicBezTo>
                <a:cubicBezTo>
                  <a:pt x="285" y="412"/>
                  <a:pt x="271" y="399"/>
                  <a:pt x="270" y="391"/>
                </a:cubicBezTo>
                <a:cubicBezTo>
                  <a:pt x="270" y="391"/>
                  <a:pt x="270" y="391"/>
                  <a:pt x="270" y="391"/>
                </a:cubicBezTo>
                <a:cubicBezTo>
                  <a:pt x="270" y="390"/>
                  <a:pt x="270" y="388"/>
                  <a:pt x="270" y="387"/>
                </a:cubicBezTo>
                <a:cubicBezTo>
                  <a:pt x="270" y="381"/>
                  <a:pt x="271" y="375"/>
                  <a:pt x="272" y="372"/>
                </a:cubicBezTo>
                <a:cubicBezTo>
                  <a:pt x="272" y="372"/>
                  <a:pt x="272" y="369"/>
                  <a:pt x="272" y="369"/>
                </a:cubicBezTo>
                <a:cubicBezTo>
                  <a:pt x="272" y="369"/>
                  <a:pt x="272" y="369"/>
                  <a:pt x="272" y="369"/>
                </a:cubicBezTo>
                <a:cubicBezTo>
                  <a:pt x="274" y="363"/>
                  <a:pt x="274" y="363"/>
                  <a:pt x="274" y="363"/>
                </a:cubicBezTo>
                <a:cubicBezTo>
                  <a:pt x="277" y="353"/>
                  <a:pt x="277" y="350"/>
                  <a:pt x="277" y="348"/>
                </a:cubicBezTo>
                <a:cubicBezTo>
                  <a:pt x="277" y="348"/>
                  <a:pt x="277" y="348"/>
                  <a:pt x="277" y="347"/>
                </a:cubicBezTo>
                <a:cubicBezTo>
                  <a:pt x="277" y="343"/>
                  <a:pt x="277" y="342"/>
                  <a:pt x="266" y="329"/>
                </a:cubicBezTo>
                <a:cubicBezTo>
                  <a:pt x="248" y="306"/>
                  <a:pt x="248" y="306"/>
                  <a:pt x="248" y="306"/>
                </a:cubicBezTo>
                <a:cubicBezTo>
                  <a:pt x="222" y="273"/>
                  <a:pt x="222" y="273"/>
                  <a:pt x="222" y="273"/>
                </a:cubicBezTo>
                <a:cubicBezTo>
                  <a:pt x="219" y="270"/>
                  <a:pt x="215" y="268"/>
                  <a:pt x="211" y="268"/>
                </a:cubicBezTo>
                <a:cubicBezTo>
                  <a:pt x="207" y="268"/>
                  <a:pt x="203" y="270"/>
                  <a:pt x="201" y="274"/>
                </a:cubicBezTo>
                <a:cubicBezTo>
                  <a:pt x="159" y="331"/>
                  <a:pt x="112" y="395"/>
                  <a:pt x="97" y="413"/>
                </a:cubicBezTo>
                <a:cubicBezTo>
                  <a:pt x="86" y="408"/>
                  <a:pt x="65" y="397"/>
                  <a:pt x="55" y="390"/>
                </a:cubicBezTo>
                <a:cubicBezTo>
                  <a:pt x="75" y="365"/>
                  <a:pt x="141" y="291"/>
                  <a:pt x="183" y="244"/>
                </a:cubicBezTo>
                <a:cubicBezTo>
                  <a:pt x="185" y="241"/>
                  <a:pt x="186" y="238"/>
                  <a:pt x="186" y="235"/>
                </a:cubicBezTo>
                <a:cubicBezTo>
                  <a:pt x="186" y="232"/>
                  <a:pt x="185" y="229"/>
                  <a:pt x="183" y="226"/>
                </a:cubicBezTo>
                <a:cubicBezTo>
                  <a:pt x="174" y="216"/>
                  <a:pt x="97" y="125"/>
                  <a:pt x="94" y="121"/>
                </a:cubicBezTo>
                <a:cubicBezTo>
                  <a:pt x="89" y="115"/>
                  <a:pt x="81" y="115"/>
                  <a:pt x="72" y="115"/>
                </a:cubicBezTo>
                <a:cubicBezTo>
                  <a:pt x="52" y="114"/>
                  <a:pt x="35" y="112"/>
                  <a:pt x="28" y="94"/>
                </a:cubicBezTo>
                <a:cubicBezTo>
                  <a:pt x="27" y="90"/>
                  <a:pt x="27" y="87"/>
                  <a:pt x="27" y="83"/>
                </a:cubicBezTo>
                <a:cubicBezTo>
                  <a:pt x="27" y="78"/>
                  <a:pt x="28" y="73"/>
                  <a:pt x="28" y="68"/>
                </a:cubicBezTo>
                <a:cubicBezTo>
                  <a:pt x="35" y="81"/>
                  <a:pt x="44" y="92"/>
                  <a:pt x="56" y="94"/>
                </a:cubicBezTo>
                <a:cubicBezTo>
                  <a:pt x="73" y="96"/>
                  <a:pt x="92" y="82"/>
                  <a:pt x="97" y="78"/>
                </a:cubicBezTo>
                <a:cubicBezTo>
                  <a:pt x="105" y="71"/>
                  <a:pt x="109" y="66"/>
                  <a:pt x="109" y="60"/>
                </a:cubicBezTo>
                <a:cubicBezTo>
                  <a:pt x="109" y="59"/>
                  <a:pt x="109" y="59"/>
                  <a:pt x="109" y="59"/>
                </a:cubicBezTo>
                <a:cubicBezTo>
                  <a:pt x="109" y="57"/>
                  <a:pt x="109" y="55"/>
                  <a:pt x="109" y="51"/>
                </a:cubicBezTo>
                <a:cubicBezTo>
                  <a:pt x="109" y="48"/>
                  <a:pt x="108" y="43"/>
                  <a:pt x="108" y="38"/>
                </a:cubicBezTo>
                <a:cubicBezTo>
                  <a:pt x="120" y="45"/>
                  <a:pt x="135" y="56"/>
                  <a:pt x="136" y="63"/>
                </a:cubicBezTo>
                <a:cubicBezTo>
                  <a:pt x="136" y="63"/>
                  <a:pt x="136" y="64"/>
                  <a:pt x="136" y="65"/>
                </a:cubicBezTo>
                <a:cubicBezTo>
                  <a:pt x="136" y="72"/>
                  <a:pt x="131" y="83"/>
                  <a:pt x="128" y="91"/>
                </a:cubicBezTo>
                <a:cubicBezTo>
                  <a:pt x="124" y="98"/>
                  <a:pt x="121" y="104"/>
                  <a:pt x="121" y="109"/>
                </a:cubicBezTo>
                <a:cubicBezTo>
                  <a:pt x="121" y="111"/>
                  <a:pt x="122" y="113"/>
                  <a:pt x="123" y="115"/>
                </a:cubicBezTo>
                <a:cubicBezTo>
                  <a:pt x="124" y="118"/>
                  <a:pt x="125" y="120"/>
                  <a:pt x="127" y="121"/>
                </a:cubicBezTo>
                <a:cubicBezTo>
                  <a:pt x="129" y="123"/>
                  <a:pt x="132" y="128"/>
                  <a:pt x="136" y="133"/>
                </a:cubicBezTo>
                <a:cubicBezTo>
                  <a:pt x="149" y="149"/>
                  <a:pt x="170" y="175"/>
                  <a:pt x="196" y="205"/>
                </a:cubicBezTo>
                <a:cubicBezTo>
                  <a:pt x="199" y="208"/>
                  <a:pt x="203" y="210"/>
                  <a:pt x="207" y="210"/>
                </a:cubicBezTo>
                <a:cubicBezTo>
                  <a:pt x="213" y="210"/>
                  <a:pt x="216" y="206"/>
                  <a:pt x="221" y="201"/>
                </a:cubicBezTo>
                <a:cubicBezTo>
                  <a:pt x="230" y="190"/>
                  <a:pt x="230" y="190"/>
                  <a:pt x="230" y="190"/>
                </a:cubicBezTo>
                <a:cubicBezTo>
                  <a:pt x="286" y="121"/>
                  <a:pt x="286" y="121"/>
                  <a:pt x="286" y="121"/>
                </a:cubicBezTo>
                <a:cubicBezTo>
                  <a:pt x="286" y="121"/>
                  <a:pt x="287" y="120"/>
                  <a:pt x="287" y="120"/>
                </a:cubicBezTo>
                <a:cubicBezTo>
                  <a:pt x="292" y="114"/>
                  <a:pt x="295" y="108"/>
                  <a:pt x="295" y="101"/>
                </a:cubicBezTo>
                <a:cubicBezTo>
                  <a:pt x="295" y="93"/>
                  <a:pt x="291" y="85"/>
                  <a:pt x="283" y="75"/>
                </a:cubicBezTo>
                <a:cubicBezTo>
                  <a:pt x="279" y="70"/>
                  <a:pt x="273" y="69"/>
                  <a:pt x="249" y="68"/>
                </a:cubicBezTo>
                <a:cubicBezTo>
                  <a:pt x="242" y="67"/>
                  <a:pt x="242" y="67"/>
                  <a:pt x="242" y="67"/>
                </a:cubicBezTo>
                <a:cubicBezTo>
                  <a:pt x="240" y="67"/>
                  <a:pt x="236" y="66"/>
                  <a:pt x="229" y="61"/>
                </a:cubicBezTo>
                <a:cubicBezTo>
                  <a:pt x="234" y="52"/>
                  <a:pt x="245" y="37"/>
                  <a:pt x="252" y="31"/>
                </a:cubicBezTo>
                <a:cubicBezTo>
                  <a:pt x="274" y="41"/>
                  <a:pt x="356" y="81"/>
                  <a:pt x="373" y="95"/>
                </a:cubicBezTo>
                <a:cubicBezTo>
                  <a:pt x="389" y="108"/>
                  <a:pt x="406" y="147"/>
                  <a:pt x="406" y="158"/>
                </a:cubicBezTo>
                <a:cubicBezTo>
                  <a:pt x="406" y="158"/>
                  <a:pt x="406" y="158"/>
                  <a:pt x="406" y="158"/>
                </a:cubicBezTo>
                <a:cubicBezTo>
                  <a:pt x="404" y="161"/>
                  <a:pt x="403" y="163"/>
                  <a:pt x="403" y="166"/>
                </a:cubicBezTo>
                <a:cubicBezTo>
                  <a:pt x="403" y="169"/>
                  <a:pt x="404" y="172"/>
                  <a:pt x="406" y="174"/>
                </a:cubicBezTo>
                <a:cubicBezTo>
                  <a:pt x="411" y="180"/>
                  <a:pt x="419" y="181"/>
                  <a:pt x="425" y="176"/>
                </a:cubicBezTo>
                <a:cubicBezTo>
                  <a:pt x="428" y="174"/>
                  <a:pt x="432" y="168"/>
                  <a:pt x="432" y="159"/>
                </a:cubicBezTo>
                <a:cubicBezTo>
                  <a:pt x="432" y="136"/>
                  <a:pt x="410" y="91"/>
                  <a:pt x="390" y="75"/>
                </a:cubicBezTo>
                <a:cubicBezTo>
                  <a:pt x="368" y="56"/>
                  <a:pt x="264" y="7"/>
                  <a:pt x="255" y="4"/>
                </a:cubicBezTo>
                <a:cubicBezTo>
                  <a:pt x="245" y="0"/>
                  <a:pt x="236" y="8"/>
                  <a:pt x="228" y="1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" name="Freeform 280"/>
          <p:cNvSpPr>
            <a:spLocks noEditPoints="1"/>
          </p:cNvSpPr>
          <p:nvPr userDrawn="1"/>
        </p:nvSpPr>
        <p:spPr bwMode="auto">
          <a:xfrm>
            <a:off x="2546083" y="1762823"/>
            <a:ext cx="519113" cy="482600"/>
          </a:xfrm>
          <a:custGeom>
            <a:avLst/>
            <a:gdLst/>
            <a:ahLst/>
            <a:cxnLst>
              <a:cxn ang="0">
                <a:pos x="183" y="15"/>
              </a:cxn>
              <a:cxn ang="0">
                <a:pos x="122" y="174"/>
              </a:cxn>
              <a:cxn ang="0">
                <a:pos x="122" y="182"/>
              </a:cxn>
              <a:cxn ang="0">
                <a:pos x="80" y="200"/>
              </a:cxn>
              <a:cxn ang="0">
                <a:pos x="15" y="261"/>
              </a:cxn>
              <a:cxn ang="0">
                <a:pos x="14" y="267"/>
              </a:cxn>
              <a:cxn ang="0">
                <a:pos x="22" y="279"/>
              </a:cxn>
              <a:cxn ang="0">
                <a:pos x="39" y="272"/>
              </a:cxn>
              <a:cxn ang="0">
                <a:pos x="123" y="210"/>
              </a:cxn>
              <a:cxn ang="0">
                <a:pos x="124" y="216"/>
              </a:cxn>
              <a:cxn ang="0">
                <a:pos x="200" y="360"/>
              </a:cxn>
              <a:cxn ang="0">
                <a:pos x="201" y="361"/>
              </a:cxn>
              <a:cxn ang="0">
                <a:pos x="154" y="383"/>
              </a:cxn>
              <a:cxn ang="0">
                <a:pos x="28" y="328"/>
              </a:cxn>
              <a:cxn ang="0">
                <a:pos x="12" y="319"/>
              </a:cxn>
              <a:cxn ang="0">
                <a:pos x="2" y="335"/>
              </a:cxn>
              <a:cxn ang="0">
                <a:pos x="33" y="382"/>
              </a:cxn>
              <a:cxn ang="0">
                <a:pos x="159" y="409"/>
              </a:cxn>
              <a:cxn ang="0">
                <a:pos x="224" y="377"/>
              </a:cxn>
              <a:cxn ang="0">
                <a:pos x="297" y="411"/>
              </a:cxn>
              <a:cxn ang="0">
                <a:pos x="297" y="410"/>
              </a:cxn>
              <a:cxn ang="0">
                <a:pos x="448" y="372"/>
              </a:cxn>
              <a:cxn ang="0">
                <a:pos x="461" y="330"/>
              </a:cxn>
              <a:cxn ang="0">
                <a:pos x="426" y="252"/>
              </a:cxn>
              <a:cxn ang="0">
                <a:pos x="327" y="181"/>
              </a:cxn>
              <a:cxn ang="0">
                <a:pos x="328" y="167"/>
              </a:cxn>
              <a:cxn ang="0">
                <a:pos x="317" y="94"/>
              </a:cxn>
              <a:cxn ang="0">
                <a:pos x="266" y="20"/>
              </a:cxn>
              <a:cxn ang="0">
                <a:pos x="183" y="15"/>
              </a:cxn>
              <a:cxn ang="0">
                <a:pos x="196" y="38"/>
              </a:cxn>
              <a:cxn ang="0">
                <a:pos x="251" y="42"/>
              </a:cxn>
              <a:cxn ang="0">
                <a:pos x="301" y="167"/>
              </a:cxn>
              <a:cxn ang="0">
                <a:pos x="301" y="172"/>
              </a:cxn>
              <a:cxn ang="0">
                <a:pos x="188" y="166"/>
              </a:cxn>
              <a:cxn ang="0">
                <a:pos x="148" y="174"/>
              </a:cxn>
              <a:cxn ang="0">
                <a:pos x="196" y="38"/>
              </a:cxn>
              <a:cxn ang="0">
                <a:pos x="191" y="192"/>
              </a:cxn>
              <a:cxn ang="0">
                <a:pos x="299" y="199"/>
              </a:cxn>
              <a:cxn ang="0">
                <a:pos x="297" y="213"/>
              </a:cxn>
              <a:cxn ang="0">
                <a:pos x="224" y="345"/>
              </a:cxn>
              <a:cxn ang="0">
                <a:pos x="217" y="339"/>
              </a:cxn>
              <a:cxn ang="0">
                <a:pos x="150" y="214"/>
              </a:cxn>
              <a:cxn ang="0">
                <a:pos x="149" y="201"/>
              </a:cxn>
              <a:cxn ang="0">
                <a:pos x="191" y="192"/>
              </a:cxn>
              <a:cxn ang="0">
                <a:pos x="323" y="217"/>
              </a:cxn>
              <a:cxn ang="0">
                <a:pos x="325" y="208"/>
              </a:cxn>
              <a:cxn ang="0">
                <a:pos x="405" y="269"/>
              </a:cxn>
              <a:cxn ang="0">
                <a:pos x="405" y="269"/>
              </a:cxn>
              <a:cxn ang="0">
                <a:pos x="434" y="330"/>
              </a:cxn>
              <a:cxn ang="0">
                <a:pos x="426" y="357"/>
              </a:cxn>
              <a:cxn ang="0">
                <a:pos x="305" y="385"/>
              </a:cxn>
              <a:cxn ang="0">
                <a:pos x="304" y="385"/>
              </a:cxn>
              <a:cxn ang="0">
                <a:pos x="246" y="360"/>
              </a:cxn>
              <a:cxn ang="0">
                <a:pos x="323" y="217"/>
              </a:cxn>
              <a:cxn ang="0">
                <a:pos x="426" y="252"/>
              </a:cxn>
              <a:cxn ang="0">
                <a:pos x="426" y="252"/>
              </a:cxn>
              <a:cxn ang="0">
                <a:pos x="426" y="252"/>
              </a:cxn>
              <a:cxn ang="0">
                <a:pos x="426" y="252"/>
              </a:cxn>
              <a:cxn ang="0">
                <a:pos x="159" y="409"/>
              </a:cxn>
              <a:cxn ang="0">
                <a:pos x="159" y="409"/>
              </a:cxn>
              <a:cxn ang="0">
                <a:pos x="159" y="409"/>
              </a:cxn>
              <a:cxn ang="0">
                <a:pos x="159" y="409"/>
              </a:cxn>
            </a:cxnLst>
            <a:rect l="0" t="0" r="r" b="b"/>
            <a:pathLst>
              <a:path w="461" h="429">
                <a:moveTo>
                  <a:pt x="183" y="15"/>
                </a:moveTo>
                <a:cubicBezTo>
                  <a:pt x="143" y="38"/>
                  <a:pt x="122" y="95"/>
                  <a:pt x="122" y="174"/>
                </a:cubicBezTo>
                <a:cubicBezTo>
                  <a:pt x="122" y="177"/>
                  <a:pt x="122" y="179"/>
                  <a:pt x="122" y="182"/>
                </a:cubicBezTo>
                <a:cubicBezTo>
                  <a:pt x="107" y="187"/>
                  <a:pt x="93" y="193"/>
                  <a:pt x="80" y="200"/>
                </a:cubicBezTo>
                <a:cubicBezTo>
                  <a:pt x="48" y="217"/>
                  <a:pt x="25" y="239"/>
                  <a:pt x="15" y="261"/>
                </a:cubicBezTo>
                <a:cubicBezTo>
                  <a:pt x="14" y="263"/>
                  <a:pt x="14" y="265"/>
                  <a:pt x="14" y="267"/>
                </a:cubicBezTo>
                <a:cubicBezTo>
                  <a:pt x="14" y="272"/>
                  <a:pt x="17" y="276"/>
                  <a:pt x="22" y="279"/>
                </a:cubicBezTo>
                <a:cubicBezTo>
                  <a:pt x="28" y="282"/>
                  <a:pt x="36" y="279"/>
                  <a:pt x="39" y="272"/>
                </a:cubicBezTo>
                <a:cubicBezTo>
                  <a:pt x="50" y="248"/>
                  <a:pt x="82" y="225"/>
                  <a:pt x="123" y="210"/>
                </a:cubicBezTo>
                <a:cubicBezTo>
                  <a:pt x="123" y="212"/>
                  <a:pt x="123" y="214"/>
                  <a:pt x="124" y="216"/>
                </a:cubicBezTo>
                <a:cubicBezTo>
                  <a:pt x="128" y="274"/>
                  <a:pt x="154" y="322"/>
                  <a:pt x="200" y="360"/>
                </a:cubicBezTo>
                <a:cubicBezTo>
                  <a:pt x="200" y="360"/>
                  <a:pt x="201" y="360"/>
                  <a:pt x="201" y="361"/>
                </a:cubicBezTo>
                <a:cubicBezTo>
                  <a:pt x="175" y="377"/>
                  <a:pt x="155" y="382"/>
                  <a:pt x="154" y="383"/>
                </a:cubicBezTo>
                <a:cubicBezTo>
                  <a:pt x="51" y="402"/>
                  <a:pt x="29" y="331"/>
                  <a:pt x="28" y="328"/>
                </a:cubicBezTo>
                <a:cubicBezTo>
                  <a:pt x="26" y="321"/>
                  <a:pt x="19" y="317"/>
                  <a:pt x="12" y="319"/>
                </a:cubicBezTo>
                <a:cubicBezTo>
                  <a:pt x="5" y="321"/>
                  <a:pt x="0" y="328"/>
                  <a:pt x="2" y="335"/>
                </a:cubicBezTo>
                <a:cubicBezTo>
                  <a:pt x="3" y="336"/>
                  <a:pt x="10" y="361"/>
                  <a:pt x="33" y="382"/>
                </a:cubicBezTo>
                <a:cubicBezTo>
                  <a:pt x="54" y="401"/>
                  <a:pt x="93" y="421"/>
                  <a:pt x="159" y="409"/>
                </a:cubicBezTo>
                <a:cubicBezTo>
                  <a:pt x="164" y="408"/>
                  <a:pt x="192" y="399"/>
                  <a:pt x="224" y="377"/>
                </a:cubicBezTo>
                <a:cubicBezTo>
                  <a:pt x="257" y="398"/>
                  <a:pt x="287" y="408"/>
                  <a:pt x="297" y="411"/>
                </a:cubicBezTo>
                <a:cubicBezTo>
                  <a:pt x="297" y="411"/>
                  <a:pt x="297" y="410"/>
                  <a:pt x="297" y="410"/>
                </a:cubicBezTo>
                <a:cubicBezTo>
                  <a:pt x="355" y="429"/>
                  <a:pt x="422" y="412"/>
                  <a:pt x="448" y="372"/>
                </a:cubicBezTo>
                <a:cubicBezTo>
                  <a:pt x="454" y="362"/>
                  <a:pt x="461" y="348"/>
                  <a:pt x="461" y="330"/>
                </a:cubicBezTo>
                <a:cubicBezTo>
                  <a:pt x="461" y="309"/>
                  <a:pt x="453" y="283"/>
                  <a:pt x="426" y="252"/>
                </a:cubicBezTo>
                <a:cubicBezTo>
                  <a:pt x="399" y="219"/>
                  <a:pt x="366" y="196"/>
                  <a:pt x="327" y="181"/>
                </a:cubicBezTo>
                <a:cubicBezTo>
                  <a:pt x="327" y="176"/>
                  <a:pt x="328" y="172"/>
                  <a:pt x="328" y="167"/>
                </a:cubicBezTo>
                <a:cubicBezTo>
                  <a:pt x="328" y="141"/>
                  <a:pt x="324" y="116"/>
                  <a:pt x="317" y="94"/>
                </a:cubicBezTo>
                <a:cubicBezTo>
                  <a:pt x="306" y="62"/>
                  <a:pt x="288" y="35"/>
                  <a:pt x="266" y="20"/>
                </a:cubicBezTo>
                <a:cubicBezTo>
                  <a:pt x="239" y="1"/>
                  <a:pt x="209" y="0"/>
                  <a:pt x="183" y="15"/>
                </a:cubicBezTo>
                <a:close/>
                <a:moveTo>
                  <a:pt x="196" y="38"/>
                </a:moveTo>
                <a:cubicBezTo>
                  <a:pt x="213" y="28"/>
                  <a:pt x="232" y="29"/>
                  <a:pt x="251" y="42"/>
                </a:cubicBezTo>
                <a:cubicBezTo>
                  <a:pt x="276" y="59"/>
                  <a:pt x="301" y="101"/>
                  <a:pt x="301" y="167"/>
                </a:cubicBezTo>
                <a:cubicBezTo>
                  <a:pt x="301" y="168"/>
                  <a:pt x="301" y="170"/>
                  <a:pt x="301" y="172"/>
                </a:cubicBezTo>
                <a:cubicBezTo>
                  <a:pt x="266" y="163"/>
                  <a:pt x="227" y="161"/>
                  <a:pt x="188" y="166"/>
                </a:cubicBezTo>
                <a:cubicBezTo>
                  <a:pt x="175" y="168"/>
                  <a:pt x="161" y="170"/>
                  <a:pt x="148" y="174"/>
                </a:cubicBezTo>
                <a:cubicBezTo>
                  <a:pt x="148" y="105"/>
                  <a:pt x="165" y="56"/>
                  <a:pt x="196" y="38"/>
                </a:cubicBezTo>
                <a:close/>
                <a:moveTo>
                  <a:pt x="191" y="192"/>
                </a:moveTo>
                <a:cubicBezTo>
                  <a:pt x="229" y="188"/>
                  <a:pt x="266" y="190"/>
                  <a:pt x="299" y="199"/>
                </a:cubicBezTo>
                <a:cubicBezTo>
                  <a:pt x="298" y="204"/>
                  <a:pt x="298" y="208"/>
                  <a:pt x="297" y="213"/>
                </a:cubicBezTo>
                <a:cubicBezTo>
                  <a:pt x="287" y="278"/>
                  <a:pt x="255" y="319"/>
                  <a:pt x="224" y="345"/>
                </a:cubicBezTo>
                <a:cubicBezTo>
                  <a:pt x="221" y="343"/>
                  <a:pt x="219" y="341"/>
                  <a:pt x="217" y="339"/>
                </a:cubicBezTo>
                <a:cubicBezTo>
                  <a:pt x="177" y="306"/>
                  <a:pt x="154" y="264"/>
                  <a:pt x="150" y="214"/>
                </a:cubicBezTo>
                <a:cubicBezTo>
                  <a:pt x="150" y="209"/>
                  <a:pt x="150" y="205"/>
                  <a:pt x="149" y="201"/>
                </a:cubicBezTo>
                <a:cubicBezTo>
                  <a:pt x="163" y="197"/>
                  <a:pt x="177" y="194"/>
                  <a:pt x="191" y="192"/>
                </a:cubicBezTo>
                <a:close/>
                <a:moveTo>
                  <a:pt x="323" y="217"/>
                </a:moveTo>
                <a:cubicBezTo>
                  <a:pt x="324" y="214"/>
                  <a:pt x="324" y="211"/>
                  <a:pt x="325" y="208"/>
                </a:cubicBezTo>
                <a:cubicBezTo>
                  <a:pt x="356" y="222"/>
                  <a:pt x="383" y="242"/>
                  <a:pt x="405" y="269"/>
                </a:cubicBezTo>
                <a:cubicBezTo>
                  <a:pt x="405" y="269"/>
                  <a:pt x="405" y="269"/>
                  <a:pt x="405" y="269"/>
                </a:cubicBezTo>
                <a:cubicBezTo>
                  <a:pt x="424" y="291"/>
                  <a:pt x="434" y="312"/>
                  <a:pt x="434" y="330"/>
                </a:cubicBezTo>
                <a:cubicBezTo>
                  <a:pt x="434" y="340"/>
                  <a:pt x="431" y="349"/>
                  <a:pt x="426" y="357"/>
                </a:cubicBezTo>
                <a:cubicBezTo>
                  <a:pt x="406" y="387"/>
                  <a:pt x="352" y="400"/>
                  <a:pt x="305" y="385"/>
                </a:cubicBezTo>
                <a:cubicBezTo>
                  <a:pt x="305" y="385"/>
                  <a:pt x="305" y="385"/>
                  <a:pt x="304" y="385"/>
                </a:cubicBezTo>
                <a:cubicBezTo>
                  <a:pt x="296" y="383"/>
                  <a:pt x="273" y="375"/>
                  <a:pt x="246" y="360"/>
                </a:cubicBezTo>
                <a:cubicBezTo>
                  <a:pt x="277" y="332"/>
                  <a:pt x="312" y="287"/>
                  <a:pt x="323" y="217"/>
                </a:cubicBezTo>
                <a:close/>
                <a:moveTo>
                  <a:pt x="426" y="252"/>
                </a:moveTo>
                <a:cubicBezTo>
                  <a:pt x="426" y="252"/>
                  <a:pt x="426" y="252"/>
                  <a:pt x="426" y="252"/>
                </a:cubicBezTo>
                <a:cubicBezTo>
                  <a:pt x="426" y="252"/>
                  <a:pt x="426" y="252"/>
                  <a:pt x="426" y="252"/>
                </a:cubicBezTo>
                <a:cubicBezTo>
                  <a:pt x="426" y="252"/>
                  <a:pt x="426" y="252"/>
                  <a:pt x="426" y="252"/>
                </a:cubicBezTo>
                <a:close/>
                <a:moveTo>
                  <a:pt x="159" y="409"/>
                </a:moveTo>
                <a:cubicBezTo>
                  <a:pt x="159" y="409"/>
                  <a:pt x="159" y="409"/>
                  <a:pt x="159" y="409"/>
                </a:cubicBezTo>
                <a:cubicBezTo>
                  <a:pt x="159" y="409"/>
                  <a:pt x="159" y="409"/>
                  <a:pt x="159" y="409"/>
                </a:cubicBezTo>
                <a:cubicBezTo>
                  <a:pt x="159" y="409"/>
                  <a:pt x="159" y="409"/>
                  <a:pt x="159" y="40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" name="Freeform 316"/>
          <p:cNvSpPr>
            <a:spLocks/>
          </p:cNvSpPr>
          <p:nvPr userDrawn="1"/>
        </p:nvSpPr>
        <p:spPr bwMode="auto">
          <a:xfrm>
            <a:off x="2542114" y="5070678"/>
            <a:ext cx="527050" cy="504825"/>
          </a:xfrm>
          <a:custGeom>
            <a:avLst/>
            <a:gdLst/>
            <a:ahLst/>
            <a:cxnLst>
              <a:cxn ang="0">
                <a:pos x="233" y="0"/>
              </a:cxn>
              <a:cxn ang="0">
                <a:pos x="208" y="19"/>
              </a:cxn>
              <a:cxn ang="0">
                <a:pos x="153" y="130"/>
              </a:cxn>
              <a:cxn ang="0">
                <a:pos x="146" y="135"/>
              </a:cxn>
              <a:cxn ang="0">
                <a:pos x="106" y="141"/>
              </a:cxn>
              <a:cxn ang="0">
                <a:pos x="25" y="153"/>
              </a:cxn>
              <a:cxn ang="0">
                <a:pos x="3" y="170"/>
              </a:cxn>
              <a:cxn ang="0">
                <a:pos x="13" y="202"/>
              </a:cxn>
              <a:cxn ang="0">
                <a:pos x="52" y="239"/>
              </a:cxn>
              <a:cxn ang="0">
                <a:pos x="82" y="268"/>
              </a:cxn>
              <a:cxn ang="0">
                <a:pos x="100" y="268"/>
              </a:cxn>
              <a:cxn ang="0">
                <a:pos x="104" y="259"/>
              </a:cxn>
              <a:cxn ang="0">
                <a:pos x="100" y="249"/>
              </a:cxn>
              <a:cxn ang="0">
                <a:pos x="70" y="220"/>
              </a:cxn>
              <a:cxn ang="0">
                <a:pos x="32" y="183"/>
              </a:cxn>
              <a:cxn ang="0">
                <a:pos x="29" y="179"/>
              </a:cxn>
              <a:cxn ang="0">
                <a:pos x="110" y="167"/>
              </a:cxn>
              <a:cxn ang="0">
                <a:pos x="150" y="161"/>
              </a:cxn>
              <a:cxn ang="0">
                <a:pos x="177" y="142"/>
              </a:cxn>
              <a:cxn ang="0">
                <a:pos x="232" y="31"/>
              </a:cxn>
              <a:cxn ang="0">
                <a:pos x="233" y="29"/>
              </a:cxn>
              <a:cxn ang="0">
                <a:pos x="234" y="31"/>
              </a:cxn>
              <a:cxn ang="0">
                <a:pos x="289" y="143"/>
              </a:cxn>
              <a:cxn ang="0">
                <a:pos x="314" y="161"/>
              </a:cxn>
              <a:cxn ang="0">
                <a:pos x="435" y="178"/>
              </a:cxn>
              <a:cxn ang="0">
                <a:pos x="437" y="179"/>
              </a:cxn>
              <a:cxn ang="0">
                <a:pos x="435" y="181"/>
              </a:cxn>
              <a:cxn ang="0">
                <a:pos x="347" y="268"/>
              </a:cxn>
              <a:cxn ang="0">
                <a:pos x="338" y="290"/>
              </a:cxn>
              <a:cxn ang="0">
                <a:pos x="339" y="294"/>
              </a:cxn>
              <a:cxn ang="0">
                <a:pos x="360" y="415"/>
              </a:cxn>
              <a:cxn ang="0">
                <a:pos x="360" y="417"/>
              </a:cxn>
              <a:cxn ang="0">
                <a:pos x="359" y="420"/>
              </a:cxn>
              <a:cxn ang="0">
                <a:pos x="355" y="418"/>
              </a:cxn>
              <a:cxn ang="0">
                <a:pos x="249" y="363"/>
              </a:cxn>
              <a:cxn ang="0">
                <a:pos x="217" y="363"/>
              </a:cxn>
              <a:cxn ang="0">
                <a:pos x="110" y="418"/>
              </a:cxn>
              <a:cxn ang="0">
                <a:pos x="105" y="420"/>
              </a:cxn>
              <a:cxn ang="0">
                <a:pos x="105" y="420"/>
              </a:cxn>
              <a:cxn ang="0">
                <a:pos x="106" y="417"/>
              </a:cxn>
              <a:cxn ang="0">
                <a:pos x="122" y="324"/>
              </a:cxn>
              <a:cxn ang="0">
                <a:pos x="122" y="322"/>
              </a:cxn>
              <a:cxn ang="0">
                <a:pos x="111" y="309"/>
              </a:cxn>
              <a:cxn ang="0">
                <a:pos x="96" y="320"/>
              </a:cxn>
              <a:cxn ang="0">
                <a:pos x="79" y="412"/>
              </a:cxn>
              <a:cxn ang="0">
                <a:pos x="88" y="442"/>
              </a:cxn>
              <a:cxn ang="0">
                <a:pos x="122" y="443"/>
              </a:cxn>
              <a:cxn ang="0">
                <a:pos x="229" y="387"/>
              </a:cxn>
              <a:cxn ang="0">
                <a:pos x="237" y="387"/>
              </a:cxn>
              <a:cxn ang="0">
                <a:pos x="344" y="443"/>
              </a:cxn>
              <a:cxn ang="0">
                <a:pos x="376" y="441"/>
              </a:cxn>
              <a:cxn ang="0">
                <a:pos x="386" y="410"/>
              </a:cxn>
              <a:cxn ang="0">
                <a:pos x="365" y="290"/>
              </a:cxn>
              <a:cxn ang="0">
                <a:pos x="366" y="287"/>
              </a:cxn>
              <a:cxn ang="0">
                <a:pos x="454" y="200"/>
              </a:cxn>
              <a:cxn ang="0">
                <a:pos x="463" y="170"/>
              </a:cxn>
              <a:cxn ang="0">
                <a:pos x="438" y="152"/>
              </a:cxn>
              <a:cxn ang="0">
                <a:pos x="318" y="134"/>
              </a:cxn>
              <a:cxn ang="0">
                <a:pos x="313" y="131"/>
              </a:cxn>
              <a:cxn ang="0">
                <a:pos x="258" y="19"/>
              </a:cxn>
              <a:cxn ang="0">
                <a:pos x="233" y="0"/>
              </a:cxn>
            </a:cxnLst>
            <a:rect l="0" t="0" r="r" b="b"/>
            <a:pathLst>
              <a:path w="467" h="448">
                <a:moveTo>
                  <a:pt x="233" y="0"/>
                </a:moveTo>
                <a:cubicBezTo>
                  <a:pt x="227" y="0"/>
                  <a:pt x="216" y="3"/>
                  <a:pt x="208" y="19"/>
                </a:cubicBezTo>
                <a:cubicBezTo>
                  <a:pt x="208" y="19"/>
                  <a:pt x="153" y="130"/>
                  <a:pt x="153" y="130"/>
                </a:cubicBezTo>
                <a:cubicBezTo>
                  <a:pt x="152" y="132"/>
                  <a:pt x="149" y="134"/>
                  <a:pt x="146" y="135"/>
                </a:cubicBezTo>
                <a:cubicBezTo>
                  <a:pt x="146" y="135"/>
                  <a:pt x="106" y="141"/>
                  <a:pt x="106" y="141"/>
                </a:cubicBezTo>
                <a:cubicBezTo>
                  <a:pt x="25" y="153"/>
                  <a:pt x="25" y="153"/>
                  <a:pt x="25" y="153"/>
                </a:cubicBezTo>
                <a:cubicBezTo>
                  <a:pt x="14" y="155"/>
                  <a:pt x="6" y="161"/>
                  <a:pt x="3" y="170"/>
                </a:cubicBezTo>
                <a:cubicBezTo>
                  <a:pt x="0" y="180"/>
                  <a:pt x="4" y="192"/>
                  <a:pt x="13" y="202"/>
                </a:cubicBezTo>
                <a:cubicBezTo>
                  <a:pt x="19" y="207"/>
                  <a:pt x="35" y="223"/>
                  <a:pt x="52" y="239"/>
                </a:cubicBezTo>
                <a:cubicBezTo>
                  <a:pt x="82" y="268"/>
                  <a:pt x="82" y="268"/>
                  <a:pt x="82" y="268"/>
                </a:cubicBezTo>
                <a:cubicBezTo>
                  <a:pt x="87" y="274"/>
                  <a:pt x="95" y="274"/>
                  <a:pt x="100" y="268"/>
                </a:cubicBezTo>
                <a:cubicBezTo>
                  <a:pt x="103" y="266"/>
                  <a:pt x="104" y="262"/>
                  <a:pt x="104" y="259"/>
                </a:cubicBezTo>
                <a:cubicBezTo>
                  <a:pt x="104" y="255"/>
                  <a:pt x="103" y="252"/>
                  <a:pt x="100" y="249"/>
                </a:cubicBezTo>
                <a:cubicBezTo>
                  <a:pt x="70" y="220"/>
                  <a:pt x="70" y="220"/>
                  <a:pt x="70" y="220"/>
                </a:cubicBezTo>
                <a:cubicBezTo>
                  <a:pt x="53" y="204"/>
                  <a:pt x="38" y="188"/>
                  <a:pt x="32" y="183"/>
                </a:cubicBezTo>
                <a:cubicBezTo>
                  <a:pt x="31" y="181"/>
                  <a:pt x="30" y="180"/>
                  <a:pt x="29" y="179"/>
                </a:cubicBezTo>
                <a:cubicBezTo>
                  <a:pt x="29" y="179"/>
                  <a:pt x="110" y="167"/>
                  <a:pt x="110" y="167"/>
                </a:cubicBezTo>
                <a:cubicBezTo>
                  <a:pt x="150" y="161"/>
                  <a:pt x="150" y="161"/>
                  <a:pt x="150" y="161"/>
                </a:cubicBezTo>
                <a:cubicBezTo>
                  <a:pt x="162" y="159"/>
                  <a:pt x="172" y="152"/>
                  <a:pt x="177" y="142"/>
                </a:cubicBezTo>
                <a:cubicBezTo>
                  <a:pt x="232" y="31"/>
                  <a:pt x="232" y="31"/>
                  <a:pt x="232" y="31"/>
                </a:cubicBezTo>
                <a:cubicBezTo>
                  <a:pt x="232" y="30"/>
                  <a:pt x="232" y="29"/>
                  <a:pt x="233" y="29"/>
                </a:cubicBezTo>
                <a:cubicBezTo>
                  <a:pt x="233" y="29"/>
                  <a:pt x="234" y="30"/>
                  <a:pt x="234" y="31"/>
                </a:cubicBezTo>
                <a:cubicBezTo>
                  <a:pt x="243" y="48"/>
                  <a:pt x="284" y="133"/>
                  <a:pt x="289" y="143"/>
                </a:cubicBezTo>
                <a:cubicBezTo>
                  <a:pt x="294" y="152"/>
                  <a:pt x="303" y="159"/>
                  <a:pt x="314" y="161"/>
                </a:cubicBezTo>
                <a:cubicBezTo>
                  <a:pt x="382" y="171"/>
                  <a:pt x="423" y="177"/>
                  <a:pt x="435" y="178"/>
                </a:cubicBezTo>
                <a:cubicBezTo>
                  <a:pt x="436" y="179"/>
                  <a:pt x="437" y="179"/>
                  <a:pt x="437" y="179"/>
                </a:cubicBezTo>
                <a:cubicBezTo>
                  <a:pt x="437" y="180"/>
                  <a:pt x="436" y="180"/>
                  <a:pt x="435" y="181"/>
                </a:cubicBezTo>
                <a:cubicBezTo>
                  <a:pt x="429" y="188"/>
                  <a:pt x="399" y="217"/>
                  <a:pt x="347" y="268"/>
                </a:cubicBezTo>
                <a:cubicBezTo>
                  <a:pt x="341" y="274"/>
                  <a:pt x="338" y="282"/>
                  <a:pt x="338" y="290"/>
                </a:cubicBezTo>
                <a:cubicBezTo>
                  <a:pt x="338" y="291"/>
                  <a:pt x="338" y="293"/>
                  <a:pt x="339" y="294"/>
                </a:cubicBezTo>
                <a:cubicBezTo>
                  <a:pt x="339" y="294"/>
                  <a:pt x="360" y="415"/>
                  <a:pt x="360" y="415"/>
                </a:cubicBezTo>
                <a:cubicBezTo>
                  <a:pt x="360" y="416"/>
                  <a:pt x="360" y="417"/>
                  <a:pt x="360" y="417"/>
                </a:cubicBezTo>
                <a:cubicBezTo>
                  <a:pt x="360" y="419"/>
                  <a:pt x="360" y="419"/>
                  <a:pt x="359" y="420"/>
                </a:cubicBezTo>
                <a:cubicBezTo>
                  <a:pt x="359" y="420"/>
                  <a:pt x="357" y="419"/>
                  <a:pt x="355" y="418"/>
                </a:cubicBezTo>
                <a:cubicBezTo>
                  <a:pt x="346" y="414"/>
                  <a:pt x="309" y="395"/>
                  <a:pt x="249" y="363"/>
                </a:cubicBezTo>
                <a:cubicBezTo>
                  <a:pt x="239" y="358"/>
                  <a:pt x="227" y="358"/>
                  <a:pt x="217" y="363"/>
                </a:cubicBezTo>
                <a:cubicBezTo>
                  <a:pt x="157" y="395"/>
                  <a:pt x="117" y="415"/>
                  <a:pt x="110" y="418"/>
                </a:cubicBezTo>
                <a:cubicBezTo>
                  <a:pt x="108" y="419"/>
                  <a:pt x="106" y="420"/>
                  <a:pt x="105" y="420"/>
                </a:cubicBezTo>
                <a:cubicBezTo>
                  <a:pt x="105" y="420"/>
                  <a:pt x="105" y="420"/>
                  <a:pt x="105" y="420"/>
                </a:cubicBezTo>
                <a:cubicBezTo>
                  <a:pt x="105" y="419"/>
                  <a:pt x="105" y="418"/>
                  <a:pt x="106" y="417"/>
                </a:cubicBezTo>
                <a:cubicBezTo>
                  <a:pt x="122" y="324"/>
                  <a:pt x="122" y="324"/>
                  <a:pt x="122" y="324"/>
                </a:cubicBezTo>
                <a:cubicBezTo>
                  <a:pt x="122" y="323"/>
                  <a:pt x="122" y="323"/>
                  <a:pt x="122" y="322"/>
                </a:cubicBezTo>
                <a:cubicBezTo>
                  <a:pt x="122" y="315"/>
                  <a:pt x="117" y="310"/>
                  <a:pt x="111" y="309"/>
                </a:cubicBezTo>
                <a:cubicBezTo>
                  <a:pt x="104" y="307"/>
                  <a:pt x="97" y="312"/>
                  <a:pt x="96" y="320"/>
                </a:cubicBezTo>
                <a:cubicBezTo>
                  <a:pt x="79" y="412"/>
                  <a:pt x="79" y="412"/>
                  <a:pt x="79" y="412"/>
                </a:cubicBezTo>
                <a:cubicBezTo>
                  <a:pt x="76" y="429"/>
                  <a:pt x="84" y="438"/>
                  <a:pt x="88" y="442"/>
                </a:cubicBezTo>
                <a:cubicBezTo>
                  <a:pt x="97" y="448"/>
                  <a:pt x="109" y="448"/>
                  <a:pt x="122" y="443"/>
                </a:cubicBezTo>
                <a:cubicBezTo>
                  <a:pt x="131" y="438"/>
                  <a:pt x="193" y="406"/>
                  <a:pt x="229" y="387"/>
                </a:cubicBezTo>
                <a:cubicBezTo>
                  <a:pt x="231" y="385"/>
                  <a:pt x="234" y="385"/>
                  <a:pt x="237" y="387"/>
                </a:cubicBezTo>
                <a:cubicBezTo>
                  <a:pt x="279" y="409"/>
                  <a:pt x="332" y="437"/>
                  <a:pt x="344" y="443"/>
                </a:cubicBezTo>
                <a:cubicBezTo>
                  <a:pt x="356" y="448"/>
                  <a:pt x="367" y="447"/>
                  <a:pt x="376" y="441"/>
                </a:cubicBezTo>
                <a:cubicBezTo>
                  <a:pt x="384" y="435"/>
                  <a:pt x="388" y="423"/>
                  <a:pt x="386" y="410"/>
                </a:cubicBezTo>
                <a:cubicBezTo>
                  <a:pt x="386" y="410"/>
                  <a:pt x="365" y="290"/>
                  <a:pt x="365" y="290"/>
                </a:cubicBezTo>
                <a:cubicBezTo>
                  <a:pt x="365" y="289"/>
                  <a:pt x="365" y="288"/>
                  <a:pt x="366" y="287"/>
                </a:cubicBezTo>
                <a:cubicBezTo>
                  <a:pt x="418" y="236"/>
                  <a:pt x="448" y="207"/>
                  <a:pt x="454" y="200"/>
                </a:cubicBezTo>
                <a:cubicBezTo>
                  <a:pt x="463" y="191"/>
                  <a:pt x="467" y="180"/>
                  <a:pt x="463" y="170"/>
                </a:cubicBezTo>
                <a:cubicBezTo>
                  <a:pt x="460" y="160"/>
                  <a:pt x="451" y="154"/>
                  <a:pt x="438" y="152"/>
                </a:cubicBezTo>
                <a:cubicBezTo>
                  <a:pt x="430" y="151"/>
                  <a:pt x="403" y="147"/>
                  <a:pt x="318" y="134"/>
                </a:cubicBezTo>
                <a:cubicBezTo>
                  <a:pt x="316" y="134"/>
                  <a:pt x="314" y="133"/>
                  <a:pt x="313" y="131"/>
                </a:cubicBezTo>
                <a:cubicBezTo>
                  <a:pt x="308" y="121"/>
                  <a:pt x="267" y="37"/>
                  <a:pt x="258" y="19"/>
                </a:cubicBezTo>
                <a:cubicBezTo>
                  <a:pt x="249" y="2"/>
                  <a:pt x="238" y="0"/>
                  <a:pt x="233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" name="Freeform 341"/>
          <p:cNvSpPr>
            <a:spLocks/>
          </p:cNvSpPr>
          <p:nvPr userDrawn="1"/>
        </p:nvSpPr>
        <p:spPr bwMode="auto">
          <a:xfrm>
            <a:off x="2548464" y="3718379"/>
            <a:ext cx="514350" cy="436563"/>
          </a:xfrm>
          <a:custGeom>
            <a:avLst/>
            <a:gdLst/>
            <a:ahLst/>
            <a:cxnLst>
              <a:cxn ang="0">
                <a:pos x="228" y="14"/>
              </a:cxn>
              <a:cxn ang="0">
                <a:pos x="124" y="0"/>
              </a:cxn>
              <a:cxn ang="0">
                <a:pos x="0" y="54"/>
              </a:cxn>
              <a:cxn ang="0">
                <a:pos x="1" y="56"/>
              </a:cxn>
              <a:cxn ang="0">
                <a:pos x="14" y="160"/>
              </a:cxn>
              <a:cxn ang="0">
                <a:pos x="1" y="265"/>
              </a:cxn>
              <a:cxn ang="0">
                <a:pos x="16" y="373"/>
              </a:cxn>
              <a:cxn ang="0">
                <a:pos x="124" y="388"/>
              </a:cxn>
              <a:cxn ang="0">
                <a:pos x="228" y="375"/>
              </a:cxn>
              <a:cxn ang="0">
                <a:pos x="333" y="388"/>
              </a:cxn>
              <a:cxn ang="0">
                <a:pos x="456" y="335"/>
              </a:cxn>
              <a:cxn ang="0">
                <a:pos x="443" y="230"/>
              </a:cxn>
              <a:cxn ang="0">
                <a:pos x="456" y="126"/>
              </a:cxn>
              <a:cxn ang="0">
                <a:pos x="429" y="9"/>
              </a:cxn>
              <a:cxn ang="0">
                <a:pos x="411" y="27"/>
              </a:cxn>
              <a:cxn ang="0">
                <a:pos x="429" y="56"/>
              </a:cxn>
              <a:cxn ang="0">
                <a:pos x="409" y="91"/>
              </a:cxn>
              <a:cxn ang="0">
                <a:pos x="416" y="149"/>
              </a:cxn>
              <a:cxn ang="0">
                <a:pos x="416" y="172"/>
              </a:cxn>
              <a:cxn ang="0">
                <a:pos x="409" y="230"/>
              </a:cxn>
              <a:cxn ang="0">
                <a:pos x="429" y="265"/>
              </a:cxn>
              <a:cxn ang="0">
                <a:pos x="411" y="294"/>
              </a:cxn>
              <a:cxn ang="0">
                <a:pos x="418" y="312"/>
              </a:cxn>
              <a:cxn ang="0">
                <a:pos x="379" y="348"/>
              </a:cxn>
              <a:cxn ang="0">
                <a:pos x="333" y="361"/>
              </a:cxn>
              <a:cxn ang="0">
                <a:pos x="286" y="348"/>
              </a:cxn>
              <a:cxn ang="0">
                <a:pos x="228" y="341"/>
              </a:cxn>
              <a:cxn ang="0">
                <a:pos x="170" y="348"/>
              </a:cxn>
              <a:cxn ang="0">
                <a:pos x="124" y="361"/>
              </a:cxn>
              <a:cxn ang="0">
                <a:pos x="95" y="343"/>
              </a:cxn>
              <a:cxn ang="0">
                <a:pos x="54" y="362"/>
              </a:cxn>
              <a:cxn ang="0">
                <a:pos x="41" y="311"/>
              </a:cxn>
              <a:cxn ang="0">
                <a:pos x="41" y="288"/>
              </a:cxn>
              <a:cxn ang="0">
                <a:pos x="47" y="230"/>
              </a:cxn>
              <a:cxn ang="0">
                <a:pos x="27" y="195"/>
              </a:cxn>
              <a:cxn ang="0">
                <a:pos x="47" y="160"/>
              </a:cxn>
              <a:cxn ang="0">
                <a:pos x="41" y="102"/>
              </a:cxn>
              <a:cxn ang="0">
                <a:pos x="41" y="79"/>
              </a:cxn>
              <a:cxn ang="0">
                <a:pos x="27" y="54"/>
              </a:cxn>
              <a:cxn ang="0">
                <a:pos x="89" y="47"/>
              </a:cxn>
              <a:cxn ang="0">
                <a:pos x="147" y="41"/>
              </a:cxn>
              <a:cxn ang="0">
                <a:pos x="194" y="27"/>
              </a:cxn>
              <a:cxn ang="0">
                <a:pos x="240" y="41"/>
              </a:cxn>
              <a:cxn ang="0">
                <a:pos x="298" y="47"/>
              </a:cxn>
              <a:cxn ang="0">
                <a:pos x="347" y="14"/>
              </a:cxn>
            </a:cxnLst>
            <a:rect l="0" t="0" r="r" b="b"/>
            <a:pathLst>
              <a:path w="456" h="388">
                <a:moveTo>
                  <a:pt x="298" y="14"/>
                </a:moveTo>
                <a:cubicBezTo>
                  <a:pt x="289" y="5"/>
                  <a:pt x="276" y="0"/>
                  <a:pt x="263" y="0"/>
                </a:cubicBezTo>
                <a:cubicBezTo>
                  <a:pt x="250" y="0"/>
                  <a:pt x="238" y="5"/>
                  <a:pt x="228" y="14"/>
                </a:cubicBezTo>
                <a:cubicBezTo>
                  <a:pt x="219" y="5"/>
                  <a:pt x="207" y="0"/>
                  <a:pt x="194" y="0"/>
                </a:cubicBezTo>
                <a:cubicBezTo>
                  <a:pt x="181" y="0"/>
                  <a:pt x="168" y="5"/>
                  <a:pt x="159" y="14"/>
                </a:cubicBezTo>
                <a:cubicBezTo>
                  <a:pt x="149" y="5"/>
                  <a:pt x="137" y="0"/>
                  <a:pt x="124" y="0"/>
                </a:cubicBezTo>
                <a:cubicBezTo>
                  <a:pt x="111" y="0"/>
                  <a:pt x="98" y="5"/>
                  <a:pt x="89" y="14"/>
                </a:cubicBezTo>
                <a:cubicBezTo>
                  <a:pt x="79" y="5"/>
                  <a:pt x="67" y="0"/>
                  <a:pt x="54" y="0"/>
                </a:cubicBezTo>
                <a:cubicBezTo>
                  <a:pt x="24" y="0"/>
                  <a:pt x="0" y="24"/>
                  <a:pt x="0" y="54"/>
                </a:cubicBezTo>
                <a:cubicBezTo>
                  <a:pt x="0" y="54"/>
                  <a:pt x="0" y="55"/>
                  <a:pt x="0" y="55"/>
                </a:cubicBezTo>
                <a:cubicBezTo>
                  <a:pt x="1" y="57"/>
                  <a:pt x="1" y="57"/>
                  <a:pt x="1" y="57"/>
                </a:cubicBezTo>
                <a:cubicBezTo>
                  <a:pt x="1" y="57"/>
                  <a:pt x="1" y="56"/>
                  <a:pt x="1" y="56"/>
                </a:cubicBezTo>
                <a:cubicBezTo>
                  <a:pt x="1" y="69"/>
                  <a:pt x="5" y="81"/>
                  <a:pt x="14" y="90"/>
                </a:cubicBezTo>
                <a:cubicBezTo>
                  <a:pt x="5" y="100"/>
                  <a:pt x="1" y="112"/>
                  <a:pt x="1" y="125"/>
                </a:cubicBezTo>
                <a:cubicBezTo>
                  <a:pt x="1" y="138"/>
                  <a:pt x="5" y="151"/>
                  <a:pt x="14" y="160"/>
                </a:cubicBezTo>
                <a:cubicBezTo>
                  <a:pt x="5" y="170"/>
                  <a:pt x="1" y="182"/>
                  <a:pt x="1" y="195"/>
                </a:cubicBezTo>
                <a:cubicBezTo>
                  <a:pt x="1" y="208"/>
                  <a:pt x="5" y="220"/>
                  <a:pt x="14" y="230"/>
                </a:cubicBezTo>
                <a:cubicBezTo>
                  <a:pt x="5" y="240"/>
                  <a:pt x="1" y="252"/>
                  <a:pt x="1" y="265"/>
                </a:cubicBezTo>
                <a:cubicBezTo>
                  <a:pt x="1" y="278"/>
                  <a:pt x="5" y="290"/>
                  <a:pt x="14" y="300"/>
                </a:cubicBezTo>
                <a:cubicBezTo>
                  <a:pt x="5" y="309"/>
                  <a:pt x="1" y="322"/>
                  <a:pt x="1" y="335"/>
                </a:cubicBezTo>
                <a:cubicBezTo>
                  <a:pt x="1" y="349"/>
                  <a:pt x="6" y="362"/>
                  <a:pt x="16" y="373"/>
                </a:cubicBezTo>
                <a:cubicBezTo>
                  <a:pt x="26" y="383"/>
                  <a:pt x="40" y="388"/>
                  <a:pt x="54" y="388"/>
                </a:cubicBezTo>
                <a:cubicBezTo>
                  <a:pt x="67" y="388"/>
                  <a:pt x="79" y="383"/>
                  <a:pt x="89" y="375"/>
                </a:cubicBezTo>
                <a:cubicBezTo>
                  <a:pt x="99" y="383"/>
                  <a:pt x="111" y="388"/>
                  <a:pt x="124" y="388"/>
                </a:cubicBezTo>
                <a:cubicBezTo>
                  <a:pt x="137" y="388"/>
                  <a:pt x="149" y="383"/>
                  <a:pt x="158" y="375"/>
                </a:cubicBezTo>
                <a:cubicBezTo>
                  <a:pt x="168" y="383"/>
                  <a:pt x="180" y="388"/>
                  <a:pt x="193" y="388"/>
                </a:cubicBezTo>
                <a:cubicBezTo>
                  <a:pt x="206" y="388"/>
                  <a:pt x="219" y="383"/>
                  <a:pt x="228" y="375"/>
                </a:cubicBezTo>
                <a:cubicBezTo>
                  <a:pt x="238" y="383"/>
                  <a:pt x="250" y="388"/>
                  <a:pt x="263" y="388"/>
                </a:cubicBezTo>
                <a:cubicBezTo>
                  <a:pt x="276" y="388"/>
                  <a:pt x="288" y="383"/>
                  <a:pt x="298" y="375"/>
                </a:cubicBezTo>
                <a:cubicBezTo>
                  <a:pt x="308" y="383"/>
                  <a:pt x="320" y="388"/>
                  <a:pt x="333" y="388"/>
                </a:cubicBezTo>
                <a:cubicBezTo>
                  <a:pt x="346" y="388"/>
                  <a:pt x="358" y="383"/>
                  <a:pt x="368" y="375"/>
                </a:cubicBezTo>
                <a:cubicBezTo>
                  <a:pt x="377" y="383"/>
                  <a:pt x="390" y="388"/>
                  <a:pt x="403" y="388"/>
                </a:cubicBezTo>
                <a:cubicBezTo>
                  <a:pt x="432" y="388"/>
                  <a:pt x="456" y="364"/>
                  <a:pt x="456" y="335"/>
                </a:cubicBezTo>
                <a:cubicBezTo>
                  <a:pt x="456" y="322"/>
                  <a:pt x="451" y="309"/>
                  <a:pt x="443" y="300"/>
                </a:cubicBezTo>
                <a:cubicBezTo>
                  <a:pt x="451" y="290"/>
                  <a:pt x="456" y="278"/>
                  <a:pt x="456" y="265"/>
                </a:cubicBezTo>
                <a:cubicBezTo>
                  <a:pt x="456" y="252"/>
                  <a:pt x="451" y="240"/>
                  <a:pt x="443" y="230"/>
                </a:cubicBezTo>
                <a:cubicBezTo>
                  <a:pt x="451" y="221"/>
                  <a:pt x="456" y="208"/>
                  <a:pt x="456" y="195"/>
                </a:cubicBezTo>
                <a:cubicBezTo>
                  <a:pt x="456" y="182"/>
                  <a:pt x="451" y="170"/>
                  <a:pt x="443" y="161"/>
                </a:cubicBezTo>
                <a:cubicBezTo>
                  <a:pt x="451" y="151"/>
                  <a:pt x="456" y="139"/>
                  <a:pt x="456" y="126"/>
                </a:cubicBezTo>
                <a:cubicBezTo>
                  <a:pt x="456" y="113"/>
                  <a:pt x="451" y="100"/>
                  <a:pt x="443" y="91"/>
                </a:cubicBezTo>
                <a:cubicBezTo>
                  <a:pt x="451" y="81"/>
                  <a:pt x="456" y="69"/>
                  <a:pt x="456" y="56"/>
                </a:cubicBezTo>
                <a:cubicBezTo>
                  <a:pt x="456" y="37"/>
                  <a:pt x="446" y="19"/>
                  <a:pt x="429" y="9"/>
                </a:cubicBezTo>
                <a:cubicBezTo>
                  <a:pt x="424" y="6"/>
                  <a:pt x="418" y="7"/>
                  <a:pt x="413" y="11"/>
                </a:cubicBezTo>
                <a:cubicBezTo>
                  <a:pt x="411" y="14"/>
                  <a:pt x="409" y="17"/>
                  <a:pt x="409" y="21"/>
                </a:cubicBezTo>
                <a:cubicBezTo>
                  <a:pt x="409" y="23"/>
                  <a:pt x="410" y="25"/>
                  <a:pt x="411" y="27"/>
                </a:cubicBezTo>
                <a:cubicBezTo>
                  <a:pt x="411" y="28"/>
                  <a:pt x="411" y="28"/>
                  <a:pt x="411" y="28"/>
                </a:cubicBezTo>
                <a:cubicBezTo>
                  <a:pt x="412" y="30"/>
                  <a:pt x="415" y="32"/>
                  <a:pt x="417" y="33"/>
                </a:cubicBezTo>
                <a:cubicBezTo>
                  <a:pt x="425" y="38"/>
                  <a:pt x="429" y="47"/>
                  <a:pt x="429" y="56"/>
                </a:cubicBezTo>
                <a:cubicBezTo>
                  <a:pt x="429" y="65"/>
                  <a:pt x="424" y="74"/>
                  <a:pt x="416" y="79"/>
                </a:cubicBezTo>
                <a:cubicBezTo>
                  <a:pt x="412" y="81"/>
                  <a:pt x="409" y="86"/>
                  <a:pt x="409" y="91"/>
                </a:cubicBezTo>
                <a:cubicBezTo>
                  <a:pt x="409" y="91"/>
                  <a:pt x="409" y="91"/>
                  <a:pt x="409" y="91"/>
                </a:cubicBezTo>
                <a:cubicBezTo>
                  <a:pt x="409" y="95"/>
                  <a:pt x="412" y="100"/>
                  <a:pt x="416" y="102"/>
                </a:cubicBezTo>
                <a:cubicBezTo>
                  <a:pt x="424" y="107"/>
                  <a:pt x="429" y="116"/>
                  <a:pt x="429" y="126"/>
                </a:cubicBezTo>
                <a:cubicBezTo>
                  <a:pt x="429" y="135"/>
                  <a:pt x="424" y="144"/>
                  <a:pt x="416" y="149"/>
                </a:cubicBezTo>
                <a:cubicBezTo>
                  <a:pt x="412" y="151"/>
                  <a:pt x="409" y="156"/>
                  <a:pt x="409" y="161"/>
                </a:cubicBezTo>
                <a:cubicBezTo>
                  <a:pt x="409" y="161"/>
                  <a:pt x="409" y="161"/>
                  <a:pt x="409" y="161"/>
                </a:cubicBezTo>
                <a:cubicBezTo>
                  <a:pt x="409" y="165"/>
                  <a:pt x="412" y="170"/>
                  <a:pt x="416" y="172"/>
                </a:cubicBezTo>
                <a:cubicBezTo>
                  <a:pt x="424" y="177"/>
                  <a:pt x="429" y="186"/>
                  <a:pt x="429" y="195"/>
                </a:cubicBezTo>
                <a:cubicBezTo>
                  <a:pt x="429" y="205"/>
                  <a:pt x="424" y="214"/>
                  <a:pt x="416" y="219"/>
                </a:cubicBezTo>
                <a:cubicBezTo>
                  <a:pt x="412" y="221"/>
                  <a:pt x="409" y="225"/>
                  <a:pt x="409" y="230"/>
                </a:cubicBezTo>
                <a:cubicBezTo>
                  <a:pt x="409" y="230"/>
                  <a:pt x="409" y="230"/>
                  <a:pt x="409" y="230"/>
                </a:cubicBezTo>
                <a:cubicBezTo>
                  <a:pt x="409" y="235"/>
                  <a:pt x="412" y="239"/>
                  <a:pt x="416" y="242"/>
                </a:cubicBezTo>
                <a:cubicBezTo>
                  <a:pt x="424" y="247"/>
                  <a:pt x="429" y="256"/>
                  <a:pt x="429" y="265"/>
                </a:cubicBezTo>
                <a:cubicBezTo>
                  <a:pt x="429" y="274"/>
                  <a:pt x="425" y="283"/>
                  <a:pt x="417" y="288"/>
                </a:cubicBezTo>
                <a:cubicBezTo>
                  <a:pt x="414" y="289"/>
                  <a:pt x="412" y="291"/>
                  <a:pt x="411" y="294"/>
                </a:cubicBezTo>
                <a:cubicBezTo>
                  <a:pt x="411" y="294"/>
                  <a:pt x="411" y="294"/>
                  <a:pt x="411" y="294"/>
                </a:cubicBezTo>
                <a:cubicBezTo>
                  <a:pt x="410" y="296"/>
                  <a:pt x="409" y="298"/>
                  <a:pt x="409" y="300"/>
                </a:cubicBezTo>
                <a:cubicBezTo>
                  <a:pt x="409" y="304"/>
                  <a:pt x="411" y="307"/>
                  <a:pt x="413" y="310"/>
                </a:cubicBezTo>
                <a:cubicBezTo>
                  <a:pt x="415" y="311"/>
                  <a:pt x="416" y="312"/>
                  <a:pt x="418" y="312"/>
                </a:cubicBezTo>
                <a:cubicBezTo>
                  <a:pt x="425" y="317"/>
                  <a:pt x="430" y="326"/>
                  <a:pt x="430" y="335"/>
                </a:cubicBezTo>
                <a:cubicBezTo>
                  <a:pt x="430" y="349"/>
                  <a:pt x="418" y="361"/>
                  <a:pt x="403" y="361"/>
                </a:cubicBezTo>
                <a:cubicBezTo>
                  <a:pt x="393" y="361"/>
                  <a:pt x="384" y="356"/>
                  <a:pt x="379" y="348"/>
                </a:cubicBezTo>
                <a:cubicBezTo>
                  <a:pt x="377" y="344"/>
                  <a:pt x="373" y="341"/>
                  <a:pt x="368" y="341"/>
                </a:cubicBezTo>
                <a:cubicBezTo>
                  <a:pt x="363" y="341"/>
                  <a:pt x="359" y="344"/>
                  <a:pt x="356" y="348"/>
                </a:cubicBezTo>
                <a:cubicBezTo>
                  <a:pt x="351" y="356"/>
                  <a:pt x="342" y="361"/>
                  <a:pt x="333" y="361"/>
                </a:cubicBezTo>
                <a:cubicBezTo>
                  <a:pt x="323" y="361"/>
                  <a:pt x="314" y="356"/>
                  <a:pt x="310" y="348"/>
                </a:cubicBezTo>
                <a:cubicBezTo>
                  <a:pt x="307" y="344"/>
                  <a:pt x="303" y="341"/>
                  <a:pt x="298" y="341"/>
                </a:cubicBezTo>
                <a:cubicBezTo>
                  <a:pt x="293" y="341"/>
                  <a:pt x="289" y="344"/>
                  <a:pt x="286" y="348"/>
                </a:cubicBezTo>
                <a:cubicBezTo>
                  <a:pt x="282" y="356"/>
                  <a:pt x="273" y="361"/>
                  <a:pt x="263" y="361"/>
                </a:cubicBezTo>
                <a:cubicBezTo>
                  <a:pt x="254" y="361"/>
                  <a:pt x="245" y="356"/>
                  <a:pt x="240" y="348"/>
                </a:cubicBezTo>
                <a:cubicBezTo>
                  <a:pt x="237" y="344"/>
                  <a:pt x="233" y="341"/>
                  <a:pt x="228" y="341"/>
                </a:cubicBezTo>
                <a:cubicBezTo>
                  <a:pt x="223" y="341"/>
                  <a:pt x="219" y="344"/>
                  <a:pt x="217" y="348"/>
                </a:cubicBezTo>
                <a:cubicBezTo>
                  <a:pt x="212" y="356"/>
                  <a:pt x="203" y="361"/>
                  <a:pt x="193" y="361"/>
                </a:cubicBezTo>
                <a:cubicBezTo>
                  <a:pt x="184" y="361"/>
                  <a:pt x="175" y="356"/>
                  <a:pt x="170" y="348"/>
                </a:cubicBezTo>
                <a:cubicBezTo>
                  <a:pt x="168" y="344"/>
                  <a:pt x="163" y="341"/>
                  <a:pt x="158" y="341"/>
                </a:cubicBezTo>
                <a:cubicBezTo>
                  <a:pt x="154" y="341"/>
                  <a:pt x="149" y="344"/>
                  <a:pt x="147" y="348"/>
                </a:cubicBezTo>
                <a:cubicBezTo>
                  <a:pt x="142" y="356"/>
                  <a:pt x="133" y="361"/>
                  <a:pt x="124" y="361"/>
                </a:cubicBezTo>
                <a:cubicBezTo>
                  <a:pt x="114" y="361"/>
                  <a:pt x="106" y="357"/>
                  <a:pt x="101" y="349"/>
                </a:cubicBezTo>
                <a:cubicBezTo>
                  <a:pt x="100" y="347"/>
                  <a:pt x="98" y="344"/>
                  <a:pt x="95" y="343"/>
                </a:cubicBezTo>
                <a:cubicBezTo>
                  <a:pt x="95" y="343"/>
                  <a:pt x="95" y="343"/>
                  <a:pt x="95" y="343"/>
                </a:cubicBezTo>
                <a:cubicBezTo>
                  <a:pt x="90" y="340"/>
                  <a:pt x="83" y="341"/>
                  <a:pt x="79" y="345"/>
                </a:cubicBezTo>
                <a:cubicBezTo>
                  <a:pt x="78" y="347"/>
                  <a:pt x="77" y="348"/>
                  <a:pt x="76" y="350"/>
                </a:cubicBezTo>
                <a:cubicBezTo>
                  <a:pt x="71" y="357"/>
                  <a:pt x="63" y="362"/>
                  <a:pt x="54" y="362"/>
                </a:cubicBezTo>
                <a:cubicBezTo>
                  <a:pt x="47" y="362"/>
                  <a:pt x="40" y="359"/>
                  <a:pt x="35" y="354"/>
                </a:cubicBezTo>
                <a:cubicBezTo>
                  <a:pt x="30" y="349"/>
                  <a:pt x="27" y="342"/>
                  <a:pt x="27" y="335"/>
                </a:cubicBezTo>
                <a:cubicBezTo>
                  <a:pt x="27" y="325"/>
                  <a:pt x="32" y="316"/>
                  <a:pt x="41" y="311"/>
                </a:cubicBezTo>
                <a:cubicBezTo>
                  <a:pt x="45" y="309"/>
                  <a:pt x="47" y="305"/>
                  <a:pt x="47" y="300"/>
                </a:cubicBezTo>
                <a:cubicBezTo>
                  <a:pt x="47" y="300"/>
                  <a:pt x="47" y="300"/>
                  <a:pt x="47" y="300"/>
                </a:cubicBezTo>
                <a:cubicBezTo>
                  <a:pt x="47" y="295"/>
                  <a:pt x="45" y="291"/>
                  <a:pt x="41" y="288"/>
                </a:cubicBezTo>
                <a:cubicBezTo>
                  <a:pt x="32" y="283"/>
                  <a:pt x="27" y="275"/>
                  <a:pt x="27" y="265"/>
                </a:cubicBezTo>
                <a:cubicBezTo>
                  <a:pt x="27" y="255"/>
                  <a:pt x="32" y="246"/>
                  <a:pt x="41" y="242"/>
                </a:cubicBezTo>
                <a:cubicBezTo>
                  <a:pt x="45" y="239"/>
                  <a:pt x="47" y="235"/>
                  <a:pt x="47" y="230"/>
                </a:cubicBezTo>
                <a:cubicBezTo>
                  <a:pt x="47" y="230"/>
                  <a:pt x="47" y="230"/>
                  <a:pt x="47" y="230"/>
                </a:cubicBezTo>
                <a:cubicBezTo>
                  <a:pt x="47" y="225"/>
                  <a:pt x="45" y="221"/>
                  <a:pt x="41" y="218"/>
                </a:cubicBezTo>
                <a:cubicBezTo>
                  <a:pt x="32" y="214"/>
                  <a:pt x="27" y="205"/>
                  <a:pt x="27" y="195"/>
                </a:cubicBezTo>
                <a:cubicBezTo>
                  <a:pt x="27" y="186"/>
                  <a:pt x="32" y="177"/>
                  <a:pt x="41" y="172"/>
                </a:cubicBezTo>
                <a:cubicBezTo>
                  <a:pt x="45" y="169"/>
                  <a:pt x="47" y="165"/>
                  <a:pt x="47" y="160"/>
                </a:cubicBezTo>
                <a:cubicBezTo>
                  <a:pt x="47" y="160"/>
                  <a:pt x="47" y="160"/>
                  <a:pt x="47" y="160"/>
                </a:cubicBezTo>
                <a:cubicBezTo>
                  <a:pt x="47" y="155"/>
                  <a:pt x="45" y="151"/>
                  <a:pt x="41" y="149"/>
                </a:cubicBezTo>
                <a:cubicBezTo>
                  <a:pt x="32" y="144"/>
                  <a:pt x="27" y="135"/>
                  <a:pt x="27" y="125"/>
                </a:cubicBezTo>
                <a:cubicBezTo>
                  <a:pt x="27" y="116"/>
                  <a:pt x="32" y="107"/>
                  <a:pt x="41" y="102"/>
                </a:cubicBezTo>
                <a:cubicBezTo>
                  <a:pt x="45" y="100"/>
                  <a:pt x="47" y="95"/>
                  <a:pt x="47" y="91"/>
                </a:cubicBezTo>
                <a:cubicBezTo>
                  <a:pt x="47" y="91"/>
                  <a:pt x="47" y="90"/>
                  <a:pt x="47" y="90"/>
                </a:cubicBezTo>
                <a:cubicBezTo>
                  <a:pt x="47" y="86"/>
                  <a:pt x="45" y="81"/>
                  <a:pt x="41" y="79"/>
                </a:cubicBezTo>
                <a:cubicBezTo>
                  <a:pt x="32" y="74"/>
                  <a:pt x="27" y="65"/>
                  <a:pt x="27" y="56"/>
                </a:cubicBezTo>
                <a:cubicBezTo>
                  <a:pt x="27" y="55"/>
                  <a:pt x="27" y="55"/>
                  <a:pt x="27" y="54"/>
                </a:cubicBezTo>
                <a:cubicBezTo>
                  <a:pt x="27" y="54"/>
                  <a:pt x="27" y="54"/>
                  <a:pt x="27" y="54"/>
                </a:cubicBezTo>
                <a:cubicBezTo>
                  <a:pt x="27" y="39"/>
                  <a:pt x="39" y="27"/>
                  <a:pt x="54" y="27"/>
                </a:cubicBezTo>
                <a:cubicBezTo>
                  <a:pt x="64" y="27"/>
                  <a:pt x="72" y="32"/>
                  <a:pt x="77" y="41"/>
                </a:cubicBezTo>
                <a:cubicBezTo>
                  <a:pt x="80" y="45"/>
                  <a:pt x="84" y="47"/>
                  <a:pt x="89" y="47"/>
                </a:cubicBezTo>
                <a:cubicBezTo>
                  <a:pt x="94" y="47"/>
                  <a:pt x="98" y="45"/>
                  <a:pt x="100" y="41"/>
                </a:cubicBezTo>
                <a:cubicBezTo>
                  <a:pt x="105" y="32"/>
                  <a:pt x="114" y="27"/>
                  <a:pt x="124" y="27"/>
                </a:cubicBezTo>
                <a:cubicBezTo>
                  <a:pt x="133" y="27"/>
                  <a:pt x="142" y="32"/>
                  <a:pt x="147" y="41"/>
                </a:cubicBezTo>
                <a:cubicBezTo>
                  <a:pt x="149" y="45"/>
                  <a:pt x="154" y="47"/>
                  <a:pt x="159" y="47"/>
                </a:cubicBezTo>
                <a:cubicBezTo>
                  <a:pt x="163" y="47"/>
                  <a:pt x="168" y="45"/>
                  <a:pt x="170" y="41"/>
                </a:cubicBezTo>
                <a:cubicBezTo>
                  <a:pt x="175" y="32"/>
                  <a:pt x="184" y="27"/>
                  <a:pt x="194" y="27"/>
                </a:cubicBezTo>
                <a:cubicBezTo>
                  <a:pt x="203" y="27"/>
                  <a:pt x="212" y="32"/>
                  <a:pt x="217" y="41"/>
                </a:cubicBezTo>
                <a:cubicBezTo>
                  <a:pt x="219" y="45"/>
                  <a:pt x="224" y="47"/>
                  <a:pt x="228" y="47"/>
                </a:cubicBezTo>
                <a:cubicBezTo>
                  <a:pt x="233" y="47"/>
                  <a:pt x="238" y="45"/>
                  <a:pt x="240" y="41"/>
                </a:cubicBezTo>
                <a:cubicBezTo>
                  <a:pt x="245" y="32"/>
                  <a:pt x="254" y="27"/>
                  <a:pt x="263" y="27"/>
                </a:cubicBezTo>
                <a:cubicBezTo>
                  <a:pt x="273" y="27"/>
                  <a:pt x="282" y="32"/>
                  <a:pt x="287" y="41"/>
                </a:cubicBezTo>
                <a:cubicBezTo>
                  <a:pt x="289" y="45"/>
                  <a:pt x="293" y="47"/>
                  <a:pt x="298" y="47"/>
                </a:cubicBezTo>
                <a:cubicBezTo>
                  <a:pt x="303" y="47"/>
                  <a:pt x="307" y="45"/>
                  <a:pt x="310" y="41"/>
                </a:cubicBezTo>
                <a:cubicBezTo>
                  <a:pt x="315" y="32"/>
                  <a:pt x="324" y="27"/>
                  <a:pt x="333" y="27"/>
                </a:cubicBezTo>
                <a:cubicBezTo>
                  <a:pt x="341" y="27"/>
                  <a:pt x="347" y="21"/>
                  <a:pt x="347" y="14"/>
                </a:cubicBezTo>
                <a:cubicBezTo>
                  <a:pt x="347" y="6"/>
                  <a:pt x="341" y="0"/>
                  <a:pt x="333" y="0"/>
                </a:cubicBezTo>
                <a:cubicBezTo>
                  <a:pt x="320" y="0"/>
                  <a:pt x="308" y="5"/>
                  <a:pt x="298" y="1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6" name="Freeform 155"/>
          <p:cNvSpPr>
            <a:spLocks/>
          </p:cNvSpPr>
          <p:nvPr userDrawn="1"/>
        </p:nvSpPr>
        <p:spPr bwMode="auto">
          <a:xfrm>
            <a:off x="3199295" y="1190231"/>
            <a:ext cx="438150" cy="463550"/>
          </a:xfrm>
          <a:custGeom>
            <a:avLst/>
            <a:gdLst/>
            <a:ahLst/>
            <a:cxnLst>
              <a:cxn ang="0">
                <a:pos x="43" y="292"/>
              </a:cxn>
              <a:cxn ang="0">
                <a:pos x="252" y="292"/>
              </a:cxn>
              <a:cxn ang="0">
                <a:pos x="252" y="241"/>
              </a:cxn>
              <a:cxn ang="0">
                <a:pos x="217" y="241"/>
              </a:cxn>
              <a:cxn ang="0">
                <a:pos x="169" y="195"/>
              </a:cxn>
              <a:cxn ang="0">
                <a:pos x="276" y="195"/>
              </a:cxn>
              <a:cxn ang="0">
                <a:pos x="276" y="0"/>
              </a:cxn>
              <a:cxn ang="0">
                <a:pos x="0" y="0"/>
              </a:cxn>
              <a:cxn ang="0">
                <a:pos x="0" y="191"/>
              </a:cxn>
              <a:cxn ang="0">
                <a:pos x="106" y="191"/>
              </a:cxn>
              <a:cxn ang="0">
                <a:pos x="106" y="244"/>
              </a:cxn>
            </a:cxnLst>
            <a:rect l="0" t="0" r="r" b="b"/>
            <a:pathLst>
              <a:path w="276" h="292">
                <a:moveTo>
                  <a:pt x="43" y="292"/>
                </a:moveTo>
                <a:lnTo>
                  <a:pt x="252" y="292"/>
                </a:lnTo>
                <a:lnTo>
                  <a:pt x="252" y="241"/>
                </a:lnTo>
                <a:lnTo>
                  <a:pt x="217" y="241"/>
                </a:lnTo>
                <a:lnTo>
                  <a:pt x="169" y="195"/>
                </a:lnTo>
                <a:lnTo>
                  <a:pt x="276" y="195"/>
                </a:lnTo>
                <a:lnTo>
                  <a:pt x="276" y="0"/>
                </a:lnTo>
                <a:lnTo>
                  <a:pt x="0" y="0"/>
                </a:lnTo>
                <a:lnTo>
                  <a:pt x="0" y="191"/>
                </a:lnTo>
                <a:lnTo>
                  <a:pt x="106" y="191"/>
                </a:lnTo>
                <a:lnTo>
                  <a:pt x="106" y="244"/>
                </a:ln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7" name="Freeform 238"/>
          <p:cNvSpPr>
            <a:spLocks/>
          </p:cNvSpPr>
          <p:nvPr userDrawn="1"/>
        </p:nvSpPr>
        <p:spPr bwMode="auto">
          <a:xfrm>
            <a:off x="3154845" y="4423062"/>
            <a:ext cx="527050" cy="476249"/>
          </a:xfrm>
          <a:custGeom>
            <a:avLst/>
            <a:gdLst/>
            <a:ahLst/>
            <a:cxnLst>
              <a:cxn ang="0">
                <a:pos x="162" y="286"/>
              </a:cxn>
              <a:cxn ang="0">
                <a:pos x="162" y="268"/>
              </a:cxn>
              <a:cxn ang="0">
                <a:pos x="181" y="48"/>
              </a:cxn>
              <a:cxn ang="0">
                <a:pos x="177" y="118"/>
              </a:cxn>
              <a:cxn ang="0">
                <a:pos x="168" y="122"/>
              </a:cxn>
              <a:cxn ang="0">
                <a:pos x="27" y="122"/>
              </a:cxn>
              <a:cxn ang="0">
                <a:pos x="168" y="171"/>
              </a:cxn>
              <a:cxn ang="0">
                <a:pos x="182" y="184"/>
              </a:cxn>
              <a:cxn ang="0">
                <a:pos x="168" y="198"/>
              </a:cxn>
              <a:cxn ang="0">
                <a:pos x="13" y="198"/>
              </a:cxn>
              <a:cxn ang="0">
                <a:pos x="4" y="194"/>
              </a:cxn>
              <a:cxn ang="0">
                <a:pos x="0" y="184"/>
              </a:cxn>
              <a:cxn ang="0">
                <a:pos x="4" y="100"/>
              </a:cxn>
              <a:cxn ang="0">
                <a:pos x="13" y="96"/>
              </a:cxn>
              <a:cxn ang="0">
                <a:pos x="155" y="96"/>
              </a:cxn>
              <a:cxn ang="0">
                <a:pos x="163" y="2"/>
              </a:cxn>
              <a:cxn ang="0">
                <a:pos x="178" y="6"/>
              </a:cxn>
              <a:cxn ang="0">
                <a:pos x="304" y="138"/>
              </a:cxn>
              <a:cxn ang="0">
                <a:pos x="304" y="156"/>
              </a:cxn>
              <a:cxn ang="0">
                <a:pos x="286" y="376"/>
              </a:cxn>
              <a:cxn ang="0">
                <a:pos x="289" y="305"/>
              </a:cxn>
              <a:cxn ang="0">
                <a:pos x="299" y="301"/>
              </a:cxn>
              <a:cxn ang="0">
                <a:pos x="440" y="301"/>
              </a:cxn>
              <a:cxn ang="0">
                <a:pos x="298" y="252"/>
              </a:cxn>
              <a:cxn ang="0">
                <a:pos x="285" y="239"/>
              </a:cxn>
              <a:cxn ang="0">
                <a:pos x="298" y="226"/>
              </a:cxn>
              <a:cxn ang="0">
                <a:pos x="463" y="229"/>
              </a:cxn>
              <a:cxn ang="0">
                <a:pos x="467" y="239"/>
              </a:cxn>
              <a:cxn ang="0">
                <a:pos x="467" y="314"/>
              </a:cxn>
              <a:cxn ang="0">
                <a:pos x="463" y="324"/>
              </a:cxn>
              <a:cxn ang="0">
                <a:pos x="453" y="328"/>
              </a:cxn>
              <a:cxn ang="0">
                <a:pos x="312" y="409"/>
              </a:cxn>
              <a:cxn ang="0">
                <a:pos x="304" y="421"/>
              </a:cxn>
              <a:cxn ang="0">
                <a:pos x="299" y="422"/>
              </a:cxn>
            </a:cxnLst>
            <a:rect l="0" t="0" r="r" b="b"/>
            <a:pathLst>
              <a:path w="467" h="422">
                <a:moveTo>
                  <a:pt x="289" y="418"/>
                </a:moveTo>
                <a:cubicBezTo>
                  <a:pt x="162" y="286"/>
                  <a:pt x="162" y="286"/>
                  <a:pt x="162" y="286"/>
                </a:cubicBezTo>
                <a:cubicBezTo>
                  <a:pt x="157" y="281"/>
                  <a:pt x="157" y="273"/>
                  <a:pt x="162" y="268"/>
                </a:cubicBezTo>
                <a:cubicBezTo>
                  <a:pt x="162" y="268"/>
                  <a:pt x="162" y="268"/>
                  <a:pt x="162" y="268"/>
                </a:cubicBezTo>
                <a:cubicBezTo>
                  <a:pt x="276" y="147"/>
                  <a:pt x="276" y="147"/>
                  <a:pt x="276" y="147"/>
                </a:cubicBezTo>
                <a:cubicBezTo>
                  <a:pt x="181" y="48"/>
                  <a:pt x="181" y="48"/>
                  <a:pt x="181" y="48"/>
                </a:cubicBezTo>
                <a:cubicBezTo>
                  <a:pt x="181" y="109"/>
                  <a:pt x="181" y="109"/>
                  <a:pt x="181" y="109"/>
                </a:cubicBezTo>
                <a:cubicBezTo>
                  <a:pt x="181" y="113"/>
                  <a:pt x="180" y="116"/>
                  <a:pt x="177" y="118"/>
                </a:cubicBezTo>
                <a:cubicBezTo>
                  <a:pt x="177" y="118"/>
                  <a:pt x="177" y="118"/>
                  <a:pt x="177" y="118"/>
                </a:cubicBezTo>
                <a:cubicBezTo>
                  <a:pt x="175" y="121"/>
                  <a:pt x="171" y="122"/>
                  <a:pt x="168" y="122"/>
                </a:cubicBezTo>
                <a:cubicBezTo>
                  <a:pt x="168" y="122"/>
                  <a:pt x="168" y="122"/>
                  <a:pt x="168" y="122"/>
                </a:cubicBezTo>
                <a:cubicBezTo>
                  <a:pt x="27" y="122"/>
                  <a:pt x="27" y="122"/>
                  <a:pt x="27" y="122"/>
                </a:cubicBezTo>
                <a:cubicBezTo>
                  <a:pt x="27" y="171"/>
                  <a:pt x="27" y="171"/>
                  <a:pt x="27" y="171"/>
                </a:cubicBezTo>
                <a:cubicBezTo>
                  <a:pt x="168" y="171"/>
                  <a:pt x="168" y="171"/>
                  <a:pt x="168" y="171"/>
                </a:cubicBezTo>
                <a:cubicBezTo>
                  <a:pt x="168" y="171"/>
                  <a:pt x="168" y="171"/>
                  <a:pt x="168" y="171"/>
                </a:cubicBezTo>
                <a:cubicBezTo>
                  <a:pt x="176" y="171"/>
                  <a:pt x="182" y="177"/>
                  <a:pt x="182" y="184"/>
                </a:cubicBezTo>
                <a:cubicBezTo>
                  <a:pt x="182" y="184"/>
                  <a:pt x="182" y="184"/>
                  <a:pt x="182" y="184"/>
                </a:cubicBezTo>
                <a:cubicBezTo>
                  <a:pt x="182" y="192"/>
                  <a:pt x="176" y="198"/>
                  <a:pt x="168" y="198"/>
                </a:cubicBezTo>
                <a:cubicBezTo>
                  <a:pt x="168" y="198"/>
                  <a:pt x="168" y="198"/>
                  <a:pt x="168" y="198"/>
                </a:cubicBezTo>
                <a:cubicBezTo>
                  <a:pt x="13" y="198"/>
                  <a:pt x="13" y="198"/>
                  <a:pt x="13" y="198"/>
                </a:cubicBezTo>
                <a:cubicBezTo>
                  <a:pt x="10" y="198"/>
                  <a:pt x="6" y="196"/>
                  <a:pt x="4" y="194"/>
                </a:cubicBezTo>
                <a:cubicBezTo>
                  <a:pt x="4" y="194"/>
                  <a:pt x="4" y="194"/>
                  <a:pt x="4" y="194"/>
                </a:cubicBezTo>
                <a:cubicBezTo>
                  <a:pt x="2" y="191"/>
                  <a:pt x="0" y="188"/>
                  <a:pt x="0" y="184"/>
                </a:cubicBezTo>
                <a:cubicBezTo>
                  <a:pt x="0" y="184"/>
                  <a:pt x="0" y="184"/>
                  <a:pt x="0" y="184"/>
                </a:cubicBezTo>
                <a:cubicBezTo>
                  <a:pt x="0" y="109"/>
                  <a:pt x="0" y="109"/>
                  <a:pt x="0" y="109"/>
                </a:cubicBezTo>
                <a:cubicBezTo>
                  <a:pt x="0" y="106"/>
                  <a:pt x="2" y="102"/>
                  <a:pt x="4" y="100"/>
                </a:cubicBezTo>
                <a:cubicBezTo>
                  <a:pt x="4" y="100"/>
                  <a:pt x="4" y="100"/>
                  <a:pt x="4" y="100"/>
                </a:cubicBezTo>
                <a:cubicBezTo>
                  <a:pt x="6" y="97"/>
                  <a:pt x="10" y="96"/>
                  <a:pt x="13" y="96"/>
                </a:cubicBezTo>
                <a:cubicBezTo>
                  <a:pt x="13" y="96"/>
                  <a:pt x="13" y="96"/>
                  <a:pt x="13" y="96"/>
                </a:cubicBezTo>
                <a:cubicBezTo>
                  <a:pt x="155" y="96"/>
                  <a:pt x="155" y="96"/>
                  <a:pt x="155" y="96"/>
                </a:cubicBezTo>
                <a:cubicBezTo>
                  <a:pt x="155" y="15"/>
                  <a:pt x="155" y="15"/>
                  <a:pt x="155" y="15"/>
                </a:cubicBezTo>
                <a:cubicBezTo>
                  <a:pt x="155" y="9"/>
                  <a:pt x="158" y="4"/>
                  <a:pt x="163" y="2"/>
                </a:cubicBezTo>
                <a:cubicBezTo>
                  <a:pt x="163" y="2"/>
                  <a:pt x="163" y="2"/>
                  <a:pt x="163" y="2"/>
                </a:cubicBezTo>
                <a:cubicBezTo>
                  <a:pt x="168" y="0"/>
                  <a:pt x="174" y="2"/>
                  <a:pt x="178" y="6"/>
                </a:cubicBezTo>
                <a:cubicBezTo>
                  <a:pt x="178" y="6"/>
                  <a:pt x="178" y="6"/>
                  <a:pt x="178" y="6"/>
                </a:cubicBezTo>
                <a:cubicBezTo>
                  <a:pt x="304" y="138"/>
                  <a:pt x="304" y="138"/>
                  <a:pt x="304" y="138"/>
                </a:cubicBezTo>
                <a:cubicBezTo>
                  <a:pt x="309" y="143"/>
                  <a:pt x="309" y="151"/>
                  <a:pt x="304" y="156"/>
                </a:cubicBezTo>
                <a:cubicBezTo>
                  <a:pt x="304" y="156"/>
                  <a:pt x="304" y="156"/>
                  <a:pt x="304" y="156"/>
                </a:cubicBezTo>
                <a:cubicBezTo>
                  <a:pt x="190" y="277"/>
                  <a:pt x="190" y="277"/>
                  <a:pt x="190" y="277"/>
                </a:cubicBezTo>
                <a:cubicBezTo>
                  <a:pt x="286" y="376"/>
                  <a:pt x="286" y="376"/>
                  <a:pt x="286" y="376"/>
                </a:cubicBezTo>
                <a:cubicBezTo>
                  <a:pt x="286" y="314"/>
                  <a:pt x="286" y="314"/>
                  <a:pt x="286" y="314"/>
                </a:cubicBezTo>
                <a:cubicBezTo>
                  <a:pt x="286" y="311"/>
                  <a:pt x="287" y="307"/>
                  <a:pt x="289" y="305"/>
                </a:cubicBezTo>
                <a:cubicBezTo>
                  <a:pt x="289" y="305"/>
                  <a:pt x="289" y="305"/>
                  <a:pt x="289" y="305"/>
                </a:cubicBezTo>
                <a:cubicBezTo>
                  <a:pt x="292" y="302"/>
                  <a:pt x="295" y="301"/>
                  <a:pt x="299" y="301"/>
                </a:cubicBezTo>
                <a:cubicBezTo>
                  <a:pt x="299" y="301"/>
                  <a:pt x="299" y="301"/>
                  <a:pt x="299" y="301"/>
                </a:cubicBezTo>
                <a:cubicBezTo>
                  <a:pt x="440" y="301"/>
                  <a:pt x="440" y="301"/>
                  <a:pt x="440" y="301"/>
                </a:cubicBezTo>
                <a:cubicBezTo>
                  <a:pt x="440" y="252"/>
                  <a:pt x="440" y="252"/>
                  <a:pt x="440" y="252"/>
                </a:cubicBezTo>
                <a:cubicBezTo>
                  <a:pt x="298" y="252"/>
                  <a:pt x="298" y="252"/>
                  <a:pt x="298" y="252"/>
                </a:cubicBezTo>
                <a:cubicBezTo>
                  <a:pt x="291" y="252"/>
                  <a:pt x="285" y="246"/>
                  <a:pt x="285" y="239"/>
                </a:cubicBezTo>
                <a:cubicBezTo>
                  <a:pt x="285" y="239"/>
                  <a:pt x="285" y="239"/>
                  <a:pt x="285" y="239"/>
                </a:cubicBezTo>
                <a:cubicBezTo>
                  <a:pt x="285" y="231"/>
                  <a:pt x="291" y="226"/>
                  <a:pt x="298" y="226"/>
                </a:cubicBezTo>
                <a:cubicBezTo>
                  <a:pt x="298" y="226"/>
                  <a:pt x="298" y="226"/>
                  <a:pt x="298" y="226"/>
                </a:cubicBezTo>
                <a:cubicBezTo>
                  <a:pt x="453" y="226"/>
                  <a:pt x="453" y="226"/>
                  <a:pt x="453" y="226"/>
                </a:cubicBezTo>
                <a:cubicBezTo>
                  <a:pt x="457" y="226"/>
                  <a:pt x="460" y="227"/>
                  <a:pt x="463" y="229"/>
                </a:cubicBezTo>
                <a:cubicBezTo>
                  <a:pt x="463" y="229"/>
                  <a:pt x="463" y="229"/>
                  <a:pt x="463" y="229"/>
                </a:cubicBezTo>
                <a:cubicBezTo>
                  <a:pt x="465" y="232"/>
                  <a:pt x="467" y="235"/>
                  <a:pt x="467" y="239"/>
                </a:cubicBezTo>
                <a:cubicBezTo>
                  <a:pt x="467" y="239"/>
                  <a:pt x="467" y="239"/>
                  <a:pt x="467" y="239"/>
                </a:cubicBezTo>
                <a:cubicBezTo>
                  <a:pt x="467" y="314"/>
                  <a:pt x="467" y="314"/>
                  <a:pt x="467" y="314"/>
                </a:cubicBezTo>
                <a:cubicBezTo>
                  <a:pt x="467" y="318"/>
                  <a:pt x="465" y="321"/>
                  <a:pt x="463" y="324"/>
                </a:cubicBezTo>
                <a:cubicBezTo>
                  <a:pt x="463" y="324"/>
                  <a:pt x="463" y="324"/>
                  <a:pt x="463" y="324"/>
                </a:cubicBezTo>
                <a:cubicBezTo>
                  <a:pt x="460" y="326"/>
                  <a:pt x="457" y="328"/>
                  <a:pt x="453" y="328"/>
                </a:cubicBezTo>
                <a:cubicBezTo>
                  <a:pt x="453" y="328"/>
                  <a:pt x="453" y="328"/>
                  <a:pt x="453" y="328"/>
                </a:cubicBezTo>
                <a:cubicBezTo>
                  <a:pt x="312" y="328"/>
                  <a:pt x="312" y="328"/>
                  <a:pt x="312" y="328"/>
                </a:cubicBezTo>
                <a:cubicBezTo>
                  <a:pt x="312" y="409"/>
                  <a:pt x="312" y="409"/>
                  <a:pt x="312" y="409"/>
                </a:cubicBezTo>
                <a:cubicBezTo>
                  <a:pt x="312" y="414"/>
                  <a:pt x="309" y="419"/>
                  <a:pt x="304" y="421"/>
                </a:cubicBezTo>
                <a:cubicBezTo>
                  <a:pt x="304" y="421"/>
                  <a:pt x="304" y="421"/>
                  <a:pt x="304" y="421"/>
                </a:cubicBezTo>
                <a:cubicBezTo>
                  <a:pt x="302" y="422"/>
                  <a:pt x="301" y="422"/>
                  <a:pt x="299" y="422"/>
                </a:cubicBezTo>
                <a:cubicBezTo>
                  <a:pt x="299" y="422"/>
                  <a:pt x="299" y="422"/>
                  <a:pt x="299" y="422"/>
                </a:cubicBezTo>
                <a:cubicBezTo>
                  <a:pt x="295" y="422"/>
                  <a:pt x="292" y="420"/>
                  <a:pt x="289" y="41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8" name="Freeform 284"/>
          <p:cNvSpPr>
            <a:spLocks/>
          </p:cNvSpPr>
          <p:nvPr userDrawn="1"/>
        </p:nvSpPr>
        <p:spPr bwMode="auto">
          <a:xfrm>
            <a:off x="3262795" y="1795367"/>
            <a:ext cx="311150" cy="417512"/>
          </a:xfrm>
          <a:custGeom>
            <a:avLst/>
            <a:gdLst/>
            <a:ahLst/>
            <a:cxnLst>
              <a:cxn ang="0">
                <a:pos x="8" y="68"/>
              </a:cxn>
              <a:cxn ang="0">
                <a:pos x="0" y="106"/>
              </a:cxn>
              <a:cxn ang="0">
                <a:pos x="57" y="222"/>
              </a:cxn>
              <a:cxn ang="0">
                <a:pos x="67" y="229"/>
              </a:cxn>
              <a:cxn ang="0">
                <a:pos x="67" y="229"/>
              </a:cxn>
              <a:cxn ang="0">
                <a:pos x="67" y="229"/>
              </a:cxn>
              <a:cxn ang="0">
                <a:pos x="85" y="223"/>
              </a:cxn>
              <a:cxn ang="0">
                <a:pos x="80" y="205"/>
              </a:cxn>
              <a:cxn ang="0">
                <a:pos x="59" y="163"/>
              </a:cxn>
              <a:cxn ang="0">
                <a:pos x="73" y="153"/>
              </a:cxn>
              <a:cxn ang="0">
                <a:pos x="89" y="143"/>
              </a:cxn>
              <a:cxn ang="0">
                <a:pos x="79" y="127"/>
              </a:cxn>
              <a:cxn ang="0">
                <a:pos x="35" y="151"/>
              </a:cxn>
              <a:cxn ang="0">
                <a:pos x="26" y="106"/>
              </a:cxn>
              <a:cxn ang="0">
                <a:pos x="31" y="80"/>
              </a:cxn>
              <a:cxn ang="0">
                <a:pos x="155" y="27"/>
              </a:cxn>
              <a:cxn ang="0">
                <a:pos x="241" y="85"/>
              </a:cxn>
              <a:cxn ang="0">
                <a:pos x="243" y="102"/>
              </a:cxn>
              <a:cxn ang="0">
                <a:pos x="234" y="131"/>
              </a:cxn>
              <a:cxn ang="0">
                <a:pos x="230" y="140"/>
              </a:cxn>
              <a:cxn ang="0">
                <a:pos x="246" y="184"/>
              </a:cxn>
              <a:cxn ang="0">
                <a:pos x="247" y="190"/>
              </a:cxn>
              <a:cxn ang="0">
                <a:pos x="239" y="197"/>
              </a:cxn>
              <a:cxn ang="0">
                <a:pos x="230" y="203"/>
              </a:cxn>
              <a:cxn ang="0">
                <a:pos x="226" y="218"/>
              </a:cxn>
              <a:cxn ang="0">
                <a:pos x="228" y="231"/>
              </a:cxn>
              <a:cxn ang="0">
                <a:pos x="224" y="242"/>
              </a:cxn>
              <a:cxn ang="0">
                <a:pos x="224" y="244"/>
              </a:cxn>
              <a:cxn ang="0">
                <a:pos x="227" y="255"/>
              </a:cxn>
              <a:cxn ang="0">
                <a:pos x="219" y="273"/>
              </a:cxn>
              <a:cxn ang="0">
                <a:pos x="197" y="286"/>
              </a:cxn>
              <a:cxn ang="0">
                <a:pos x="150" y="294"/>
              </a:cxn>
              <a:cxn ang="0">
                <a:pos x="131" y="336"/>
              </a:cxn>
              <a:cxn ang="0">
                <a:pos x="40" y="292"/>
              </a:cxn>
              <a:cxn ang="0">
                <a:pos x="22" y="298"/>
              </a:cxn>
              <a:cxn ang="0">
                <a:pos x="28" y="315"/>
              </a:cxn>
              <a:cxn ang="0">
                <a:pos x="135" y="367"/>
              </a:cxn>
              <a:cxn ang="0">
                <a:pos x="147" y="367"/>
              </a:cxn>
              <a:cxn ang="0">
                <a:pos x="154" y="357"/>
              </a:cxn>
              <a:cxn ang="0">
                <a:pos x="165" y="316"/>
              </a:cxn>
              <a:cxn ang="0">
                <a:pos x="197" y="313"/>
              </a:cxn>
              <a:cxn ang="0">
                <a:pos x="244" y="283"/>
              </a:cxn>
              <a:cxn ang="0">
                <a:pos x="246" y="278"/>
              </a:cxn>
              <a:cxn ang="0">
                <a:pos x="254" y="252"/>
              </a:cxn>
              <a:cxn ang="0">
                <a:pos x="251" y="244"/>
              </a:cxn>
              <a:cxn ang="0">
                <a:pos x="255" y="235"/>
              </a:cxn>
              <a:cxn ang="0">
                <a:pos x="255" y="232"/>
              </a:cxn>
              <a:cxn ang="0">
                <a:pos x="253" y="219"/>
              </a:cxn>
              <a:cxn ang="0">
                <a:pos x="274" y="199"/>
              </a:cxn>
              <a:cxn ang="0">
                <a:pos x="276" y="189"/>
              </a:cxn>
              <a:cxn ang="0">
                <a:pos x="275" y="183"/>
              </a:cxn>
              <a:cxn ang="0">
                <a:pos x="271" y="174"/>
              </a:cxn>
              <a:cxn ang="0">
                <a:pos x="257" y="143"/>
              </a:cxn>
              <a:cxn ang="0">
                <a:pos x="269" y="102"/>
              </a:cxn>
              <a:cxn ang="0">
                <a:pos x="267" y="80"/>
              </a:cxn>
              <a:cxn ang="0">
                <a:pos x="155" y="0"/>
              </a:cxn>
              <a:cxn ang="0">
                <a:pos x="8" y="68"/>
              </a:cxn>
            </a:cxnLst>
            <a:rect l="0" t="0" r="r" b="b"/>
            <a:pathLst>
              <a:path w="276" h="369">
                <a:moveTo>
                  <a:pt x="8" y="68"/>
                </a:moveTo>
                <a:cubicBezTo>
                  <a:pt x="3" y="77"/>
                  <a:pt x="0" y="90"/>
                  <a:pt x="0" y="106"/>
                </a:cubicBezTo>
                <a:cubicBezTo>
                  <a:pt x="0" y="145"/>
                  <a:pt x="17" y="196"/>
                  <a:pt x="57" y="222"/>
                </a:cubicBezTo>
                <a:cubicBezTo>
                  <a:pt x="60" y="225"/>
                  <a:pt x="63" y="227"/>
                  <a:pt x="67" y="229"/>
                </a:cubicBezTo>
                <a:cubicBezTo>
                  <a:pt x="67" y="229"/>
                  <a:pt x="67" y="229"/>
                  <a:pt x="67" y="229"/>
                </a:cubicBezTo>
                <a:cubicBezTo>
                  <a:pt x="67" y="229"/>
                  <a:pt x="67" y="229"/>
                  <a:pt x="67" y="229"/>
                </a:cubicBezTo>
                <a:cubicBezTo>
                  <a:pt x="74" y="232"/>
                  <a:pt x="82" y="230"/>
                  <a:pt x="85" y="223"/>
                </a:cubicBezTo>
                <a:cubicBezTo>
                  <a:pt x="88" y="217"/>
                  <a:pt x="86" y="209"/>
                  <a:pt x="80" y="205"/>
                </a:cubicBezTo>
                <a:cubicBezTo>
                  <a:pt x="58" y="194"/>
                  <a:pt x="54" y="175"/>
                  <a:pt x="59" y="163"/>
                </a:cubicBezTo>
                <a:cubicBezTo>
                  <a:pt x="60" y="159"/>
                  <a:pt x="64" y="151"/>
                  <a:pt x="73" y="153"/>
                </a:cubicBezTo>
                <a:cubicBezTo>
                  <a:pt x="81" y="155"/>
                  <a:pt x="88" y="150"/>
                  <a:pt x="89" y="143"/>
                </a:cubicBezTo>
                <a:cubicBezTo>
                  <a:pt x="91" y="136"/>
                  <a:pt x="86" y="129"/>
                  <a:pt x="79" y="127"/>
                </a:cubicBezTo>
                <a:cubicBezTo>
                  <a:pt x="60" y="123"/>
                  <a:pt x="43" y="133"/>
                  <a:pt x="35" y="151"/>
                </a:cubicBezTo>
                <a:cubicBezTo>
                  <a:pt x="29" y="136"/>
                  <a:pt x="26" y="120"/>
                  <a:pt x="26" y="106"/>
                </a:cubicBezTo>
                <a:cubicBezTo>
                  <a:pt x="26" y="95"/>
                  <a:pt x="28" y="86"/>
                  <a:pt x="31" y="80"/>
                </a:cubicBezTo>
                <a:cubicBezTo>
                  <a:pt x="54" y="34"/>
                  <a:pt x="119" y="27"/>
                  <a:pt x="155" y="27"/>
                </a:cubicBezTo>
                <a:cubicBezTo>
                  <a:pt x="197" y="27"/>
                  <a:pt x="235" y="52"/>
                  <a:pt x="241" y="85"/>
                </a:cubicBezTo>
                <a:cubicBezTo>
                  <a:pt x="242" y="91"/>
                  <a:pt x="243" y="97"/>
                  <a:pt x="243" y="102"/>
                </a:cubicBezTo>
                <a:cubicBezTo>
                  <a:pt x="243" y="120"/>
                  <a:pt x="236" y="128"/>
                  <a:pt x="234" y="131"/>
                </a:cubicBezTo>
                <a:cubicBezTo>
                  <a:pt x="232" y="133"/>
                  <a:pt x="230" y="136"/>
                  <a:pt x="230" y="140"/>
                </a:cubicBezTo>
                <a:cubicBezTo>
                  <a:pt x="230" y="154"/>
                  <a:pt x="238" y="168"/>
                  <a:pt x="246" y="184"/>
                </a:cubicBezTo>
                <a:cubicBezTo>
                  <a:pt x="246" y="184"/>
                  <a:pt x="249" y="188"/>
                  <a:pt x="247" y="190"/>
                </a:cubicBezTo>
                <a:cubicBezTo>
                  <a:pt x="246" y="192"/>
                  <a:pt x="241" y="196"/>
                  <a:pt x="239" y="197"/>
                </a:cubicBezTo>
                <a:cubicBezTo>
                  <a:pt x="230" y="203"/>
                  <a:pt x="230" y="203"/>
                  <a:pt x="230" y="203"/>
                </a:cubicBezTo>
                <a:cubicBezTo>
                  <a:pt x="229" y="205"/>
                  <a:pt x="226" y="208"/>
                  <a:pt x="226" y="218"/>
                </a:cubicBezTo>
                <a:cubicBezTo>
                  <a:pt x="226" y="221"/>
                  <a:pt x="227" y="226"/>
                  <a:pt x="228" y="231"/>
                </a:cubicBezTo>
                <a:cubicBezTo>
                  <a:pt x="226" y="234"/>
                  <a:pt x="224" y="238"/>
                  <a:pt x="224" y="242"/>
                </a:cubicBezTo>
                <a:cubicBezTo>
                  <a:pt x="224" y="243"/>
                  <a:pt x="224" y="243"/>
                  <a:pt x="224" y="244"/>
                </a:cubicBezTo>
                <a:cubicBezTo>
                  <a:pt x="224" y="247"/>
                  <a:pt x="224" y="251"/>
                  <a:pt x="227" y="255"/>
                </a:cubicBezTo>
                <a:cubicBezTo>
                  <a:pt x="226" y="259"/>
                  <a:pt x="223" y="268"/>
                  <a:pt x="219" y="273"/>
                </a:cubicBezTo>
                <a:cubicBezTo>
                  <a:pt x="217" y="277"/>
                  <a:pt x="205" y="286"/>
                  <a:pt x="197" y="286"/>
                </a:cubicBezTo>
                <a:cubicBezTo>
                  <a:pt x="173" y="286"/>
                  <a:pt x="159" y="288"/>
                  <a:pt x="150" y="294"/>
                </a:cubicBezTo>
                <a:cubicBezTo>
                  <a:pt x="147" y="296"/>
                  <a:pt x="139" y="300"/>
                  <a:pt x="131" y="336"/>
                </a:cubicBezTo>
                <a:cubicBezTo>
                  <a:pt x="109" y="325"/>
                  <a:pt x="40" y="292"/>
                  <a:pt x="40" y="292"/>
                </a:cubicBezTo>
                <a:cubicBezTo>
                  <a:pt x="33" y="288"/>
                  <a:pt x="25" y="291"/>
                  <a:pt x="22" y="298"/>
                </a:cubicBezTo>
                <a:cubicBezTo>
                  <a:pt x="19" y="304"/>
                  <a:pt x="22" y="312"/>
                  <a:pt x="28" y="315"/>
                </a:cubicBezTo>
                <a:cubicBezTo>
                  <a:pt x="135" y="367"/>
                  <a:pt x="135" y="367"/>
                  <a:pt x="135" y="367"/>
                </a:cubicBezTo>
                <a:cubicBezTo>
                  <a:pt x="139" y="369"/>
                  <a:pt x="143" y="369"/>
                  <a:pt x="147" y="367"/>
                </a:cubicBezTo>
                <a:cubicBezTo>
                  <a:pt x="151" y="365"/>
                  <a:pt x="153" y="361"/>
                  <a:pt x="154" y="357"/>
                </a:cubicBezTo>
                <a:cubicBezTo>
                  <a:pt x="157" y="340"/>
                  <a:pt x="162" y="321"/>
                  <a:pt x="165" y="316"/>
                </a:cubicBezTo>
                <a:cubicBezTo>
                  <a:pt x="169" y="314"/>
                  <a:pt x="178" y="313"/>
                  <a:pt x="197" y="313"/>
                </a:cubicBezTo>
                <a:cubicBezTo>
                  <a:pt x="215" y="313"/>
                  <a:pt x="238" y="299"/>
                  <a:pt x="244" y="283"/>
                </a:cubicBezTo>
                <a:cubicBezTo>
                  <a:pt x="246" y="278"/>
                  <a:pt x="246" y="278"/>
                  <a:pt x="246" y="278"/>
                </a:cubicBezTo>
                <a:cubicBezTo>
                  <a:pt x="251" y="268"/>
                  <a:pt x="254" y="259"/>
                  <a:pt x="254" y="252"/>
                </a:cubicBezTo>
                <a:cubicBezTo>
                  <a:pt x="254" y="249"/>
                  <a:pt x="253" y="246"/>
                  <a:pt x="251" y="244"/>
                </a:cubicBezTo>
                <a:cubicBezTo>
                  <a:pt x="253" y="241"/>
                  <a:pt x="255" y="238"/>
                  <a:pt x="255" y="235"/>
                </a:cubicBezTo>
                <a:cubicBezTo>
                  <a:pt x="255" y="234"/>
                  <a:pt x="255" y="233"/>
                  <a:pt x="255" y="232"/>
                </a:cubicBezTo>
                <a:cubicBezTo>
                  <a:pt x="254" y="228"/>
                  <a:pt x="253" y="222"/>
                  <a:pt x="253" y="219"/>
                </a:cubicBezTo>
                <a:cubicBezTo>
                  <a:pt x="261" y="214"/>
                  <a:pt x="270" y="205"/>
                  <a:pt x="274" y="199"/>
                </a:cubicBezTo>
                <a:cubicBezTo>
                  <a:pt x="276" y="195"/>
                  <a:pt x="276" y="191"/>
                  <a:pt x="276" y="189"/>
                </a:cubicBezTo>
                <a:cubicBezTo>
                  <a:pt x="276" y="186"/>
                  <a:pt x="276" y="184"/>
                  <a:pt x="275" y="183"/>
                </a:cubicBezTo>
                <a:cubicBezTo>
                  <a:pt x="271" y="174"/>
                  <a:pt x="271" y="174"/>
                  <a:pt x="271" y="174"/>
                </a:cubicBezTo>
                <a:cubicBezTo>
                  <a:pt x="267" y="166"/>
                  <a:pt x="259" y="153"/>
                  <a:pt x="257" y="143"/>
                </a:cubicBezTo>
                <a:cubicBezTo>
                  <a:pt x="265" y="133"/>
                  <a:pt x="269" y="118"/>
                  <a:pt x="269" y="102"/>
                </a:cubicBezTo>
                <a:cubicBezTo>
                  <a:pt x="269" y="95"/>
                  <a:pt x="269" y="87"/>
                  <a:pt x="267" y="80"/>
                </a:cubicBezTo>
                <a:cubicBezTo>
                  <a:pt x="259" y="35"/>
                  <a:pt x="211" y="0"/>
                  <a:pt x="155" y="0"/>
                </a:cubicBezTo>
                <a:cubicBezTo>
                  <a:pt x="82" y="0"/>
                  <a:pt x="30" y="24"/>
                  <a:pt x="8" y="6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9" name="Freeform 288"/>
          <p:cNvSpPr>
            <a:spLocks/>
          </p:cNvSpPr>
          <p:nvPr userDrawn="1"/>
        </p:nvSpPr>
        <p:spPr bwMode="auto">
          <a:xfrm>
            <a:off x="3185801" y="2421155"/>
            <a:ext cx="465138" cy="441324"/>
          </a:xfrm>
          <a:custGeom>
            <a:avLst/>
            <a:gdLst/>
            <a:ahLst/>
            <a:cxnLst>
              <a:cxn ang="0">
                <a:pos x="387" y="147"/>
              </a:cxn>
              <a:cxn ang="0">
                <a:pos x="334" y="107"/>
              </a:cxn>
              <a:cxn ang="0">
                <a:pos x="354" y="73"/>
              </a:cxn>
              <a:cxn ang="0">
                <a:pos x="306" y="26"/>
              </a:cxn>
              <a:cxn ang="0">
                <a:pos x="256" y="11"/>
              </a:cxn>
              <a:cxn ang="0">
                <a:pos x="240" y="38"/>
              </a:cxn>
              <a:cxn ang="0">
                <a:pos x="213" y="40"/>
              </a:cxn>
              <a:cxn ang="0">
                <a:pos x="181" y="29"/>
              </a:cxn>
              <a:cxn ang="0">
                <a:pos x="167" y="3"/>
              </a:cxn>
              <a:cxn ang="0">
                <a:pos x="70" y="49"/>
              </a:cxn>
              <a:cxn ang="0">
                <a:pos x="86" y="91"/>
              </a:cxn>
              <a:cxn ang="0">
                <a:pos x="26" y="129"/>
              </a:cxn>
              <a:cxn ang="0">
                <a:pos x="11" y="138"/>
              </a:cxn>
              <a:cxn ang="0">
                <a:pos x="13" y="246"/>
              </a:cxn>
              <a:cxn ang="0">
                <a:pos x="53" y="247"/>
              </a:cxn>
              <a:cxn ang="0">
                <a:pos x="56" y="320"/>
              </a:cxn>
              <a:cxn ang="0">
                <a:pos x="94" y="367"/>
              </a:cxn>
              <a:cxn ang="0">
                <a:pos x="157" y="383"/>
              </a:cxn>
              <a:cxn ang="0">
                <a:pos x="223" y="356"/>
              </a:cxn>
              <a:cxn ang="0">
                <a:pos x="238" y="332"/>
              </a:cxn>
              <a:cxn ang="0">
                <a:pos x="185" y="219"/>
              </a:cxn>
              <a:cxn ang="0">
                <a:pos x="143" y="123"/>
              </a:cxn>
              <a:cxn ang="0">
                <a:pos x="188" y="180"/>
              </a:cxn>
              <a:cxn ang="0">
                <a:pos x="221" y="177"/>
              </a:cxn>
              <a:cxn ang="0">
                <a:pos x="275" y="185"/>
              </a:cxn>
              <a:cxn ang="0">
                <a:pos x="292" y="228"/>
              </a:cxn>
              <a:cxn ang="0">
                <a:pos x="301" y="311"/>
              </a:cxn>
              <a:cxn ang="0">
                <a:pos x="236" y="384"/>
              </a:cxn>
              <a:cxn ang="0">
                <a:pos x="331" y="351"/>
              </a:cxn>
              <a:cxn ang="0">
                <a:pos x="327" y="273"/>
              </a:cxn>
              <a:cxn ang="0">
                <a:pos x="308" y="197"/>
              </a:cxn>
              <a:cxn ang="0">
                <a:pos x="253" y="151"/>
              </a:cxn>
              <a:cxn ang="0">
                <a:pos x="205" y="155"/>
              </a:cxn>
              <a:cxn ang="0">
                <a:pos x="141" y="94"/>
              </a:cxn>
              <a:cxn ang="0">
                <a:pos x="118" y="136"/>
              </a:cxn>
              <a:cxn ang="0">
                <a:pos x="160" y="309"/>
              </a:cxn>
              <a:cxn ang="0">
                <a:pos x="176" y="327"/>
              </a:cxn>
              <a:cxn ang="0">
                <a:pos x="139" y="361"/>
              </a:cxn>
              <a:cxn ang="0">
                <a:pos x="83" y="327"/>
              </a:cxn>
              <a:cxn ang="0">
                <a:pos x="104" y="284"/>
              </a:cxn>
              <a:cxn ang="0">
                <a:pos x="76" y="229"/>
              </a:cxn>
              <a:cxn ang="0">
                <a:pos x="31" y="222"/>
              </a:cxn>
              <a:cxn ang="0">
                <a:pos x="78" y="154"/>
              </a:cxn>
              <a:cxn ang="0">
                <a:pos x="107" y="108"/>
              </a:cxn>
              <a:cxn ang="0">
                <a:pos x="109" y="77"/>
              </a:cxn>
              <a:cxn ang="0">
                <a:pos x="152" y="29"/>
              </a:cxn>
              <a:cxn ang="0">
                <a:pos x="163" y="54"/>
              </a:cxn>
              <a:cxn ang="0">
                <a:pos x="188" y="67"/>
              </a:cxn>
              <a:cxn ang="0">
                <a:pos x="241" y="73"/>
              </a:cxn>
              <a:cxn ang="0">
                <a:pos x="263" y="51"/>
              </a:cxn>
              <a:cxn ang="0">
                <a:pos x="289" y="47"/>
              </a:cxn>
              <a:cxn ang="0">
                <a:pos x="324" y="75"/>
              </a:cxn>
              <a:cxn ang="0">
                <a:pos x="311" y="121"/>
              </a:cxn>
              <a:cxn ang="0">
                <a:pos x="334" y="169"/>
              </a:cxn>
              <a:cxn ang="0">
                <a:pos x="373" y="245"/>
              </a:cxn>
              <a:cxn ang="0">
                <a:pos x="395" y="261"/>
              </a:cxn>
            </a:cxnLst>
            <a:rect l="0" t="0" r="r" b="b"/>
            <a:pathLst>
              <a:path w="413" h="391">
                <a:moveTo>
                  <a:pt x="401" y="155"/>
                </a:moveTo>
                <a:cubicBezTo>
                  <a:pt x="400" y="152"/>
                  <a:pt x="398" y="150"/>
                  <a:pt x="396" y="149"/>
                </a:cubicBezTo>
                <a:cubicBezTo>
                  <a:pt x="393" y="147"/>
                  <a:pt x="390" y="146"/>
                  <a:pt x="387" y="147"/>
                </a:cubicBezTo>
                <a:cubicBezTo>
                  <a:pt x="356" y="150"/>
                  <a:pt x="356" y="150"/>
                  <a:pt x="356" y="150"/>
                </a:cubicBezTo>
                <a:cubicBezTo>
                  <a:pt x="354" y="145"/>
                  <a:pt x="351" y="138"/>
                  <a:pt x="347" y="131"/>
                </a:cubicBezTo>
                <a:cubicBezTo>
                  <a:pt x="343" y="121"/>
                  <a:pt x="338" y="113"/>
                  <a:pt x="334" y="107"/>
                </a:cubicBezTo>
                <a:cubicBezTo>
                  <a:pt x="351" y="83"/>
                  <a:pt x="351" y="83"/>
                  <a:pt x="351" y="83"/>
                </a:cubicBezTo>
                <a:cubicBezTo>
                  <a:pt x="351" y="83"/>
                  <a:pt x="351" y="83"/>
                  <a:pt x="352" y="83"/>
                </a:cubicBezTo>
                <a:cubicBezTo>
                  <a:pt x="353" y="80"/>
                  <a:pt x="354" y="76"/>
                  <a:pt x="354" y="73"/>
                </a:cubicBezTo>
                <a:cubicBezTo>
                  <a:pt x="354" y="73"/>
                  <a:pt x="354" y="73"/>
                  <a:pt x="354" y="73"/>
                </a:cubicBezTo>
                <a:cubicBezTo>
                  <a:pt x="353" y="67"/>
                  <a:pt x="350" y="61"/>
                  <a:pt x="335" y="48"/>
                </a:cubicBezTo>
                <a:cubicBezTo>
                  <a:pt x="326" y="40"/>
                  <a:pt x="315" y="33"/>
                  <a:pt x="306" y="26"/>
                </a:cubicBezTo>
                <a:cubicBezTo>
                  <a:pt x="305" y="26"/>
                  <a:pt x="304" y="25"/>
                  <a:pt x="303" y="25"/>
                </a:cubicBezTo>
                <a:cubicBezTo>
                  <a:pt x="282" y="11"/>
                  <a:pt x="268" y="7"/>
                  <a:pt x="256" y="11"/>
                </a:cubicBezTo>
                <a:cubicBezTo>
                  <a:pt x="256" y="11"/>
                  <a:pt x="256" y="11"/>
                  <a:pt x="256" y="11"/>
                </a:cubicBezTo>
                <a:cubicBezTo>
                  <a:pt x="255" y="11"/>
                  <a:pt x="254" y="12"/>
                  <a:pt x="253" y="13"/>
                </a:cubicBezTo>
                <a:cubicBezTo>
                  <a:pt x="251" y="14"/>
                  <a:pt x="249" y="16"/>
                  <a:pt x="248" y="17"/>
                </a:cubicBezTo>
                <a:cubicBezTo>
                  <a:pt x="247" y="20"/>
                  <a:pt x="245" y="25"/>
                  <a:pt x="240" y="38"/>
                </a:cubicBezTo>
                <a:cubicBezTo>
                  <a:pt x="238" y="41"/>
                  <a:pt x="238" y="41"/>
                  <a:pt x="238" y="41"/>
                </a:cubicBezTo>
                <a:cubicBezTo>
                  <a:pt x="238" y="42"/>
                  <a:pt x="238" y="43"/>
                  <a:pt x="237" y="44"/>
                </a:cubicBezTo>
                <a:cubicBezTo>
                  <a:pt x="231" y="42"/>
                  <a:pt x="222" y="41"/>
                  <a:pt x="213" y="40"/>
                </a:cubicBezTo>
                <a:cubicBezTo>
                  <a:pt x="203" y="40"/>
                  <a:pt x="194" y="40"/>
                  <a:pt x="187" y="40"/>
                </a:cubicBezTo>
                <a:cubicBezTo>
                  <a:pt x="185" y="38"/>
                  <a:pt x="184" y="34"/>
                  <a:pt x="182" y="30"/>
                </a:cubicBezTo>
                <a:cubicBezTo>
                  <a:pt x="181" y="29"/>
                  <a:pt x="181" y="29"/>
                  <a:pt x="181" y="29"/>
                </a:cubicBezTo>
                <a:cubicBezTo>
                  <a:pt x="178" y="23"/>
                  <a:pt x="174" y="14"/>
                  <a:pt x="172" y="10"/>
                </a:cubicBezTo>
                <a:cubicBezTo>
                  <a:pt x="171" y="8"/>
                  <a:pt x="170" y="5"/>
                  <a:pt x="167" y="4"/>
                </a:cubicBezTo>
                <a:cubicBezTo>
                  <a:pt x="167" y="4"/>
                  <a:pt x="167" y="4"/>
                  <a:pt x="167" y="3"/>
                </a:cubicBezTo>
                <a:cubicBezTo>
                  <a:pt x="165" y="2"/>
                  <a:pt x="163" y="1"/>
                  <a:pt x="160" y="1"/>
                </a:cubicBezTo>
                <a:cubicBezTo>
                  <a:pt x="147" y="0"/>
                  <a:pt x="120" y="13"/>
                  <a:pt x="112" y="17"/>
                </a:cubicBezTo>
                <a:cubicBezTo>
                  <a:pt x="90" y="28"/>
                  <a:pt x="76" y="39"/>
                  <a:pt x="70" y="49"/>
                </a:cubicBezTo>
                <a:cubicBezTo>
                  <a:pt x="69" y="50"/>
                  <a:pt x="68" y="51"/>
                  <a:pt x="67" y="53"/>
                </a:cubicBezTo>
                <a:cubicBezTo>
                  <a:pt x="65" y="57"/>
                  <a:pt x="66" y="62"/>
                  <a:pt x="69" y="67"/>
                </a:cubicBezTo>
                <a:cubicBezTo>
                  <a:pt x="75" y="77"/>
                  <a:pt x="80" y="84"/>
                  <a:pt x="86" y="91"/>
                </a:cubicBezTo>
                <a:cubicBezTo>
                  <a:pt x="80" y="98"/>
                  <a:pt x="73" y="107"/>
                  <a:pt x="68" y="116"/>
                </a:cubicBezTo>
                <a:cubicBezTo>
                  <a:pt x="63" y="122"/>
                  <a:pt x="60" y="129"/>
                  <a:pt x="57" y="134"/>
                </a:cubicBezTo>
                <a:cubicBezTo>
                  <a:pt x="26" y="129"/>
                  <a:pt x="26" y="129"/>
                  <a:pt x="26" y="129"/>
                </a:cubicBezTo>
                <a:cubicBezTo>
                  <a:pt x="21" y="128"/>
                  <a:pt x="15" y="131"/>
                  <a:pt x="12" y="135"/>
                </a:cubicBezTo>
                <a:cubicBezTo>
                  <a:pt x="12" y="136"/>
                  <a:pt x="12" y="136"/>
                  <a:pt x="12" y="136"/>
                </a:cubicBezTo>
                <a:cubicBezTo>
                  <a:pt x="11" y="137"/>
                  <a:pt x="11" y="137"/>
                  <a:pt x="11" y="138"/>
                </a:cubicBezTo>
                <a:cubicBezTo>
                  <a:pt x="10" y="138"/>
                  <a:pt x="10" y="138"/>
                  <a:pt x="10" y="139"/>
                </a:cubicBezTo>
                <a:cubicBezTo>
                  <a:pt x="6" y="150"/>
                  <a:pt x="0" y="215"/>
                  <a:pt x="7" y="238"/>
                </a:cubicBezTo>
                <a:cubicBezTo>
                  <a:pt x="8" y="241"/>
                  <a:pt x="10" y="244"/>
                  <a:pt x="13" y="246"/>
                </a:cubicBezTo>
                <a:cubicBezTo>
                  <a:pt x="15" y="248"/>
                  <a:pt x="18" y="249"/>
                  <a:pt x="20" y="249"/>
                </a:cubicBezTo>
                <a:cubicBezTo>
                  <a:pt x="21" y="249"/>
                  <a:pt x="21" y="249"/>
                  <a:pt x="21" y="249"/>
                </a:cubicBezTo>
                <a:cubicBezTo>
                  <a:pt x="29" y="249"/>
                  <a:pt x="42" y="248"/>
                  <a:pt x="53" y="247"/>
                </a:cubicBezTo>
                <a:cubicBezTo>
                  <a:pt x="58" y="261"/>
                  <a:pt x="68" y="280"/>
                  <a:pt x="76" y="292"/>
                </a:cubicBezTo>
                <a:cubicBezTo>
                  <a:pt x="67" y="304"/>
                  <a:pt x="56" y="320"/>
                  <a:pt x="56" y="320"/>
                </a:cubicBezTo>
                <a:cubicBezTo>
                  <a:pt x="56" y="320"/>
                  <a:pt x="56" y="320"/>
                  <a:pt x="56" y="320"/>
                </a:cubicBezTo>
                <a:cubicBezTo>
                  <a:pt x="53" y="324"/>
                  <a:pt x="53" y="329"/>
                  <a:pt x="55" y="333"/>
                </a:cubicBezTo>
                <a:cubicBezTo>
                  <a:pt x="58" y="341"/>
                  <a:pt x="68" y="351"/>
                  <a:pt x="86" y="363"/>
                </a:cubicBezTo>
                <a:cubicBezTo>
                  <a:pt x="89" y="364"/>
                  <a:pt x="91" y="366"/>
                  <a:pt x="94" y="367"/>
                </a:cubicBezTo>
                <a:cubicBezTo>
                  <a:pt x="103" y="373"/>
                  <a:pt x="127" y="387"/>
                  <a:pt x="143" y="389"/>
                </a:cubicBezTo>
                <a:cubicBezTo>
                  <a:pt x="144" y="390"/>
                  <a:pt x="144" y="390"/>
                  <a:pt x="145" y="390"/>
                </a:cubicBezTo>
                <a:cubicBezTo>
                  <a:pt x="150" y="390"/>
                  <a:pt x="155" y="387"/>
                  <a:pt x="157" y="383"/>
                </a:cubicBezTo>
                <a:cubicBezTo>
                  <a:pt x="158" y="383"/>
                  <a:pt x="158" y="382"/>
                  <a:pt x="158" y="381"/>
                </a:cubicBezTo>
                <a:cubicBezTo>
                  <a:pt x="172" y="354"/>
                  <a:pt x="172" y="354"/>
                  <a:pt x="172" y="354"/>
                </a:cubicBezTo>
                <a:cubicBezTo>
                  <a:pt x="190" y="358"/>
                  <a:pt x="209" y="357"/>
                  <a:pt x="223" y="356"/>
                </a:cubicBezTo>
                <a:cubicBezTo>
                  <a:pt x="229" y="356"/>
                  <a:pt x="229" y="356"/>
                  <a:pt x="229" y="356"/>
                </a:cubicBezTo>
                <a:cubicBezTo>
                  <a:pt x="234" y="356"/>
                  <a:pt x="238" y="354"/>
                  <a:pt x="241" y="350"/>
                </a:cubicBezTo>
                <a:cubicBezTo>
                  <a:pt x="245" y="344"/>
                  <a:pt x="244" y="336"/>
                  <a:pt x="238" y="332"/>
                </a:cubicBezTo>
                <a:cubicBezTo>
                  <a:pt x="181" y="292"/>
                  <a:pt x="181" y="292"/>
                  <a:pt x="181" y="292"/>
                </a:cubicBezTo>
                <a:cubicBezTo>
                  <a:pt x="178" y="287"/>
                  <a:pt x="170" y="270"/>
                  <a:pt x="176" y="252"/>
                </a:cubicBezTo>
                <a:cubicBezTo>
                  <a:pt x="179" y="241"/>
                  <a:pt x="182" y="230"/>
                  <a:pt x="185" y="219"/>
                </a:cubicBezTo>
                <a:cubicBezTo>
                  <a:pt x="186" y="216"/>
                  <a:pt x="186" y="212"/>
                  <a:pt x="184" y="209"/>
                </a:cubicBezTo>
                <a:cubicBezTo>
                  <a:pt x="142" y="125"/>
                  <a:pt x="142" y="125"/>
                  <a:pt x="142" y="125"/>
                </a:cubicBezTo>
                <a:cubicBezTo>
                  <a:pt x="142" y="124"/>
                  <a:pt x="142" y="123"/>
                  <a:pt x="143" y="123"/>
                </a:cubicBezTo>
                <a:cubicBezTo>
                  <a:pt x="153" y="118"/>
                  <a:pt x="153" y="118"/>
                  <a:pt x="153" y="118"/>
                </a:cubicBezTo>
                <a:cubicBezTo>
                  <a:pt x="155" y="117"/>
                  <a:pt x="156" y="117"/>
                  <a:pt x="157" y="117"/>
                </a:cubicBezTo>
                <a:cubicBezTo>
                  <a:pt x="188" y="180"/>
                  <a:pt x="188" y="180"/>
                  <a:pt x="188" y="180"/>
                </a:cubicBezTo>
                <a:cubicBezTo>
                  <a:pt x="190" y="184"/>
                  <a:pt x="193" y="187"/>
                  <a:pt x="197" y="187"/>
                </a:cubicBezTo>
                <a:cubicBezTo>
                  <a:pt x="201" y="188"/>
                  <a:pt x="205" y="187"/>
                  <a:pt x="208" y="185"/>
                </a:cubicBezTo>
                <a:cubicBezTo>
                  <a:pt x="215" y="179"/>
                  <a:pt x="220" y="178"/>
                  <a:pt x="221" y="177"/>
                </a:cubicBezTo>
                <a:cubicBezTo>
                  <a:pt x="234" y="183"/>
                  <a:pt x="242" y="180"/>
                  <a:pt x="247" y="178"/>
                </a:cubicBezTo>
                <a:cubicBezTo>
                  <a:pt x="247" y="178"/>
                  <a:pt x="248" y="177"/>
                  <a:pt x="249" y="177"/>
                </a:cubicBezTo>
                <a:cubicBezTo>
                  <a:pt x="257" y="179"/>
                  <a:pt x="271" y="183"/>
                  <a:pt x="275" y="185"/>
                </a:cubicBezTo>
                <a:cubicBezTo>
                  <a:pt x="276" y="186"/>
                  <a:pt x="276" y="188"/>
                  <a:pt x="280" y="197"/>
                </a:cubicBezTo>
                <a:cubicBezTo>
                  <a:pt x="280" y="200"/>
                  <a:pt x="281" y="202"/>
                  <a:pt x="282" y="206"/>
                </a:cubicBezTo>
                <a:cubicBezTo>
                  <a:pt x="285" y="213"/>
                  <a:pt x="289" y="221"/>
                  <a:pt x="292" y="228"/>
                </a:cubicBezTo>
                <a:cubicBezTo>
                  <a:pt x="297" y="238"/>
                  <a:pt x="302" y="248"/>
                  <a:pt x="302" y="256"/>
                </a:cubicBezTo>
                <a:cubicBezTo>
                  <a:pt x="302" y="260"/>
                  <a:pt x="301" y="265"/>
                  <a:pt x="300" y="271"/>
                </a:cubicBezTo>
                <a:cubicBezTo>
                  <a:pt x="299" y="283"/>
                  <a:pt x="298" y="297"/>
                  <a:pt x="301" y="311"/>
                </a:cubicBezTo>
                <a:cubicBezTo>
                  <a:pt x="303" y="319"/>
                  <a:pt x="306" y="327"/>
                  <a:pt x="308" y="333"/>
                </a:cubicBezTo>
                <a:cubicBezTo>
                  <a:pt x="242" y="366"/>
                  <a:pt x="242" y="366"/>
                  <a:pt x="242" y="366"/>
                </a:cubicBezTo>
                <a:cubicBezTo>
                  <a:pt x="235" y="369"/>
                  <a:pt x="233" y="377"/>
                  <a:pt x="236" y="384"/>
                </a:cubicBezTo>
                <a:cubicBezTo>
                  <a:pt x="238" y="388"/>
                  <a:pt x="243" y="391"/>
                  <a:pt x="248" y="391"/>
                </a:cubicBezTo>
                <a:cubicBezTo>
                  <a:pt x="250" y="391"/>
                  <a:pt x="252" y="390"/>
                  <a:pt x="254" y="389"/>
                </a:cubicBezTo>
                <a:cubicBezTo>
                  <a:pt x="331" y="351"/>
                  <a:pt x="331" y="351"/>
                  <a:pt x="331" y="351"/>
                </a:cubicBezTo>
                <a:cubicBezTo>
                  <a:pt x="337" y="348"/>
                  <a:pt x="340" y="340"/>
                  <a:pt x="337" y="334"/>
                </a:cubicBezTo>
                <a:cubicBezTo>
                  <a:pt x="337" y="333"/>
                  <a:pt x="331" y="321"/>
                  <a:pt x="327" y="305"/>
                </a:cubicBezTo>
                <a:cubicBezTo>
                  <a:pt x="325" y="295"/>
                  <a:pt x="326" y="284"/>
                  <a:pt x="327" y="273"/>
                </a:cubicBezTo>
                <a:cubicBezTo>
                  <a:pt x="328" y="267"/>
                  <a:pt x="328" y="261"/>
                  <a:pt x="328" y="255"/>
                </a:cubicBezTo>
                <a:cubicBezTo>
                  <a:pt x="328" y="243"/>
                  <a:pt x="322" y="230"/>
                  <a:pt x="316" y="216"/>
                </a:cubicBezTo>
                <a:cubicBezTo>
                  <a:pt x="313" y="210"/>
                  <a:pt x="310" y="203"/>
                  <a:pt x="308" y="197"/>
                </a:cubicBezTo>
                <a:cubicBezTo>
                  <a:pt x="306" y="193"/>
                  <a:pt x="305" y="191"/>
                  <a:pt x="305" y="188"/>
                </a:cubicBezTo>
                <a:cubicBezTo>
                  <a:pt x="300" y="175"/>
                  <a:pt x="299" y="172"/>
                  <a:pt x="294" y="167"/>
                </a:cubicBezTo>
                <a:cubicBezTo>
                  <a:pt x="285" y="157"/>
                  <a:pt x="253" y="151"/>
                  <a:pt x="253" y="151"/>
                </a:cubicBezTo>
                <a:cubicBezTo>
                  <a:pt x="246" y="150"/>
                  <a:pt x="241" y="152"/>
                  <a:pt x="237" y="153"/>
                </a:cubicBezTo>
                <a:cubicBezTo>
                  <a:pt x="235" y="154"/>
                  <a:pt x="235" y="154"/>
                  <a:pt x="233" y="153"/>
                </a:cubicBezTo>
                <a:cubicBezTo>
                  <a:pt x="225" y="149"/>
                  <a:pt x="216" y="150"/>
                  <a:pt x="205" y="155"/>
                </a:cubicBezTo>
                <a:cubicBezTo>
                  <a:pt x="180" y="105"/>
                  <a:pt x="180" y="105"/>
                  <a:pt x="180" y="105"/>
                </a:cubicBezTo>
                <a:cubicBezTo>
                  <a:pt x="177" y="98"/>
                  <a:pt x="170" y="93"/>
                  <a:pt x="162" y="91"/>
                </a:cubicBezTo>
                <a:cubicBezTo>
                  <a:pt x="155" y="90"/>
                  <a:pt x="148" y="91"/>
                  <a:pt x="141" y="94"/>
                </a:cubicBezTo>
                <a:cubicBezTo>
                  <a:pt x="131" y="99"/>
                  <a:pt x="131" y="99"/>
                  <a:pt x="131" y="99"/>
                </a:cubicBezTo>
                <a:cubicBezTo>
                  <a:pt x="125" y="102"/>
                  <a:pt x="119" y="108"/>
                  <a:pt x="117" y="115"/>
                </a:cubicBezTo>
                <a:cubicBezTo>
                  <a:pt x="114" y="122"/>
                  <a:pt x="114" y="130"/>
                  <a:pt x="118" y="136"/>
                </a:cubicBezTo>
                <a:cubicBezTo>
                  <a:pt x="158" y="217"/>
                  <a:pt x="158" y="217"/>
                  <a:pt x="158" y="217"/>
                </a:cubicBezTo>
                <a:cubicBezTo>
                  <a:pt x="155" y="226"/>
                  <a:pt x="152" y="235"/>
                  <a:pt x="150" y="245"/>
                </a:cubicBezTo>
                <a:cubicBezTo>
                  <a:pt x="140" y="279"/>
                  <a:pt x="160" y="308"/>
                  <a:pt x="160" y="309"/>
                </a:cubicBezTo>
                <a:cubicBezTo>
                  <a:pt x="161" y="310"/>
                  <a:pt x="162" y="312"/>
                  <a:pt x="164" y="312"/>
                </a:cubicBezTo>
                <a:cubicBezTo>
                  <a:pt x="188" y="329"/>
                  <a:pt x="188" y="329"/>
                  <a:pt x="188" y="329"/>
                </a:cubicBezTo>
                <a:cubicBezTo>
                  <a:pt x="184" y="329"/>
                  <a:pt x="180" y="328"/>
                  <a:pt x="176" y="327"/>
                </a:cubicBezTo>
                <a:cubicBezTo>
                  <a:pt x="168" y="325"/>
                  <a:pt x="168" y="325"/>
                  <a:pt x="168" y="325"/>
                </a:cubicBezTo>
                <a:cubicBezTo>
                  <a:pt x="162" y="324"/>
                  <a:pt x="156" y="327"/>
                  <a:pt x="153" y="332"/>
                </a:cubicBezTo>
                <a:cubicBezTo>
                  <a:pt x="139" y="361"/>
                  <a:pt x="139" y="361"/>
                  <a:pt x="139" y="361"/>
                </a:cubicBezTo>
                <a:cubicBezTo>
                  <a:pt x="131" y="357"/>
                  <a:pt x="119" y="351"/>
                  <a:pt x="107" y="344"/>
                </a:cubicBezTo>
                <a:cubicBezTo>
                  <a:pt x="105" y="343"/>
                  <a:pt x="103" y="342"/>
                  <a:pt x="101" y="340"/>
                </a:cubicBezTo>
                <a:cubicBezTo>
                  <a:pt x="92" y="334"/>
                  <a:pt x="87" y="330"/>
                  <a:pt x="83" y="327"/>
                </a:cubicBezTo>
                <a:cubicBezTo>
                  <a:pt x="88" y="321"/>
                  <a:pt x="94" y="313"/>
                  <a:pt x="99" y="306"/>
                </a:cubicBezTo>
                <a:cubicBezTo>
                  <a:pt x="104" y="300"/>
                  <a:pt x="104" y="300"/>
                  <a:pt x="104" y="300"/>
                </a:cubicBezTo>
                <a:cubicBezTo>
                  <a:pt x="107" y="295"/>
                  <a:pt x="107" y="289"/>
                  <a:pt x="104" y="284"/>
                </a:cubicBezTo>
                <a:cubicBezTo>
                  <a:pt x="99" y="278"/>
                  <a:pt x="99" y="278"/>
                  <a:pt x="99" y="278"/>
                </a:cubicBezTo>
                <a:cubicBezTo>
                  <a:pt x="91" y="267"/>
                  <a:pt x="82" y="249"/>
                  <a:pt x="78" y="237"/>
                </a:cubicBezTo>
                <a:cubicBezTo>
                  <a:pt x="76" y="229"/>
                  <a:pt x="76" y="229"/>
                  <a:pt x="76" y="229"/>
                </a:cubicBezTo>
                <a:cubicBezTo>
                  <a:pt x="74" y="223"/>
                  <a:pt x="68" y="219"/>
                  <a:pt x="62" y="219"/>
                </a:cubicBezTo>
                <a:cubicBezTo>
                  <a:pt x="54" y="220"/>
                  <a:pt x="54" y="220"/>
                  <a:pt x="54" y="220"/>
                </a:cubicBezTo>
                <a:cubicBezTo>
                  <a:pt x="47" y="220"/>
                  <a:pt x="38" y="221"/>
                  <a:pt x="31" y="222"/>
                </a:cubicBezTo>
                <a:cubicBezTo>
                  <a:pt x="30" y="204"/>
                  <a:pt x="32" y="174"/>
                  <a:pt x="34" y="157"/>
                </a:cubicBezTo>
                <a:cubicBezTo>
                  <a:pt x="64" y="162"/>
                  <a:pt x="64" y="162"/>
                  <a:pt x="64" y="162"/>
                </a:cubicBezTo>
                <a:cubicBezTo>
                  <a:pt x="70" y="163"/>
                  <a:pt x="76" y="160"/>
                  <a:pt x="78" y="154"/>
                </a:cubicBezTo>
                <a:cubicBezTo>
                  <a:pt x="81" y="146"/>
                  <a:pt x="81" y="146"/>
                  <a:pt x="81" y="146"/>
                </a:cubicBezTo>
                <a:cubicBezTo>
                  <a:pt x="83" y="142"/>
                  <a:pt x="86" y="136"/>
                  <a:pt x="90" y="130"/>
                </a:cubicBezTo>
                <a:cubicBezTo>
                  <a:pt x="95" y="122"/>
                  <a:pt x="102" y="114"/>
                  <a:pt x="107" y="108"/>
                </a:cubicBezTo>
                <a:cubicBezTo>
                  <a:pt x="114" y="101"/>
                  <a:pt x="114" y="101"/>
                  <a:pt x="114" y="101"/>
                </a:cubicBezTo>
                <a:cubicBezTo>
                  <a:pt x="118" y="97"/>
                  <a:pt x="119" y="89"/>
                  <a:pt x="114" y="84"/>
                </a:cubicBezTo>
                <a:cubicBezTo>
                  <a:pt x="109" y="77"/>
                  <a:pt x="109" y="77"/>
                  <a:pt x="109" y="77"/>
                </a:cubicBezTo>
                <a:cubicBezTo>
                  <a:pt x="104" y="71"/>
                  <a:pt x="100" y="66"/>
                  <a:pt x="96" y="59"/>
                </a:cubicBezTo>
                <a:cubicBezTo>
                  <a:pt x="101" y="55"/>
                  <a:pt x="110" y="48"/>
                  <a:pt x="124" y="41"/>
                </a:cubicBezTo>
                <a:cubicBezTo>
                  <a:pt x="136" y="35"/>
                  <a:pt x="146" y="31"/>
                  <a:pt x="152" y="29"/>
                </a:cubicBezTo>
                <a:cubicBezTo>
                  <a:pt x="153" y="33"/>
                  <a:pt x="155" y="37"/>
                  <a:pt x="157" y="41"/>
                </a:cubicBezTo>
                <a:cubicBezTo>
                  <a:pt x="157" y="41"/>
                  <a:pt x="157" y="41"/>
                  <a:pt x="157" y="41"/>
                </a:cubicBezTo>
                <a:cubicBezTo>
                  <a:pt x="160" y="47"/>
                  <a:pt x="162" y="51"/>
                  <a:pt x="163" y="54"/>
                </a:cubicBezTo>
                <a:cubicBezTo>
                  <a:pt x="167" y="61"/>
                  <a:pt x="167" y="61"/>
                  <a:pt x="167" y="61"/>
                </a:cubicBezTo>
                <a:cubicBezTo>
                  <a:pt x="169" y="66"/>
                  <a:pt x="175" y="69"/>
                  <a:pt x="180" y="68"/>
                </a:cubicBezTo>
                <a:cubicBezTo>
                  <a:pt x="188" y="67"/>
                  <a:pt x="188" y="67"/>
                  <a:pt x="188" y="67"/>
                </a:cubicBezTo>
                <a:cubicBezTo>
                  <a:pt x="194" y="66"/>
                  <a:pt x="202" y="66"/>
                  <a:pt x="211" y="67"/>
                </a:cubicBezTo>
                <a:cubicBezTo>
                  <a:pt x="220" y="68"/>
                  <a:pt x="227" y="69"/>
                  <a:pt x="233" y="70"/>
                </a:cubicBezTo>
                <a:cubicBezTo>
                  <a:pt x="241" y="73"/>
                  <a:pt x="241" y="73"/>
                  <a:pt x="241" y="73"/>
                </a:cubicBezTo>
                <a:cubicBezTo>
                  <a:pt x="248" y="75"/>
                  <a:pt x="255" y="71"/>
                  <a:pt x="257" y="65"/>
                </a:cubicBezTo>
                <a:cubicBezTo>
                  <a:pt x="261" y="56"/>
                  <a:pt x="261" y="56"/>
                  <a:pt x="261" y="56"/>
                </a:cubicBezTo>
                <a:cubicBezTo>
                  <a:pt x="262" y="55"/>
                  <a:pt x="262" y="53"/>
                  <a:pt x="263" y="51"/>
                </a:cubicBezTo>
                <a:cubicBezTo>
                  <a:pt x="264" y="48"/>
                  <a:pt x="264" y="48"/>
                  <a:pt x="264" y="48"/>
                </a:cubicBezTo>
                <a:cubicBezTo>
                  <a:pt x="266" y="44"/>
                  <a:pt x="268" y="40"/>
                  <a:pt x="269" y="37"/>
                </a:cubicBezTo>
                <a:cubicBezTo>
                  <a:pt x="273" y="38"/>
                  <a:pt x="279" y="41"/>
                  <a:pt x="289" y="47"/>
                </a:cubicBezTo>
                <a:cubicBezTo>
                  <a:pt x="290" y="48"/>
                  <a:pt x="291" y="48"/>
                  <a:pt x="291" y="49"/>
                </a:cubicBezTo>
                <a:cubicBezTo>
                  <a:pt x="300" y="54"/>
                  <a:pt x="309" y="61"/>
                  <a:pt x="317" y="68"/>
                </a:cubicBezTo>
                <a:cubicBezTo>
                  <a:pt x="320" y="71"/>
                  <a:pt x="323" y="73"/>
                  <a:pt x="324" y="75"/>
                </a:cubicBezTo>
                <a:cubicBezTo>
                  <a:pt x="307" y="99"/>
                  <a:pt x="307" y="99"/>
                  <a:pt x="307" y="99"/>
                </a:cubicBezTo>
                <a:cubicBezTo>
                  <a:pt x="304" y="104"/>
                  <a:pt x="304" y="110"/>
                  <a:pt x="307" y="115"/>
                </a:cubicBezTo>
                <a:cubicBezTo>
                  <a:pt x="311" y="121"/>
                  <a:pt x="311" y="121"/>
                  <a:pt x="311" y="121"/>
                </a:cubicBezTo>
                <a:cubicBezTo>
                  <a:pt x="314" y="124"/>
                  <a:pt x="318" y="130"/>
                  <a:pt x="323" y="142"/>
                </a:cubicBezTo>
                <a:cubicBezTo>
                  <a:pt x="327" y="150"/>
                  <a:pt x="330" y="156"/>
                  <a:pt x="331" y="161"/>
                </a:cubicBezTo>
                <a:cubicBezTo>
                  <a:pt x="334" y="169"/>
                  <a:pt x="334" y="169"/>
                  <a:pt x="334" y="169"/>
                </a:cubicBezTo>
                <a:cubicBezTo>
                  <a:pt x="336" y="175"/>
                  <a:pt x="342" y="179"/>
                  <a:pt x="348" y="178"/>
                </a:cubicBezTo>
                <a:cubicBezTo>
                  <a:pt x="379" y="174"/>
                  <a:pt x="379" y="174"/>
                  <a:pt x="379" y="174"/>
                </a:cubicBezTo>
                <a:cubicBezTo>
                  <a:pt x="381" y="191"/>
                  <a:pt x="383" y="224"/>
                  <a:pt x="373" y="245"/>
                </a:cubicBezTo>
                <a:cubicBezTo>
                  <a:pt x="371" y="247"/>
                  <a:pt x="370" y="250"/>
                  <a:pt x="369" y="253"/>
                </a:cubicBezTo>
                <a:cubicBezTo>
                  <a:pt x="368" y="260"/>
                  <a:pt x="374" y="267"/>
                  <a:pt x="381" y="268"/>
                </a:cubicBezTo>
                <a:cubicBezTo>
                  <a:pt x="386" y="268"/>
                  <a:pt x="392" y="266"/>
                  <a:pt x="395" y="261"/>
                </a:cubicBezTo>
                <a:cubicBezTo>
                  <a:pt x="395" y="261"/>
                  <a:pt x="395" y="260"/>
                  <a:pt x="395" y="260"/>
                </a:cubicBezTo>
                <a:cubicBezTo>
                  <a:pt x="413" y="227"/>
                  <a:pt x="407" y="167"/>
                  <a:pt x="401" y="15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0" name="Freeform 304"/>
          <p:cNvSpPr>
            <a:spLocks noEditPoints="1"/>
          </p:cNvSpPr>
          <p:nvPr userDrawn="1"/>
        </p:nvSpPr>
        <p:spPr bwMode="auto">
          <a:xfrm>
            <a:off x="3220726" y="2998896"/>
            <a:ext cx="395288" cy="498475"/>
          </a:xfrm>
          <a:custGeom>
            <a:avLst/>
            <a:gdLst/>
            <a:ahLst/>
            <a:cxnLst>
              <a:cxn ang="0">
                <a:pos x="144" y="17"/>
              </a:cxn>
              <a:cxn ang="0">
                <a:pos x="108" y="173"/>
              </a:cxn>
              <a:cxn ang="0">
                <a:pos x="89" y="249"/>
              </a:cxn>
              <a:cxn ang="0">
                <a:pos x="62" y="372"/>
              </a:cxn>
              <a:cxn ang="0">
                <a:pos x="0" y="385"/>
              </a:cxn>
              <a:cxn ang="0">
                <a:pos x="69" y="398"/>
              </a:cxn>
              <a:cxn ang="0">
                <a:pos x="139" y="309"/>
              </a:cxn>
              <a:cxn ang="0">
                <a:pos x="141" y="295"/>
              </a:cxn>
              <a:cxn ang="0">
                <a:pos x="110" y="223"/>
              </a:cxn>
              <a:cxn ang="0">
                <a:pos x="136" y="179"/>
              </a:cxn>
              <a:cxn ang="0">
                <a:pos x="130" y="131"/>
              </a:cxn>
              <a:cxn ang="0">
                <a:pos x="167" y="32"/>
              </a:cxn>
              <a:cxn ang="0">
                <a:pos x="238" y="131"/>
              </a:cxn>
              <a:cxn ang="0">
                <a:pos x="272" y="196"/>
              </a:cxn>
              <a:cxn ang="0">
                <a:pos x="271" y="209"/>
              </a:cxn>
              <a:cxn ang="0">
                <a:pos x="307" y="324"/>
              </a:cxn>
              <a:cxn ang="0">
                <a:pos x="170" y="265"/>
              </a:cxn>
              <a:cxn ang="0">
                <a:pos x="161" y="385"/>
              </a:cxn>
              <a:cxn ang="0">
                <a:pos x="240" y="398"/>
              </a:cxn>
              <a:cxn ang="0">
                <a:pos x="14" y="417"/>
              </a:cxn>
              <a:cxn ang="0">
                <a:pos x="14" y="444"/>
              </a:cxn>
              <a:cxn ang="0">
                <a:pos x="266" y="431"/>
              </a:cxn>
              <a:cxn ang="0">
                <a:pos x="253" y="372"/>
              </a:cxn>
              <a:cxn ang="0">
                <a:pos x="188" y="308"/>
              </a:cxn>
              <a:cxn ang="0">
                <a:pos x="325" y="348"/>
              </a:cxn>
              <a:cxn ang="0">
                <a:pos x="336" y="328"/>
              </a:cxn>
              <a:cxn ang="0">
                <a:pos x="332" y="145"/>
              </a:cxn>
              <a:cxn ang="0">
                <a:pos x="352" y="127"/>
              </a:cxn>
              <a:cxn ang="0">
                <a:pos x="334" y="114"/>
              </a:cxn>
              <a:cxn ang="0">
                <a:pos x="249" y="106"/>
              </a:cxn>
              <a:cxn ang="0">
                <a:pos x="157" y="4"/>
              </a:cxn>
              <a:cxn ang="0">
                <a:pos x="275" y="193"/>
              </a:cxn>
              <a:cxn ang="0">
                <a:pos x="274" y="195"/>
              </a:cxn>
              <a:cxn ang="0">
                <a:pos x="274" y="195"/>
              </a:cxn>
            </a:cxnLst>
            <a:rect l="0" t="0" r="r" b="b"/>
            <a:pathLst>
              <a:path w="352" h="444">
                <a:moveTo>
                  <a:pt x="157" y="4"/>
                </a:moveTo>
                <a:cubicBezTo>
                  <a:pt x="153" y="8"/>
                  <a:pt x="148" y="12"/>
                  <a:pt x="144" y="17"/>
                </a:cubicBezTo>
                <a:cubicBezTo>
                  <a:pt x="118" y="47"/>
                  <a:pt x="104" y="87"/>
                  <a:pt x="104" y="131"/>
                </a:cubicBezTo>
                <a:cubicBezTo>
                  <a:pt x="104" y="145"/>
                  <a:pt x="105" y="159"/>
                  <a:pt x="108" y="173"/>
                </a:cubicBezTo>
                <a:cubicBezTo>
                  <a:pt x="92" y="185"/>
                  <a:pt x="84" y="204"/>
                  <a:pt x="84" y="223"/>
                </a:cubicBezTo>
                <a:cubicBezTo>
                  <a:pt x="84" y="231"/>
                  <a:pt x="85" y="240"/>
                  <a:pt x="89" y="249"/>
                </a:cubicBezTo>
                <a:cubicBezTo>
                  <a:pt x="89" y="249"/>
                  <a:pt x="108" y="289"/>
                  <a:pt x="113" y="300"/>
                </a:cubicBezTo>
                <a:cubicBezTo>
                  <a:pt x="106" y="310"/>
                  <a:pt x="69" y="363"/>
                  <a:pt x="62" y="372"/>
                </a:cubicBezTo>
                <a:cubicBezTo>
                  <a:pt x="52" y="372"/>
                  <a:pt x="14" y="372"/>
                  <a:pt x="14" y="372"/>
                </a:cubicBezTo>
                <a:cubicBezTo>
                  <a:pt x="6" y="372"/>
                  <a:pt x="0" y="378"/>
                  <a:pt x="0" y="385"/>
                </a:cubicBezTo>
                <a:cubicBezTo>
                  <a:pt x="0" y="392"/>
                  <a:pt x="6" y="398"/>
                  <a:pt x="14" y="398"/>
                </a:cubicBezTo>
                <a:cubicBezTo>
                  <a:pt x="69" y="398"/>
                  <a:pt x="69" y="398"/>
                  <a:pt x="69" y="398"/>
                </a:cubicBezTo>
                <a:cubicBezTo>
                  <a:pt x="73" y="398"/>
                  <a:pt x="77" y="396"/>
                  <a:pt x="80" y="393"/>
                </a:cubicBezTo>
                <a:cubicBezTo>
                  <a:pt x="139" y="309"/>
                  <a:pt x="139" y="309"/>
                  <a:pt x="139" y="309"/>
                </a:cubicBezTo>
                <a:cubicBezTo>
                  <a:pt x="141" y="306"/>
                  <a:pt x="142" y="304"/>
                  <a:pt x="142" y="301"/>
                </a:cubicBezTo>
                <a:cubicBezTo>
                  <a:pt x="142" y="299"/>
                  <a:pt x="141" y="297"/>
                  <a:pt x="141" y="295"/>
                </a:cubicBezTo>
                <a:cubicBezTo>
                  <a:pt x="114" y="238"/>
                  <a:pt x="114" y="238"/>
                  <a:pt x="114" y="238"/>
                </a:cubicBezTo>
                <a:cubicBezTo>
                  <a:pt x="111" y="233"/>
                  <a:pt x="110" y="228"/>
                  <a:pt x="110" y="223"/>
                </a:cubicBezTo>
                <a:cubicBezTo>
                  <a:pt x="110" y="210"/>
                  <a:pt x="117" y="198"/>
                  <a:pt x="129" y="191"/>
                </a:cubicBezTo>
                <a:cubicBezTo>
                  <a:pt x="134" y="189"/>
                  <a:pt x="136" y="184"/>
                  <a:pt x="136" y="179"/>
                </a:cubicBezTo>
                <a:cubicBezTo>
                  <a:pt x="136" y="178"/>
                  <a:pt x="136" y="177"/>
                  <a:pt x="136" y="176"/>
                </a:cubicBezTo>
                <a:cubicBezTo>
                  <a:pt x="132" y="161"/>
                  <a:pt x="130" y="146"/>
                  <a:pt x="130" y="131"/>
                </a:cubicBezTo>
                <a:cubicBezTo>
                  <a:pt x="130" y="94"/>
                  <a:pt x="142" y="60"/>
                  <a:pt x="164" y="35"/>
                </a:cubicBezTo>
                <a:cubicBezTo>
                  <a:pt x="165" y="34"/>
                  <a:pt x="166" y="33"/>
                  <a:pt x="167" y="32"/>
                </a:cubicBezTo>
                <a:cubicBezTo>
                  <a:pt x="180" y="45"/>
                  <a:pt x="202" y="76"/>
                  <a:pt x="229" y="125"/>
                </a:cubicBezTo>
                <a:cubicBezTo>
                  <a:pt x="231" y="128"/>
                  <a:pt x="234" y="131"/>
                  <a:pt x="238" y="131"/>
                </a:cubicBezTo>
                <a:cubicBezTo>
                  <a:pt x="238" y="131"/>
                  <a:pt x="280" y="139"/>
                  <a:pt x="302" y="143"/>
                </a:cubicBezTo>
                <a:cubicBezTo>
                  <a:pt x="291" y="162"/>
                  <a:pt x="273" y="195"/>
                  <a:pt x="272" y="196"/>
                </a:cubicBezTo>
                <a:cubicBezTo>
                  <a:pt x="270" y="199"/>
                  <a:pt x="270" y="201"/>
                  <a:pt x="270" y="204"/>
                </a:cubicBezTo>
                <a:cubicBezTo>
                  <a:pt x="270" y="206"/>
                  <a:pt x="270" y="208"/>
                  <a:pt x="271" y="209"/>
                </a:cubicBezTo>
                <a:cubicBezTo>
                  <a:pt x="297" y="269"/>
                  <a:pt x="308" y="307"/>
                  <a:pt x="309" y="323"/>
                </a:cubicBezTo>
                <a:cubicBezTo>
                  <a:pt x="309" y="324"/>
                  <a:pt x="308" y="324"/>
                  <a:pt x="307" y="324"/>
                </a:cubicBezTo>
                <a:cubicBezTo>
                  <a:pt x="265" y="327"/>
                  <a:pt x="219" y="307"/>
                  <a:pt x="185" y="268"/>
                </a:cubicBezTo>
                <a:cubicBezTo>
                  <a:pt x="181" y="264"/>
                  <a:pt x="175" y="263"/>
                  <a:pt x="170" y="265"/>
                </a:cubicBezTo>
                <a:cubicBezTo>
                  <a:pt x="165" y="267"/>
                  <a:pt x="161" y="272"/>
                  <a:pt x="161" y="277"/>
                </a:cubicBezTo>
                <a:cubicBezTo>
                  <a:pt x="161" y="385"/>
                  <a:pt x="161" y="385"/>
                  <a:pt x="161" y="385"/>
                </a:cubicBezTo>
                <a:cubicBezTo>
                  <a:pt x="161" y="392"/>
                  <a:pt x="167" y="398"/>
                  <a:pt x="175" y="398"/>
                </a:cubicBezTo>
                <a:cubicBezTo>
                  <a:pt x="175" y="398"/>
                  <a:pt x="221" y="398"/>
                  <a:pt x="240" y="398"/>
                </a:cubicBezTo>
                <a:cubicBezTo>
                  <a:pt x="240" y="406"/>
                  <a:pt x="240" y="409"/>
                  <a:pt x="240" y="417"/>
                </a:cubicBezTo>
                <a:cubicBezTo>
                  <a:pt x="216" y="417"/>
                  <a:pt x="14" y="417"/>
                  <a:pt x="14" y="417"/>
                </a:cubicBezTo>
                <a:cubicBezTo>
                  <a:pt x="6" y="417"/>
                  <a:pt x="0" y="423"/>
                  <a:pt x="0" y="431"/>
                </a:cubicBezTo>
                <a:cubicBezTo>
                  <a:pt x="0" y="438"/>
                  <a:pt x="6" y="444"/>
                  <a:pt x="14" y="444"/>
                </a:cubicBezTo>
                <a:cubicBezTo>
                  <a:pt x="253" y="444"/>
                  <a:pt x="253" y="444"/>
                  <a:pt x="253" y="444"/>
                </a:cubicBezTo>
                <a:cubicBezTo>
                  <a:pt x="260" y="444"/>
                  <a:pt x="266" y="438"/>
                  <a:pt x="266" y="431"/>
                </a:cubicBezTo>
                <a:cubicBezTo>
                  <a:pt x="266" y="385"/>
                  <a:pt x="266" y="385"/>
                  <a:pt x="266" y="385"/>
                </a:cubicBezTo>
                <a:cubicBezTo>
                  <a:pt x="266" y="378"/>
                  <a:pt x="260" y="372"/>
                  <a:pt x="253" y="372"/>
                </a:cubicBezTo>
                <a:cubicBezTo>
                  <a:pt x="253" y="372"/>
                  <a:pt x="206" y="372"/>
                  <a:pt x="188" y="372"/>
                </a:cubicBezTo>
                <a:cubicBezTo>
                  <a:pt x="188" y="358"/>
                  <a:pt x="188" y="334"/>
                  <a:pt x="188" y="308"/>
                </a:cubicBezTo>
                <a:cubicBezTo>
                  <a:pt x="225" y="338"/>
                  <a:pt x="268" y="354"/>
                  <a:pt x="310" y="350"/>
                </a:cubicBezTo>
                <a:cubicBezTo>
                  <a:pt x="315" y="350"/>
                  <a:pt x="320" y="349"/>
                  <a:pt x="325" y="348"/>
                </a:cubicBezTo>
                <a:cubicBezTo>
                  <a:pt x="330" y="347"/>
                  <a:pt x="334" y="343"/>
                  <a:pt x="335" y="339"/>
                </a:cubicBezTo>
                <a:cubicBezTo>
                  <a:pt x="336" y="336"/>
                  <a:pt x="336" y="332"/>
                  <a:pt x="336" y="328"/>
                </a:cubicBezTo>
                <a:cubicBezTo>
                  <a:pt x="336" y="297"/>
                  <a:pt x="312" y="237"/>
                  <a:pt x="298" y="205"/>
                </a:cubicBezTo>
                <a:cubicBezTo>
                  <a:pt x="303" y="196"/>
                  <a:pt x="328" y="151"/>
                  <a:pt x="332" y="145"/>
                </a:cubicBezTo>
                <a:cubicBezTo>
                  <a:pt x="336" y="142"/>
                  <a:pt x="344" y="139"/>
                  <a:pt x="344" y="139"/>
                </a:cubicBezTo>
                <a:cubicBezTo>
                  <a:pt x="349" y="137"/>
                  <a:pt x="352" y="132"/>
                  <a:pt x="352" y="127"/>
                </a:cubicBezTo>
                <a:cubicBezTo>
                  <a:pt x="352" y="125"/>
                  <a:pt x="352" y="123"/>
                  <a:pt x="351" y="122"/>
                </a:cubicBezTo>
                <a:cubicBezTo>
                  <a:pt x="348" y="115"/>
                  <a:pt x="341" y="112"/>
                  <a:pt x="334" y="114"/>
                </a:cubicBezTo>
                <a:cubicBezTo>
                  <a:pt x="334" y="114"/>
                  <a:pt x="325" y="118"/>
                  <a:pt x="321" y="120"/>
                </a:cubicBezTo>
                <a:cubicBezTo>
                  <a:pt x="314" y="119"/>
                  <a:pt x="259" y="108"/>
                  <a:pt x="249" y="106"/>
                </a:cubicBezTo>
                <a:cubicBezTo>
                  <a:pt x="232" y="76"/>
                  <a:pt x="197" y="17"/>
                  <a:pt x="173" y="3"/>
                </a:cubicBezTo>
                <a:cubicBezTo>
                  <a:pt x="168" y="0"/>
                  <a:pt x="162" y="0"/>
                  <a:pt x="157" y="4"/>
                </a:cubicBezTo>
                <a:close/>
                <a:moveTo>
                  <a:pt x="277" y="192"/>
                </a:moveTo>
                <a:cubicBezTo>
                  <a:pt x="276" y="192"/>
                  <a:pt x="276" y="193"/>
                  <a:pt x="275" y="193"/>
                </a:cubicBezTo>
                <a:cubicBezTo>
                  <a:pt x="276" y="193"/>
                  <a:pt x="276" y="192"/>
                  <a:pt x="277" y="192"/>
                </a:cubicBezTo>
                <a:close/>
                <a:moveTo>
                  <a:pt x="274" y="195"/>
                </a:moveTo>
                <a:cubicBezTo>
                  <a:pt x="273" y="195"/>
                  <a:pt x="273" y="195"/>
                  <a:pt x="272" y="196"/>
                </a:cubicBezTo>
                <a:cubicBezTo>
                  <a:pt x="273" y="195"/>
                  <a:pt x="273" y="195"/>
                  <a:pt x="274" y="19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1" name="Freeform 337"/>
          <p:cNvSpPr>
            <a:spLocks noEditPoints="1"/>
          </p:cNvSpPr>
          <p:nvPr userDrawn="1"/>
        </p:nvSpPr>
        <p:spPr bwMode="auto">
          <a:xfrm>
            <a:off x="3168339" y="3678691"/>
            <a:ext cx="500062" cy="515938"/>
          </a:xfrm>
          <a:custGeom>
            <a:avLst/>
            <a:gdLst/>
            <a:ahLst/>
            <a:cxnLst>
              <a:cxn ang="0">
                <a:pos x="238" y="3"/>
              </a:cxn>
              <a:cxn ang="0">
                <a:pos x="176" y="46"/>
              </a:cxn>
              <a:cxn ang="0">
                <a:pos x="175" y="51"/>
              </a:cxn>
              <a:cxn ang="0">
                <a:pos x="175" y="94"/>
              </a:cxn>
              <a:cxn ang="0">
                <a:pos x="32" y="120"/>
              </a:cxn>
              <a:cxn ang="0">
                <a:pos x="21" y="132"/>
              </a:cxn>
              <a:cxn ang="0">
                <a:pos x="0" y="363"/>
              </a:cxn>
              <a:cxn ang="0">
                <a:pos x="0" y="364"/>
              </a:cxn>
              <a:cxn ang="0">
                <a:pos x="5" y="374"/>
              </a:cxn>
              <a:cxn ang="0">
                <a:pos x="95" y="453"/>
              </a:cxn>
              <a:cxn ang="0">
                <a:pos x="109" y="456"/>
              </a:cxn>
              <a:cxn ang="0">
                <a:pos x="117" y="444"/>
              </a:cxn>
              <a:cxn ang="0">
                <a:pos x="130" y="202"/>
              </a:cxn>
              <a:cxn ang="0">
                <a:pos x="191" y="185"/>
              </a:cxn>
              <a:cxn ang="0">
                <a:pos x="201" y="172"/>
              </a:cxn>
              <a:cxn ang="0">
                <a:pos x="201" y="116"/>
              </a:cxn>
              <a:cxn ang="0">
                <a:pos x="279" y="102"/>
              </a:cxn>
              <a:cxn ang="0">
                <a:pos x="280" y="123"/>
              </a:cxn>
              <a:cxn ang="0">
                <a:pos x="293" y="136"/>
              </a:cxn>
              <a:cxn ang="0">
                <a:pos x="306" y="123"/>
              </a:cxn>
              <a:cxn ang="0">
                <a:pos x="306" y="97"/>
              </a:cxn>
              <a:cxn ang="0">
                <a:pos x="380" y="83"/>
              </a:cxn>
              <a:cxn ang="0">
                <a:pos x="418" y="111"/>
              </a:cxn>
              <a:cxn ang="0">
                <a:pos x="418" y="366"/>
              </a:cxn>
              <a:cxn ang="0">
                <a:pos x="158" y="423"/>
              </a:cxn>
              <a:cxn ang="0">
                <a:pos x="148" y="436"/>
              </a:cxn>
              <a:cxn ang="0">
                <a:pos x="148" y="439"/>
              </a:cxn>
              <a:cxn ang="0">
                <a:pos x="164" y="449"/>
              </a:cxn>
              <a:cxn ang="0">
                <a:pos x="435" y="389"/>
              </a:cxn>
              <a:cxn ang="0">
                <a:pos x="445" y="376"/>
              </a:cxn>
              <a:cxn ang="0">
                <a:pos x="445" y="105"/>
              </a:cxn>
              <a:cxn ang="0">
                <a:pos x="440" y="94"/>
              </a:cxn>
              <a:cxn ang="0">
                <a:pos x="391" y="59"/>
              </a:cxn>
              <a:cxn ang="0">
                <a:pos x="381" y="56"/>
              </a:cxn>
              <a:cxn ang="0">
                <a:pos x="305" y="70"/>
              </a:cxn>
              <a:cxn ang="0">
                <a:pos x="305" y="45"/>
              </a:cxn>
              <a:cxn ang="0">
                <a:pos x="304" y="40"/>
              </a:cxn>
              <a:cxn ang="0">
                <a:pos x="238" y="3"/>
              </a:cxn>
              <a:cxn ang="0">
                <a:pos x="240" y="30"/>
              </a:cxn>
              <a:cxn ang="0">
                <a:pos x="278" y="49"/>
              </a:cxn>
              <a:cxn ang="0">
                <a:pos x="279" y="75"/>
              </a:cxn>
              <a:cxn ang="0">
                <a:pos x="202" y="89"/>
              </a:cxn>
              <a:cxn ang="0">
                <a:pos x="202" y="54"/>
              </a:cxn>
              <a:cxn ang="0">
                <a:pos x="240" y="30"/>
              </a:cxn>
              <a:cxn ang="0">
                <a:pos x="175" y="121"/>
              </a:cxn>
              <a:cxn ang="0">
                <a:pos x="174" y="162"/>
              </a:cxn>
              <a:cxn ang="0">
                <a:pos x="114" y="179"/>
              </a:cxn>
              <a:cxn ang="0">
                <a:pos x="104" y="191"/>
              </a:cxn>
              <a:cxn ang="0">
                <a:pos x="92" y="415"/>
              </a:cxn>
              <a:cxn ang="0">
                <a:pos x="27" y="359"/>
              </a:cxn>
              <a:cxn ang="0">
                <a:pos x="47" y="145"/>
              </a:cxn>
              <a:cxn ang="0">
                <a:pos x="175" y="121"/>
              </a:cxn>
            </a:cxnLst>
            <a:rect l="0" t="0" r="r" b="b"/>
            <a:pathLst>
              <a:path w="445" h="457">
                <a:moveTo>
                  <a:pt x="238" y="3"/>
                </a:moveTo>
                <a:cubicBezTo>
                  <a:pt x="191" y="6"/>
                  <a:pt x="177" y="44"/>
                  <a:pt x="176" y="46"/>
                </a:cubicBezTo>
                <a:cubicBezTo>
                  <a:pt x="176" y="47"/>
                  <a:pt x="176" y="49"/>
                  <a:pt x="175" y="51"/>
                </a:cubicBezTo>
                <a:cubicBezTo>
                  <a:pt x="175" y="51"/>
                  <a:pt x="175" y="74"/>
                  <a:pt x="175" y="94"/>
                </a:cubicBezTo>
                <a:cubicBezTo>
                  <a:pt x="106" y="107"/>
                  <a:pt x="32" y="120"/>
                  <a:pt x="32" y="120"/>
                </a:cubicBezTo>
                <a:cubicBezTo>
                  <a:pt x="26" y="122"/>
                  <a:pt x="22" y="126"/>
                  <a:pt x="21" y="132"/>
                </a:cubicBezTo>
                <a:cubicBezTo>
                  <a:pt x="0" y="363"/>
                  <a:pt x="0" y="363"/>
                  <a:pt x="0" y="363"/>
                </a:cubicBezTo>
                <a:cubicBezTo>
                  <a:pt x="0" y="363"/>
                  <a:pt x="0" y="364"/>
                  <a:pt x="0" y="364"/>
                </a:cubicBezTo>
                <a:cubicBezTo>
                  <a:pt x="0" y="368"/>
                  <a:pt x="2" y="372"/>
                  <a:pt x="5" y="374"/>
                </a:cubicBezTo>
                <a:cubicBezTo>
                  <a:pt x="95" y="453"/>
                  <a:pt x="95" y="453"/>
                  <a:pt x="95" y="453"/>
                </a:cubicBezTo>
                <a:cubicBezTo>
                  <a:pt x="98" y="457"/>
                  <a:pt x="104" y="457"/>
                  <a:pt x="109" y="456"/>
                </a:cubicBezTo>
                <a:cubicBezTo>
                  <a:pt x="113" y="454"/>
                  <a:pt x="116" y="449"/>
                  <a:pt x="117" y="444"/>
                </a:cubicBezTo>
                <a:cubicBezTo>
                  <a:pt x="117" y="444"/>
                  <a:pt x="129" y="220"/>
                  <a:pt x="130" y="202"/>
                </a:cubicBezTo>
                <a:cubicBezTo>
                  <a:pt x="144" y="198"/>
                  <a:pt x="191" y="185"/>
                  <a:pt x="191" y="185"/>
                </a:cubicBezTo>
                <a:cubicBezTo>
                  <a:pt x="197" y="183"/>
                  <a:pt x="201" y="178"/>
                  <a:pt x="201" y="172"/>
                </a:cubicBezTo>
                <a:cubicBezTo>
                  <a:pt x="201" y="172"/>
                  <a:pt x="201" y="144"/>
                  <a:pt x="201" y="116"/>
                </a:cubicBezTo>
                <a:cubicBezTo>
                  <a:pt x="240" y="109"/>
                  <a:pt x="246" y="108"/>
                  <a:pt x="279" y="102"/>
                </a:cubicBezTo>
                <a:cubicBezTo>
                  <a:pt x="279" y="110"/>
                  <a:pt x="280" y="123"/>
                  <a:pt x="280" y="123"/>
                </a:cubicBezTo>
                <a:cubicBezTo>
                  <a:pt x="280" y="130"/>
                  <a:pt x="286" y="136"/>
                  <a:pt x="293" y="136"/>
                </a:cubicBezTo>
                <a:cubicBezTo>
                  <a:pt x="300" y="136"/>
                  <a:pt x="306" y="130"/>
                  <a:pt x="306" y="123"/>
                </a:cubicBezTo>
                <a:cubicBezTo>
                  <a:pt x="306" y="123"/>
                  <a:pt x="306" y="108"/>
                  <a:pt x="306" y="97"/>
                </a:cubicBezTo>
                <a:cubicBezTo>
                  <a:pt x="332" y="92"/>
                  <a:pt x="378" y="84"/>
                  <a:pt x="380" y="83"/>
                </a:cubicBezTo>
                <a:cubicBezTo>
                  <a:pt x="387" y="88"/>
                  <a:pt x="411" y="106"/>
                  <a:pt x="418" y="111"/>
                </a:cubicBezTo>
                <a:cubicBezTo>
                  <a:pt x="418" y="124"/>
                  <a:pt x="418" y="346"/>
                  <a:pt x="418" y="366"/>
                </a:cubicBezTo>
                <a:cubicBezTo>
                  <a:pt x="399" y="370"/>
                  <a:pt x="158" y="423"/>
                  <a:pt x="158" y="423"/>
                </a:cubicBezTo>
                <a:cubicBezTo>
                  <a:pt x="152" y="425"/>
                  <a:pt x="148" y="430"/>
                  <a:pt x="148" y="436"/>
                </a:cubicBezTo>
                <a:cubicBezTo>
                  <a:pt x="148" y="437"/>
                  <a:pt x="148" y="438"/>
                  <a:pt x="148" y="439"/>
                </a:cubicBezTo>
                <a:cubicBezTo>
                  <a:pt x="150" y="446"/>
                  <a:pt x="157" y="451"/>
                  <a:pt x="164" y="449"/>
                </a:cubicBezTo>
                <a:cubicBezTo>
                  <a:pt x="435" y="389"/>
                  <a:pt x="435" y="389"/>
                  <a:pt x="435" y="389"/>
                </a:cubicBezTo>
                <a:cubicBezTo>
                  <a:pt x="441" y="388"/>
                  <a:pt x="445" y="383"/>
                  <a:pt x="445" y="376"/>
                </a:cubicBezTo>
                <a:cubicBezTo>
                  <a:pt x="445" y="105"/>
                  <a:pt x="445" y="105"/>
                  <a:pt x="445" y="105"/>
                </a:cubicBezTo>
                <a:cubicBezTo>
                  <a:pt x="445" y="100"/>
                  <a:pt x="443" y="96"/>
                  <a:pt x="440" y="94"/>
                </a:cubicBezTo>
                <a:cubicBezTo>
                  <a:pt x="391" y="59"/>
                  <a:pt x="391" y="59"/>
                  <a:pt x="391" y="59"/>
                </a:cubicBezTo>
                <a:cubicBezTo>
                  <a:pt x="388" y="56"/>
                  <a:pt x="385" y="56"/>
                  <a:pt x="381" y="56"/>
                </a:cubicBezTo>
                <a:cubicBezTo>
                  <a:pt x="381" y="56"/>
                  <a:pt x="331" y="65"/>
                  <a:pt x="305" y="70"/>
                </a:cubicBezTo>
                <a:cubicBezTo>
                  <a:pt x="305" y="59"/>
                  <a:pt x="305" y="45"/>
                  <a:pt x="305" y="45"/>
                </a:cubicBezTo>
                <a:cubicBezTo>
                  <a:pt x="305" y="43"/>
                  <a:pt x="305" y="42"/>
                  <a:pt x="304" y="40"/>
                </a:cubicBezTo>
                <a:cubicBezTo>
                  <a:pt x="303" y="38"/>
                  <a:pt x="285" y="0"/>
                  <a:pt x="238" y="3"/>
                </a:cubicBezTo>
                <a:close/>
                <a:moveTo>
                  <a:pt x="240" y="30"/>
                </a:moveTo>
                <a:cubicBezTo>
                  <a:pt x="263" y="28"/>
                  <a:pt x="275" y="43"/>
                  <a:pt x="278" y="49"/>
                </a:cubicBezTo>
                <a:cubicBezTo>
                  <a:pt x="278" y="51"/>
                  <a:pt x="279" y="63"/>
                  <a:pt x="279" y="75"/>
                </a:cubicBezTo>
                <a:cubicBezTo>
                  <a:pt x="247" y="81"/>
                  <a:pt x="240" y="82"/>
                  <a:pt x="202" y="89"/>
                </a:cubicBezTo>
                <a:cubicBezTo>
                  <a:pt x="202" y="74"/>
                  <a:pt x="202" y="55"/>
                  <a:pt x="202" y="54"/>
                </a:cubicBezTo>
                <a:cubicBezTo>
                  <a:pt x="205" y="48"/>
                  <a:pt x="215" y="32"/>
                  <a:pt x="240" y="30"/>
                </a:cubicBezTo>
                <a:close/>
                <a:moveTo>
                  <a:pt x="175" y="121"/>
                </a:moveTo>
                <a:cubicBezTo>
                  <a:pt x="175" y="141"/>
                  <a:pt x="174" y="156"/>
                  <a:pt x="174" y="162"/>
                </a:cubicBezTo>
                <a:cubicBezTo>
                  <a:pt x="160" y="166"/>
                  <a:pt x="114" y="179"/>
                  <a:pt x="114" y="179"/>
                </a:cubicBezTo>
                <a:cubicBezTo>
                  <a:pt x="108" y="181"/>
                  <a:pt x="105" y="186"/>
                  <a:pt x="104" y="191"/>
                </a:cubicBezTo>
                <a:cubicBezTo>
                  <a:pt x="104" y="191"/>
                  <a:pt x="94" y="372"/>
                  <a:pt x="92" y="415"/>
                </a:cubicBezTo>
                <a:cubicBezTo>
                  <a:pt x="69" y="395"/>
                  <a:pt x="34" y="365"/>
                  <a:pt x="27" y="359"/>
                </a:cubicBezTo>
                <a:cubicBezTo>
                  <a:pt x="28" y="346"/>
                  <a:pt x="45" y="163"/>
                  <a:pt x="47" y="145"/>
                </a:cubicBezTo>
                <a:cubicBezTo>
                  <a:pt x="54" y="144"/>
                  <a:pt x="114" y="133"/>
                  <a:pt x="175" y="12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2" name="Freeform 353"/>
          <p:cNvSpPr>
            <a:spLocks/>
          </p:cNvSpPr>
          <p:nvPr userDrawn="1"/>
        </p:nvSpPr>
        <p:spPr bwMode="auto">
          <a:xfrm>
            <a:off x="3181039" y="5101634"/>
            <a:ext cx="474663" cy="442913"/>
          </a:xfrm>
          <a:custGeom>
            <a:avLst/>
            <a:gdLst/>
            <a:ahLst/>
            <a:cxnLst>
              <a:cxn ang="0">
                <a:pos x="15" y="392"/>
              </a:cxn>
              <a:cxn ang="0">
                <a:pos x="2" y="163"/>
              </a:cxn>
              <a:cxn ang="0">
                <a:pos x="70" y="150"/>
              </a:cxn>
              <a:cxn ang="0">
                <a:pos x="83" y="321"/>
              </a:cxn>
              <a:cxn ang="0">
                <a:pos x="101" y="163"/>
              </a:cxn>
              <a:cxn ang="0">
                <a:pos x="114" y="150"/>
              </a:cxn>
              <a:cxn ang="0">
                <a:pos x="181" y="154"/>
              </a:cxn>
              <a:cxn ang="0">
                <a:pos x="184" y="321"/>
              </a:cxn>
              <a:cxn ang="0">
                <a:pos x="254" y="163"/>
              </a:cxn>
              <a:cxn ang="0">
                <a:pos x="323" y="150"/>
              </a:cxn>
              <a:cxn ang="0">
                <a:pos x="336" y="321"/>
              </a:cxn>
              <a:cxn ang="0">
                <a:pos x="355" y="161"/>
              </a:cxn>
              <a:cxn ang="0">
                <a:pos x="380" y="161"/>
              </a:cxn>
              <a:cxn ang="0">
                <a:pos x="368" y="346"/>
              </a:cxn>
              <a:cxn ang="0">
                <a:pos x="311" y="334"/>
              </a:cxn>
              <a:cxn ang="0">
                <a:pos x="279" y="176"/>
              </a:cxn>
              <a:cxn ang="0">
                <a:pos x="261" y="347"/>
              </a:cxn>
              <a:cxn ang="0">
                <a:pos x="162" y="343"/>
              </a:cxn>
              <a:cxn ang="0">
                <a:pos x="159" y="176"/>
              </a:cxn>
              <a:cxn ang="0">
                <a:pos x="127" y="334"/>
              </a:cxn>
              <a:cxn ang="0">
                <a:pos x="115" y="347"/>
              </a:cxn>
              <a:cxn ang="0">
                <a:pos x="70" y="347"/>
              </a:cxn>
              <a:cxn ang="0">
                <a:pos x="57" y="334"/>
              </a:cxn>
              <a:cxn ang="0">
                <a:pos x="27" y="176"/>
              </a:cxn>
              <a:cxn ang="0">
                <a:pos x="395" y="366"/>
              </a:cxn>
              <a:cxn ang="0">
                <a:pos x="209" y="28"/>
              </a:cxn>
              <a:cxn ang="0">
                <a:pos x="340" y="113"/>
              </a:cxn>
              <a:cxn ang="0">
                <a:pos x="340" y="139"/>
              </a:cxn>
              <a:cxn ang="0">
                <a:pos x="1" y="129"/>
              </a:cxn>
              <a:cxn ang="0">
                <a:pos x="203" y="3"/>
              </a:cxn>
              <a:cxn ang="0">
                <a:pos x="414" y="111"/>
              </a:cxn>
              <a:cxn ang="0">
                <a:pos x="421" y="379"/>
              </a:cxn>
            </a:cxnLst>
            <a:rect l="0" t="0" r="r" b="b"/>
            <a:pathLst>
              <a:path w="421" h="392">
                <a:moveTo>
                  <a:pt x="408" y="392"/>
                </a:moveTo>
                <a:cubicBezTo>
                  <a:pt x="15" y="392"/>
                  <a:pt x="15" y="392"/>
                  <a:pt x="15" y="392"/>
                </a:cubicBezTo>
                <a:cubicBezTo>
                  <a:pt x="8" y="392"/>
                  <a:pt x="2" y="386"/>
                  <a:pt x="2" y="379"/>
                </a:cubicBezTo>
                <a:cubicBezTo>
                  <a:pt x="2" y="163"/>
                  <a:pt x="2" y="163"/>
                  <a:pt x="2" y="163"/>
                </a:cubicBezTo>
                <a:cubicBezTo>
                  <a:pt x="2" y="156"/>
                  <a:pt x="8" y="150"/>
                  <a:pt x="15" y="150"/>
                </a:cubicBezTo>
                <a:cubicBezTo>
                  <a:pt x="70" y="150"/>
                  <a:pt x="70" y="150"/>
                  <a:pt x="70" y="150"/>
                </a:cubicBezTo>
                <a:cubicBezTo>
                  <a:pt x="77" y="150"/>
                  <a:pt x="83" y="156"/>
                  <a:pt x="83" y="163"/>
                </a:cubicBezTo>
                <a:cubicBezTo>
                  <a:pt x="83" y="321"/>
                  <a:pt x="83" y="321"/>
                  <a:pt x="83" y="321"/>
                </a:cubicBezTo>
                <a:cubicBezTo>
                  <a:pt x="102" y="321"/>
                  <a:pt x="102" y="321"/>
                  <a:pt x="102" y="321"/>
                </a:cubicBezTo>
                <a:cubicBezTo>
                  <a:pt x="101" y="163"/>
                  <a:pt x="101" y="163"/>
                  <a:pt x="101" y="163"/>
                </a:cubicBezTo>
                <a:cubicBezTo>
                  <a:pt x="101" y="160"/>
                  <a:pt x="103" y="156"/>
                  <a:pt x="105" y="154"/>
                </a:cubicBezTo>
                <a:cubicBezTo>
                  <a:pt x="107" y="151"/>
                  <a:pt x="111" y="150"/>
                  <a:pt x="114" y="150"/>
                </a:cubicBezTo>
                <a:cubicBezTo>
                  <a:pt x="172" y="150"/>
                  <a:pt x="172" y="150"/>
                  <a:pt x="172" y="150"/>
                </a:cubicBezTo>
                <a:cubicBezTo>
                  <a:pt x="175" y="150"/>
                  <a:pt x="178" y="151"/>
                  <a:pt x="181" y="154"/>
                </a:cubicBezTo>
                <a:cubicBezTo>
                  <a:pt x="183" y="156"/>
                  <a:pt x="184" y="160"/>
                  <a:pt x="184" y="163"/>
                </a:cubicBezTo>
                <a:cubicBezTo>
                  <a:pt x="184" y="321"/>
                  <a:pt x="184" y="321"/>
                  <a:pt x="184" y="321"/>
                </a:cubicBezTo>
                <a:cubicBezTo>
                  <a:pt x="253" y="321"/>
                  <a:pt x="253" y="321"/>
                  <a:pt x="253" y="321"/>
                </a:cubicBezTo>
                <a:cubicBezTo>
                  <a:pt x="254" y="163"/>
                  <a:pt x="254" y="163"/>
                  <a:pt x="254" y="163"/>
                </a:cubicBezTo>
                <a:cubicBezTo>
                  <a:pt x="254" y="156"/>
                  <a:pt x="260" y="150"/>
                  <a:pt x="267" y="150"/>
                </a:cubicBezTo>
                <a:cubicBezTo>
                  <a:pt x="323" y="150"/>
                  <a:pt x="323" y="150"/>
                  <a:pt x="323" y="150"/>
                </a:cubicBezTo>
                <a:cubicBezTo>
                  <a:pt x="330" y="150"/>
                  <a:pt x="336" y="156"/>
                  <a:pt x="336" y="163"/>
                </a:cubicBezTo>
                <a:cubicBezTo>
                  <a:pt x="336" y="321"/>
                  <a:pt x="336" y="321"/>
                  <a:pt x="336" y="321"/>
                </a:cubicBezTo>
                <a:cubicBezTo>
                  <a:pt x="355" y="321"/>
                  <a:pt x="355" y="321"/>
                  <a:pt x="355" y="321"/>
                </a:cubicBezTo>
                <a:cubicBezTo>
                  <a:pt x="355" y="161"/>
                  <a:pt x="355" y="161"/>
                  <a:pt x="355" y="161"/>
                </a:cubicBezTo>
                <a:cubicBezTo>
                  <a:pt x="355" y="154"/>
                  <a:pt x="361" y="148"/>
                  <a:pt x="368" y="148"/>
                </a:cubicBezTo>
                <a:cubicBezTo>
                  <a:pt x="375" y="148"/>
                  <a:pt x="380" y="154"/>
                  <a:pt x="380" y="161"/>
                </a:cubicBezTo>
                <a:cubicBezTo>
                  <a:pt x="380" y="334"/>
                  <a:pt x="380" y="334"/>
                  <a:pt x="380" y="334"/>
                </a:cubicBezTo>
                <a:cubicBezTo>
                  <a:pt x="380" y="341"/>
                  <a:pt x="375" y="346"/>
                  <a:pt x="368" y="346"/>
                </a:cubicBezTo>
                <a:cubicBezTo>
                  <a:pt x="323" y="346"/>
                  <a:pt x="323" y="346"/>
                  <a:pt x="323" y="346"/>
                </a:cubicBezTo>
                <a:cubicBezTo>
                  <a:pt x="316" y="346"/>
                  <a:pt x="311" y="341"/>
                  <a:pt x="311" y="334"/>
                </a:cubicBezTo>
                <a:cubicBezTo>
                  <a:pt x="311" y="176"/>
                  <a:pt x="311" y="176"/>
                  <a:pt x="311" y="176"/>
                </a:cubicBezTo>
                <a:cubicBezTo>
                  <a:pt x="279" y="176"/>
                  <a:pt x="279" y="176"/>
                  <a:pt x="279" y="176"/>
                </a:cubicBezTo>
                <a:cubicBezTo>
                  <a:pt x="279" y="334"/>
                  <a:pt x="279" y="334"/>
                  <a:pt x="279" y="334"/>
                </a:cubicBezTo>
                <a:cubicBezTo>
                  <a:pt x="279" y="341"/>
                  <a:pt x="268" y="347"/>
                  <a:pt x="261" y="347"/>
                </a:cubicBezTo>
                <a:cubicBezTo>
                  <a:pt x="171" y="347"/>
                  <a:pt x="171" y="347"/>
                  <a:pt x="171" y="347"/>
                </a:cubicBezTo>
                <a:cubicBezTo>
                  <a:pt x="168" y="347"/>
                  <a:pt x="165" y="345"/>
                  <a:pt x="162" y="343"/>
                </a:cubicBezTo>
                <a:cubicBezTo>
                  <a:pt x="160" y="341"/>
                  <a:pt x="159" y="337"/>
                  <a:pt x="159" y="334"/>
                </a:cubicBezTo>
                <a:cubicBezTo>
                  <a:pt x="159" y="176"/>
                  <a:pt x="159" y="176"/>
                  <a:pt x="159" y="176"/>
                </a:cubicBezTo>
                <a:cubicBezTo>
                  <a:pt x="127" y="176"/>
                  <a:pt x="127" y="176"/>
                  <a:pt x="127" y="176"/>
                </a:cubicBezTo>
                <a:cubicBezTo>
                  <a:pt x="127" y="334"/>
                  <a:pt x="127" y="334"/>
                  <a:pt x="127" y="334"/>
                </a:cubicBezTo>
                <a:cubicBezTo>
                  <a:pt x="127" y="337"/>
                  <a:pt x="126" y="340"/>
                  <a:pt x="124" y="343"/>
                </a:cubicBezTo>
                <a:cubicBezTo>
                  <a:pt x="121" y="345"/>
                  <a:pt x="118" y="347"/>
                  <a:pt x="115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67" y="347"/>
                  <a:pt x="64" y="345"/>
                  <a:pt x="61" y="343"/>
                </a:cubicBezTo>
                <a:cubicBezTo>
                  <a:pt x="59" y="341"/>
                  <a:pt x="57" y="337"/>
                  <a:pt x="57" y="334"/>
                </a:cubicBezTo>
                <a:cubicBezTo>
                  <a:pt x="57" y="176"/>
                  <a:pt x="57" y="176"/>
                  <a:pt x="57" y="176"/>
                </a:cubicBezTo>
                <a:cubicBezTo>
                  <a:pt x="27" y="176"/>
                  <a:pt x="27" y="176"/>
                  <a:pt x="27" y="176"/>
                </a:cubicBezTo>
                <a:cubicBezTo>
                  <a:pt x="27" y="366"/>
                  <a:pt x="27" y="366"/>
                  <a:pt x="27" y="366"/>
                </a:cubicBezTo>
                <a:cubicBezTo>
                  <a:pt x="395" y="366"/>
                  <a:pt x="395" y="366"/>
                  <a:pt x="395" y="366"/>
                </a:cubicBezTo>
                <a:cubicBezTo>
                  <a:pt x="395" y="130"/>
                  <a:pt x="395" y="130"/>
                  <a:pt x="395" y="130"/>
                </a:cubicBezTo>
                <a:cubicBezTo>
                  <a:pt x="209" y="28"/>
                  <a:pt x="209" y="28"/>
                  <a:pt x="209" y="28"/>
                </a:cubicBezTo>
                <a:cubicBezTo>
                  <a:pt x="62" y="113"/>
                  <a:pt x="62" y="113"/>
                  <a:pt x="62" y="113"/>
                </a:cubicBezTo>
                <a:cubicBezTo>
                  <a:pt x="340" y="113"/>
                  <a:pt x="340" y="113"/>
                  <a:pt x="340" y="113"/>
                </a:cubicBezTo>
                <a:cubicBezTo>
                  <a:pt x="347" y="113"/>
                  <a:pt x="353" y="119"/>
                  <a:pt x="353" y="126"/>
                </a:cubicBezTo>
                <a:cubicBezTo>
                  <a:pt x="353" y="133"/>
                  <a:pt x="347" y="139"/>
                  <a:pt x="340" y="139"/>
                </a:cubicBezTo>
                <a:cubicBezTo>
                  <a:pt x="13" y="139"/>
                  <a:pt x="13" y="139"/>
                  <a:pt x="13" y="139"/>
                </a:cubicBezTo>
                <a:cubicBezTo>
                  <a:pt x="8" y="139"/>
                  <a:pt x="3" y="135"/>
                  <a:pt x="1" y="129"/>
                </a:cubicBezTo>
                <a:cubicBezTo>
                  <a:pt x="0" y="123"/>
                  <a:pt x="2" y="118"/>
                  <a:pt x="7" y="115"/>
                </a:cubicBezTo>
                <a:cubicBezTo>
                  <a:pt x="203" y="3"/>
                  <a:pt x="203" y="3"/>
                  <a:pt x="203" y="3"/>
                </a:cubicBezTo>
                <a:cubicBezTo>
                  <a:pt x="207" y="0"/>
                  <a:pt x="211" y="0"/>
                  <a:pt x="215" y="3"/>
                </a:cubicBezTo>
                <a:cubicBezTo>
                  <a:pt x="414" y="111"/>
                  <a:pt x="414" y="111"/>
                  <a:pt x="414" y="111"/>
                </a:cubicBezTo>
                <a:cubicBezTo>
                  <a:pt x="418" y="113"/>
                  <a:pt x="421" y="118"/>
                  <a:pt x="421" y="122"/>
                </a:cubicBezTo>
                <a:cubicBezTo>
                  <a:pt x="421" y="379"/>
                  <a:pt x="421" y="379"/>
                  <a:pt x="421" y="379"/>
                </a:cubicBezTo>
                <a:cubicBezTo>
                  <a:pt x="421" y="386"/>
                  <a:pt x="415" y="392"/>
                  <a:pt x="408" y="39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" name="Freeform 365"/>
          <p:cNvSpPr>
            <a:spLocks/>
          </p:cNvSpPr>
          <p:nvPr userDrawn="1"/>
        </p:nvSpPr>
        <p:spPr bwMode="auto">
          <a:xfrm>
            <a:off x="4852544" y="1785047"/>
            <a:ext cx="220663" cy="442912"/>
          </a:xfrm>
          <a:custGeom>
            <a:avLst/>
            <a:gdLst/>
            <a:ahLst/>
            <a:cxnLst>
              <a:cxn ang="0">
                <a:pos x="192" y="3"/>
              </a:cxn>
              <a:cxn ang="0">
                <a:pos x="184" y="0"/>
              </a:cxn>
              <a:cxn ang="0">
                <a:pos x="11" y="0"/>
              </a:cxn>
              <a:cxn ang="0">
                <a:pos x="3" y="3"/>
              </a:cxn>
              <a:cxn ang="0">
                <a:pos x="0" y="11"/>
              </a:cxn>
              <a:cxn ang="0">
                <a:pos x="0" y="230"/>
              </a:cxn>
              <a:cxn ang="0">
                <a:pos x="0" y="381"/>
              </a:cxn>
              <a:cxn ang="0">
                <a:pos x="11" y="392"/>
              </a:cxn>
              <a:cxn ang="0">
                <a:pos x="23" y="381"/>
              </a:cxn>
              <a:cxn ang="0">
                <a:pos x="23" y="381"/>
              </a:cxn>
              <a:cxn ang="0">
                <a:pos x="23" y="366"/>
              </a:cxn>
              <a:cxn ang="0">
                <a:pos x="53" y="366"/>
              </a:cxn>
              <a:cxn ang="0">
                <a:pos x="64" y="355"/>
              </a:cxn>
              <a:cxn ang="0">
                <a:pos x="53" y="343"/>
              </a:cxn>
              <a:cxn ang="0">
                <a:pos x="23" y="343"/>
              </a:cxn>
              <a:cxn ang="0">
                <a:pos x="23" y="314"/>
              </a:cxn>
              <a:cxn ang="0">
                <a:pos x="52" y="314"/>
              </a:cxn>
              <a:cxn ang="0">
                <a:pos x="63" y="302"/>
              </a:cxn>
              <a:cxn ang="0">
                <a:pos x="52" y="291"/>
              </a:cxn>
              <a:cxn ang="0">
                <a:pos x="23" y="291"/>
              </a:cxn>
              <a:cxn ang="0">
                <a:pos x="23" y="256"/>
              </a:cxn>
              <a:cxn ang="0">
                <a:pos x="96" y="256"/>
              </a:cxn>
              <a:cxn ang="0">
                <a:pos x="107" y="245"/>
              </a:cxn>
              <a:cxn ang="0">
                <a:pos x="96" y="234"/>
              </a:cxn>
              <a:cxn ang="0">
                <a:pos x="23" y="234"/>
              </a:cxn>
              <a:cxn ang="0">
                <a:pos x="23" y="230"/>
              </a:cxn>
              <a:cxn ang="0">
                <a:pos x="23" y="203"/>
              </a:cxn>
              <a:cxn ang="0">
                <a:pos x="51" y="203"/>
              </a:cxn>
              <a:cxn ang="0">
                <a:pos x="63" y="191"/>
              </a:cxn>
              <a:cxn ang="0">
                <a:pos x="51" y="180"/>
              </a:cxn>
              <a:cxn ang="0">
                <a:pos x="23" y="180"/>
              </a:cxn>
              <a:cxn ang="0">
                <a:pos x="23" y="156"/>
              </a:cxn>
              <a:cxn ang="0">
                <a:pos x="52" y="156"/>
              </a:cxn>
              <a:cxn ang="0">
                <a:pos x="63" y="145"/>
              </a:cxn>
              <a:cxn ang="0">
                <a:pos x="52" y="133"/>
              </a:cxn>
              <a:cxn ang="0">
                <a:pos x="23" y="133"/>
              </a:cxn>
              <a:cxn ang="0">
                <a:pos x="23" y="104"/>
              </a:cxn>
              <a:cxn ang="0">
                <a:pos x="95" y="104"/>
              </a:cxn>
              <a:cxn ang="0">
                <a:pos x="106" y="92"/>
              </a:cxn>
              <a:cxn ang="0">
                <a:pos x="95" y="81"/>
              </a:cxn>
              <a:cxn ang="0">
                <a:pos x="23" y="81"/>
              </a:cxn>
              <a:cxn ang="0">
                <a:pos x="23" y="22"/>
              </a:cxn>
              <a:cxn ang="0">
                <a:pos x="173" y="22"/>
              </a:cxn>
              <a:cxn ang="0">
                <a:pos x="173" y="291"/>
              </a:cxn>
              <a:cxn ang="0">
                <a:pos x="184" y="303"/>
              </a:cxn>
              <a:cxn ang="0">
                <a:pos x="195" y="291"/>
              </a:cxn>
              <a:cxn ang="0">
                <a:pos x="195" y="11"/>
              </a:cxn>
              <a:cxn ang="0">
                <a:pos x="192" y="3"/>
              </a:cxn>
            </a:cxnLst>
            <a:rect l="0" t="0" r="r" b="b"/>
            <a:pathLst>
              <a:path w="195" h="392">
                <a:moveTo>
                  <a:pt x="192" y="3"/>
                </a:moveTo>
                <a:cubicBezTo>
                  <a:pt x="190" y="1"/>
                  <a:pt x="187" y="0"/>
                  <a:pt x="184" y="0"/>
                </a:cubicBezTo>
                <a:cubicBezTo>
                  <a:pt x="11" y="0"/>
                  <a:pt x="11" y="0"/>
                  <a:pt x="11" y="0"/>
                </a:cubicBezTo>
                <a:cubicBezTo>
                  <a:pt x="8" y="0"/>
                  <a:pt x="6" y="1"/>
                  <a:pt x="3" y="3"/>
                </a:cubicBezTo>
                <a:cubicBezTo>
                  <a:pt x="1" y="5"/>
                  <a:pt x="0" y="8"/>
                  <a:pt x="0" y="11"/>
                </a:cubicBezTo>
                <a:cubicBezTo>
                  <a:pt x="0" y="230"/>
                  <a:pt x="0" y="230"/>
                  <a:pt x="0" y="230"/>
                </a:cubicBezTo>
                <a:cubicBezTo>
                  <a:pt x="0" y="381"/>
                  <a:pt x="0" y="381"/>
                  <a:pt x="0" y="381"/>
                </a:cubicBezTo>
                <a:cubicBezTo>
                  <a:pt x="0" y="387"/>
                  <a:pt x="5" y="392"/>
                  <a:pt x="11" y="392"/>
                </a:cubicBezTo>
                <a:cubicBezTo>
                  <a:pt x="18" y="392"/>
                  <a:pt x="23" y="387"/>
                  <a:pt x="23" y="381"/>
                </a:cubicBezTo>
                <a:cubicBezTo>
                  <a:pt x="23" y="381"/>
                  <a:pt x="23" y="381"/>
                  <a:pt x="23" y="381"/>
                </a:cubicBezTo>
                <a:cubicBezTo>
                  <a:pt x="23" y="366"/>
                  <a:pt x="23" y="366"/>
                  <a:pt x="23" y="366"/>
                </a:cubicBezTo>
                <a:cubicBezTo>
                  <a:pt x="53" y="366"/>
                  <a:pt x="53" y="366"/>
                  <a:pt x="53" y="366"/>
                </a:cubicBezTo>
                <a:cubicBezTo>
                  <a:pt x="59" y="366"/>
                  <a:pt x="64" y="361"/>
                  <a:pt x="64" y="355"/>
                </a:cubicBezTo>
                <a:cubicBezTo>
                  <a:pt x="64" y="348"/>
                  <a:pt x="59" y="343"/>
                  <a:pt x="53" y="343"/>
                </a:cubicBezTo>
                <a:cubicBezTo>
                  <a:pt x="23" y="343"/>
                  <a:pt x="23" y="343"/>
                  <a:pt x="23" y="343"/>
                </a:cubicBezTo>
                <a:cubicBezTo>
                  <a:pt x="23" y="314"/>
                  <a:pt x="23" y="314"/>
                  <a:pt x="23" y="314"/>
                </a:cubicBezTo>
                <a:cubicBezTo>
                  <a:pt x="52" y="314"/>
                  <a:pt x="52" y="314"/>
                  <a:pt x="52" y="314"/>
                </a:cubicBezTo>
                <a:cubicBezTo>
                  <a:pt x="58" y="314"/>
                  <a:pt x="63" y="309"/>
                  <a:pt x="63" y="302"/>
                </a:cubicBezTo>
                <a:cubicBezTo>
                  <a:pt x="63" y="296"/>
                  <a:pt x="58" y="291"/>
                  <a:pt x="52" y="291"/>
                </a:cubicBezTo>
                <a:cubicBezTo>
                  <a:pt x="23" y="291"/>
                  <a:pt x="23" y="291"/>
                  <a:pt x="23" y="291"/>
                </a:cubicBezTo>
                <a:cubicBezTo>
                  <a:pt x="23" y="256"/>
                  <a:pt x="23" y="256"/>
                  <a:pt x="23" y="256"/>
                </a:cubicBezTo>
                <a:cubicBezTo>
                  <a:pt x="96" y="256"/>
                  <a:pt x="96" y="256"/>
                  <a:pt x="96" y="256"/>
                </a:cubicBezTo>
                <a:cubicBezTo>
                  <a:pt x="102" y="256"/>
                  <a:pt x="107" y="251"/>
                  <a:pt x="107" y="245"/>
                </a:cubicBezTo>
                <a:cubicBezTo>
                  <a:pt x="107" y="239"/>
                  <a:pt x="102" y="234"/>
                  <a:pt x="96" y="234"/>
                </a:cubicBezTo>
                <a:cubicBezTo>
                  <a:pt x="23" y="234"/>
                  <a:pt x="23" y="234"/>
                  <a:pt x="23" y="234"/>
                </a:cubicBezTo>
                <a:cubicBezTo>
                  <a:pt x="23" y="230"/>
                  <a:pt x="23" y="230"/>
                  <a:pt x="23" y="230"/>
                </a:cubicBezTo>
                <a:cubicBezTo>
                  <a:pt x="23" y="203"/>
                  <a:pt x="23" y="203"/>
                  <a:pt x="23" y="203"/>
                </a:cubicBezTo>
                <a:cubicBezTo>
                  <a:pt x="51" y="203"/>
                  <a:pt x="51" y="203"/>
                  <a:pt x="51" y="203"/>
                </a:cubicBezTo>
                <a:cubicBezTo>
                  <a:pt x="57" y="203"/>
                  <a:pt x="63" y="198"/>
                  <a:pt x="63" y="191"/>
                </a:cubicBezTo>
                <a:cubicBezTo>
                  <a:pt x="63" y="185"/>
                  <a:pt x="57" y="180"/>
                  <a:pt x="51" y="180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56"/>
                  <a:pt x="23" y="156"/>
                  <a:pt x="23" y="156"/>
                </a:cubicBezTo>
                <a:cubicBezTo>
                  <a:pt x="52" y="156"/>
                  <a:pt x="52" y="156"/>
                  <a:pt x="52" y="156"/>
                </a:cubicBezTo>
                <a:cubicBezTo>
                  <a:pt x="58" y="156"/>
                  <a:pt x="63" y="151"/>
                  <a:pt x="63" y="145"/>
                </a:cubicBezTo>
                <a:cubicBezTo>
                  <a:pt x="63" y="138"/>
                  <a:pt x="58" y="133"/>
                  <a:pt x="52" y="133"/>
                </a:cubicBezTo>
                <a:cubicBezTo>
                  <a:pt x="23" y="133"/>
                  <a:pt x="23" y="133"/>
                  <a:pt x="23" y="133"/>
                </a:cubicBezTo>
                <a:cubicBezTo>
                  <a:pt x="23" y="104"/>
                  <a:pt x="23" y="104"/>
                  <a:pt x="23" y="104"/>
                </a:cubicBezTo>
                <a:cubicBezTo>
                  <a:pt x="95" y="104"/>
                  <a:pt x="95" y="104"/>
                  <a:pt x="95" y="104"/>
                </a:cubicBezTo>
                <a:cubicBezTo>
                  <a:pt x="101" y="104"/>
                  <a:pt x="106" y="99"/>
                  <a:pt x="106" y="92"/>
                </a:cubicBezTo>
                <a:cubicBezTo>
                  <a:pt x="106" y="86"/>
                  <a:pt x="101" y="81"/>
                  <a:pt x="95" y="81"/>
                </a:cubicBezTo>
                <a:cubicBezTo>
                  <a:pt x="23" y="81"/>
                  <a:pt x="23" y="81"/>
                  <a:pt x="23" y="81"/>
                </a:cubicBezTo>
                <a:cubicBezTo>
                  <a:pt x="23" y="22"/>
                  <a:pt x="23" y="22"/>
                  <a:pt x="23" y="22"/>
                </a:cubicBezTo>
                <a:cubicBezTo>
                  <a:pt x="173" y="22"/>
                  <a:pt x="173" y="22"/>
                  <a:pt x="173" y="22"/>
                </a:cubicBezTo>
                <a:cubicBezTo>
                  <a:pt x="173" y="291"/>
                  <a:pt x="173" y="291"/>
                  <a:pt x="173" y="291"/>
                </a:cubicBezTo>
                <a:cubicBezTo>
                  <a:pt x="173" y="298"/>
                  <a:pt x="178" y="303"/>
                  <a:pt x="184" y="303"/>
                </a:cubicBezTo>
                <a:cubicBezTo>
                  <a:pt x="190" y="303"/>
                  <a:pt x="195" y="298"/>
                  <a:pt x="195" y="291"/>
                </a:cubicBezTo>
                <a:cubicBezTo>
                  <a:pt x="195" y="11"/>
                  <a:pt x="195" y="11"/>
                  <a:pt x="195" y="11"/>
                </a:cubicBezTo>
                <a:cubicBezTo>
                  <a:pt x="195" y="8"/>
                  <a:pt x="194" y="5"/>
                  <a:pt x="192" y="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34" name="Group 214"/>
          <p:cNvGrpSpPr>
            <a:grpSpLocks noChangeAspect="1"/>
          </p:cNvGrpSpPr>
          <p:nvPr userDrawn="1"/>
        </p:nvGrpSpPr>
        <p:grpSpPr bwMode="auto">
          <a:xfrm>
            <a:off x="3835961" y="4300824"/>
            <a:ext cx="390281" cy="553711"/>
            <a:chOff x="1257" y="2375"/>
            <a:chExt cx="320" cy="454"/>
          </a:xfrm>
          <a:solidFill>
            <a:srgbClr val="009530"/>
          </a:solidFill>
        </p:grpSpPr>
        <p:sp>
          <p:nvSpPr>
            <p:cNvPr id="35" name="Freeform 215"/>
            <p:cNvSpPr>
              <a:spLocks/>
            </p:cNvSpPr>
            <p:nvPr/>
          </p:nvSpPr>
          <p:spPr bwMode="auto">
            <a:xfrm>
              <a:off x="1257" y="2375"/>
              <a:ext cx="320" cy="454"/>
            </a:xfrm>
            <a:custGeom>
              <a:avLst/>
              <a:gdLst/>
              <a:ahLst/>
              <a:cxnLst>
                <a:cxn ang="0">
                  <a:pos x="55" y="0"/>
                </a:cxn>
                <a:cxn ang="0">
                  <a:pos x="0" y="240"/>
                </a:cxn>
                <a:cxn ang="0">
                  <a:pos x="40" y="240"/>
                </a:cxn>
                <a:cxn ang="0">
                  <a:pos x="55" y="38"/>
                </a:cxn>
                <a:cxn ang="0">
                  <a:pos x="412" y="54"/>
                </a:cxn>
                <a:cxn ang="0">
                  <a:pos x="396" y="601"/>
                </a:cxn>
                <a:cxn ang="0">
                  <a:pos x="281" y="581"/>
                </a:cxn>
                <a:cxn ang="0">
                  <a:pos x="169" y="581"/>
                </a:cxn>
                <a:cxn ang="0">
                  <a:pos x="54" y="601"/>
                </a:cxn>
                <a:cxn ang="0">
                  <a:pos x="39" y="337"/>
                </a:cxn>
                <a:cxn ang="0">
                  <a:pos x="98" y="277"/>
                </a:cxn>
                <a:cxn ang="0">
                  <a:pos x="346" y="105"/>
                </a:cxn>
                <a:cxn ang="0">
                  <a:pos x="99" y="475"/>
                </a:cxn>
                <a:cxn ang="0">
                  <a:pos x="80" y="334"/>
                </a:cxn>
                <a:cxn ang="0">
                  <a:pos x="61" y="494"/>
                </a:cxn>
                <a:cxn ang="0">
                  <a:pos x="80" y="513"/>
                </a:cxn>
                <a:cxn ang="0">
                  <a:pos x="385" y="494"/>
                </a:cxn>
                <a:cxn ang="0">
                  <a:pos x="366" y="66"/>
                </a:cxn>
                <a:cxn ang="0">
                  <a:pos x="60" y="86"/>
                </a:cxn>
                <a:cxn ang="0">
                  <a:pos x="60" y="268"/>
                </a:cxn>
                <a:cxn ang="0">
                  <a:pos x="0" y="330"/>
                </a:cxn>
                <a:cxn ang="0">
                  <a:pos x="0" y="586"/>
                </a:cxn>
                <a:cxn ang="0">
                  <a:pos x="193" y="640"/>
                </a:cxn>
                <a:cxn ang="0">
                  <a:pos x="198" y="640"/>
                </a:cxn>
                <a:cxn ang="0">
                  <a:pos x="216" y="603"/>
                </a:cxn>
                <a:cxn ang="0">
                  <a:pos x="210" y="588"/>
                </a:cxn>
                <a:cxn ang="0">
                  <a:pos x="225" y="563"/>
                </a:cxn>
                <a:cxn ang="0">
                  <a:pos x="241" y="588"/>
                </a:cxn>
                <a:cxn ang="0">
                  <a:pos x="237" y="602"/>
                </a:cxn>
                <a:cxn ang="0">
                  <a:pos x="254" y="639"/>
                </a:cxn>
                <a:cxn ang="0">
                  <a:pos x="259" y="640"/>
                </a:cxn>
                <a:cxn ang="0">
                  <a:pos x="450" y="585"/>
                </a:cxn>
                <a:cxn ang="0">
                  <a:pos x="396" y="0"/>
                </a:cxn>
              </a:cxnLst>
              <a:rect l="0" t="0" r="r" b="b"/>
              <a:pathLst>
                <a:path w="450" h="640">
                  <a:moveTo>
                    <a:pt x="396" y="0"/>
                  </a:moveTo>
                  <a:cubicBezTo>
                    <a:pt x="55" y="0"/>
                    <a:pt x="55" y="0"/>
                    <a:pt x="55" y="0"/>
                  </a:cubicBezTo>
                  <a:cubicBezTo>
                    <a:pt x="25" y="0"/>
                    <a:pt x="1" y="24"/>
                    <a:pt x="0" y="54"/>
                  </a:cubicBezTo>
                  <a:cubicBezTo>
                    <a:pt x="0" y="240"/>
                    <a:pt x="0" y="240"/>
                    <a:pt x="0" y="240"/>
                  </a:cubicBezTo>
                  <a:cubicBezTo>
                    <a:pt x="0" y="250"/>
                    <a:pt x="9" y="259"/>
                    <a:pt x="20" y="259"/>
                  </a:cubicBezTo>
                  <a:cubicBezTo>
                    <a:pt x="30" y="259"/>
                    <a:pt x="40" y="250"/>
                    <a:pt x="40" y="240"/>
                  </a:cubicBezTo>
                  <a:cubicBezTo>
                    <a:pt x="40" y="54"/>
                    <a:pt x="40" y="54"/>
                    <a:pt x="40" y="54"/>
                  </a:cubicBezTo>
                  <a:cubicBezTo>
                    <a:pt x="40" y="45"/>
                    <a:pt x="46" y="38"/>
                    <a:pt x="55" y="38"/>
                  </a:cubicBezTo>
                  <a:cubicBezTo>
                    <a:pt x="396" y="38"/>
                    <a:pt x="396" y="38"/>
                    <a:pt x="396" y="38"/>
                  </a:cubicBezTo>
                  <a:cubicBezTo>
                    <a:pt x="405" y="38"/>
                    <a:pt x="412" y="45"/>
                    <a:pt x="412" y="54"/>
                  </a:cubicBezTo>
                  <a:cubicBezTo>
                    <a:pt x="412" y="585"/>
                    <a:pt x="412" y="585"/>
                    <a:pt x="412" y="585"/>
                  </a:cubicBezTo>
                  <a:cubicBezTo>
                    <a:pt x="412" y="593"/>
                    <a:pt x="405" y="601"/>
                    <a:pt x="396" y="601"/>
                  </a:cubicBezTo>
                  <a:cubicBezTo>
                    <a:pt x="278" y="601"/>
                    <a:pt x="278" y="601"/>
                    <a:pt x="278" y="601"/>
                  </a:cubicBezTo>
                  <a:cubicBezTo>
                    <a:pt x="280" y="594"/>
                    <a:pt x="281" y="588"/>
                    <a:pt x="281" y="581"/>
                  </a:cubicBezTo>
                  <a:cubicBezTo>
                    <a:pt x="281" y="550"/>
                    <a:pt x="256" y="525"/>
                    <a:pt x="225" y="525"/>
                  </a:cubicBezTo>
                  <a:cubicBezTo>
                    <a:pt x="195" y="525"/>
                    <a:pt x="169" y="550"/>
                    <a:pt x="169" y="581"/>
                  </a:cubicBezTo>
                  <a:cubicBezTo>
                    <a:pt x="169" y="588"/>
                    <a:pt x="171" y="595"/>
                    <a:pt x="173" y="601"/>
                  </a:cubicBezTo>
                  <a:cubicBezTo>
                    <a:pt x="54" y="601"/>
                    <a:pt x="54" y="601"/>
                    <a:pt x="54" y="601"/>
                  </a:cubicBezTo>
                  <a:cubicBezTo>
                    <a:pt x="46" y="601"/>
                    <a:pt x="39" y="594"/>
                    <a:pt x="39" y="586"/>
                  </a:cubicBezTo>
                  <a:cubicBezTo>
                    <a:pt x="39" y="337"/>
                    <a:pt x="39" y="337"/>
                    <a:pt x="39" y="337"/>
                  </a:cubicBezTo>
                  <a:cubicBezTo>
                    <a:pt x="92" y="292"/>
                    <a:pt x="92" y="292"/>
                    <a:pt x="92" y="292"/>
                  </a:cubicBezTo>
                  <a:cubicBezTo>
                    <a:pt x="96" y="289"/>
                    <a:pt x="98" y="283"/>
                    <a:pt x="98" y="277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346" y="105"/>
                    <a:pt x="346" y="105"/>
                    <a:pt x="346" y="105"/>
                  </a:cubicBezTo>
                  <a:cubicBezTo>
                    <a:pt x="346" y="475"/>
                    <a:pt x="346" y="475"/>
                    <a:pt x="346" y="475"/>
                  </a:cubicBezTo>
                  <a:cubicBezTo>
                    <a:pt x="99" y="475"/>
                    <a:pt x="99" y="475"/>
                    <a:pt x="99" y="475"/>
                  </a:cubicBezTo>
                  <a:cubicBezTo>
                    <a:pt x="100" y="353"/>
                    <a:pt x="100" y="353"/>
                    <a:pt x="100" y="353"/>
                  </a:cubicBezTo>
                  <a:cubicBezTo>
                    <a:pt x="100" y="343"/>
                    <a:pt x="91" y="334"/>
                    <a:pt x="80" y="334"/>
                  </a:cubicBezTo>
                  <a:cubicBezTo>
                    <a:pt x="70" y="334"/>
                    <a:pt x="61" y="343"/>
                    <a:pt x="61" y="353"/>
                  </a:cubicBezTo>
                  <a:cubicBezTo>
                    <a:pt x="61" y="494"/>
                    <a:pt x="61" y="494"/>
                    <a:pt x="61" y="494"/>
                  </a:cubicBezTo>
                  <a:cubicBezTo>
                    <a:pt x="61" y="499"/>
                    <a:pt x="63" y="504"/>
                    <a:pt x="67" y="508"/>
                  </a:cubicBezTo>
                  <a:cubicBezTo>
                    <a:pt x="70" y="511"/>
                    <a:pt x="75" y="513"/>
                    <a:pt x="80" y="513"/>
                  </a:cubicBezTo>
                  <a:cubicBezTo>
                    <a:pt x="366" y="513"/>
                    <a:pt x="366" y="513"/>
                    <a:pt x="366" y="513"/>
                  </a:cubicBezTo>
                  <a:cubicBezTo>
                    <a:pt x="377" y="513"/>
                    <a:pt x="385" y="505"/>
                    <a:pt x="385" y="494"/>
                  </a:cubicBezTo>
                  <a:cubicBezTo>
                    <a:pt x="385" y="86"/>
                    <a:pt x="385" y="86"/>
                    <a:pt x="385" y="86"/>
                  </a:cubicBezTo>
                  <a:cubicBezTo>
                    <a:pt x="385" y="75"/>
                    <a:pt x="377" y="66"/>
                    <a:pt x="366" y="66"/>
                  </a:cubicBezTo>
                  <a:cubicBezTo>
                    <a:pt x="79" y="66"/>
                    <a:pt x="79" y="66"/>
                    <a:pt x="79" y="66"/>
                  </a:cubicBezTo>
                  <a:cubicBezTo>
                    <a:pt x="68" y="66"/>
                    <a:pt x="60" y="75"/>
                    <a:pt x="60" y="86"/>
                  </a:cubicBezTo>
                  <a:cubicBezTo>
                    <a:pt x="60" y="86"/>
                    <a:pt x="60" y="87"/>
                    <a:pt x="60" y="87"/>
                  </a:cubicBezTo>
                  <a:cubicBezTo>
                    <a:pt x="60" y="268"/>
                    <a:pt x="60" y="268"/>
                    <a:pt x="60" y="268"/>
                  </a:cubicBezTo>
                  <a:cubicBezTo>
                    <a:pt x="7" y="313"/>
                    <a:pt x="7" y="313"/>
                    <a:pt x="7" y="313"/>
                  </a:cubicBezTo>
                  <a:cubicBezTo>
                    <a:pt x="2" y="317"/>
                    <a:pt x="0" y="324"/>
                    <a:pt x="0" y="330"/>
                  </a:cubicBezTo>
                  <a:cubicBezTo>
                    <a:pt x="0" y="331"/>
                    <a:pt x="0" y="331"/>
                    <a:pt x="0" y="332"/>
                  </a:cubicBezTo>
                  <a:cubicBezTo>
                    <a:pt x="0" y="586"/>
                    <a:pt x="0" y="586"/>
                    <a:pt x="0" y="586"/>
                  </a:cubicBezTo>
                  <a:cubicBezTo>
                    <a:pt x="0" y="615"/>
                    <a:pt x="25" y="640"/>
                    <a:pt x="54" y="640"/>
                  </a:cubicBezTo>
                  <a:cubicBezTo>
                    <a:pt x="193" y="640"/>
                    <a:pt x="193" y="640"/>
                    <a:pt x="193" y="640"/>
                  </a:cubicBezTo>
                  <a:cubicBezTo>
                    <a:pt x="194" y="640"/>
                    <a:pt x="194" y="640"/>
                    <a:pt x="195" y="640"/>
                  </a:cubicBezTo>
                  <a:cubicBezTo>
                    <a:pt x="198" y="640"/>
                    <a:pt x="198" y="640"/>
                    <a:pt x="198" y="640"/>
                  </a:cubicBezTo>
                  <a:cubicBezTo>
                    <a:pt x="208" y="639"/>
                    <a:pt x="216" y="630"/>
                    <a:pt x="216" y="620"/>
                  </a:cubicBezTo>
                  <a:cubicBezTo>
                    <a:pt x="216" y="603"/>
                    <a:pt x="216" y="603"/>
                    <a:pt x="216" y="603"/>
                  </a:cubicBezTo>
                  <a:cubicBezTo>
                    <a:pt x="216" y="598"/>
                    <a:pt x="215" y="596"/>
                    <a:pt x="213" y="593"/>
                  </a:cubicBezTo>
                  <a:cubicBezTo>
                    <a:pt x="210" y="588"/>
                    <a:pt x="210" y="588"/>
                    <a:pt x="210" y="588"/>
                  </a:cubicBezTo>
                  <a:cubicBezTo>
                    <a:pt x="209" y="586"/>
                    <a:pt x="208" y="583"/>
                    <a:pt x="208" y="581"/>
                  </a:cubicBezTo>
                  <a:cubicBezTo>
                    <a:pt x="208" y="569"/>
                    <a:pt x="216" y="563"/>
                    <a:pt x="225" y="563"/>
                  </a:cubicBezTo>
                  <a:cubicBezTo>
                    <a:pt x="236" y="563"/>
                    <a:pt x="243" y="570"/>
                    <a:pt x="243" y="581"/>
                  </a:cubicBezTo>
                  <a:cubicBezTo>
                    <a:pt x="243" y="583"/>
                    <a:pt x="242" y="586"/>
                    <a:pt x="241" y="588"/>
                  </a:cubicBezTo>
                  <a:cubicBezTo>
                    <a:pt x="239" y="593"/>
                    <a:pt x="239" y="593"/>
                    <a:pt x="239" y="593"/>
                  </a:cubicBezTo>
                  <a:cubicBezTo>
                    <a:pt x="237" y="595"/>
                    <a:pt x="237" y="599"/>
                    <a:pt x="237" y="602"/>
                  </a:cubicBezTo>
                  <a:cubicBezTo>
                    <a:pt x="237" y="619"/>
                    <a:pt x="237" y="619"/>
                    <a:pt x="237" y="619"/>
                  </a:cubicBezTo>
                  <a:cubicBezTo>
                    <a:pt x="237" y="630"/>
                    <a:pt x="244" y="638"/>
                    <a:pt x="254" y="639"/>
                  </a:cubicBezTo>
                  <a:cubicBezTo>
                    <a:pt x="258" y="639"/>
                    <a:pt x="258" y="639"/>
                    <a:pt x="258" y="639"/>
                  </a:cubicBezTo>
                  <a:cubicBezTo>
                    <a:pt x="258" y="639"/>
                    <a:pt x="259" y="640"/>
                    <a:pt x="259" y="640"/>
                  </a:cubicBezTo>
                  <a:cubicBezTo>
                    <a:pt x="396" y="640"/>
                    <a:pt x="396" y="640"/>
                    <a:pt x="396" y="640"/>
                  </a:cubicBezTo>
                  <a:cubicBezTo>
                    <a:pt x="426" y="640"/>
                    <a:pt x="450" y="615"/>
                    <a:pt x="450" y="585"/>
                  </a:cubicBezTo>
                  <a:cubicBezTo>
                    <a:pt x="450" y="54"/>
                    <a:pt x="450" y="54"/>
                    <a:pt x="450" y="54"/>
                  </a:cubicBezTo>
                  <a:cubicBezTo>
                    <a:pt x="450" y="24"/>
                    <a:pt x="426" y="0"/>
                    <a:pt x="396" y="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6" name="Line 216"/>
            <p:cNvSpPr>
              <a:spLocks noChangeShapeType="1"/>
            </p:cNvSpPr>
            <p:nvPr/>
          </p:nvSpPr>
          <p:spPr bwMode="auto">
            <a:xfrm>
              <a:off x="1382" y="2797"/>
              <a:ext cx="1" cy="1"/>
            </a:xfrm>
            <a:prstGeom prst="lin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7" name="Line 217"/>
            <p:cNvSpPr>
              <a:spLocks noChangeShapeType="1"/>
            </p:cNvSpPr>
            <p:nvPr/>
          </p:nvSpPr>
          <p:spPr bwMode="auto">
            <a:xfrm>
              <a:off x="1382" y="2797"/>
              <a:ext cx="1" cy="1"/>
            </a:xfrm>
            <a:prstGeom prst="lin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8" name="Freeform 259"/>
          <p:cNvSpPr>
            <a:spLocks noEditPoints="1"/>
          </p:cNvSpPr>
          <p:nvPr userDrawn="1"/>
        </p:nvSpPr>
        <p:spPr bwMode="auto">
          <a:xfrm>
            <a:off x="3767576" y="1210869"/>
            <a:ext cx="527050" cy="422275"/>
          </a:xfrm>
          <a:custGeom>
            <a:avLst/>
            <a:gdLst/>
            <a:ahLst/>
            <a:cxnLst>
              <a:cxn ang="0">
                <a:pos x="205" y="4"/>
              </a:cxn>
              <a:cxn ang="0">
                <a:pos x="61" y="129"/>
              </a:cxn>
              <a:cxn ang="0">
                <a:pos x="60" y="148"/>
              </a:cxn>
              <a:cxn ang="0">
                <a:pos x="79" y="149"/>
              </a:cxn>
              <a:cxn ang="0">
                <a:pos x="218" y="28"/>
              </a:cxn>
              <a:cxn ang="0">
                <a:pos x="413" y="62"/>
              </a:cxn>
              <a:cxn ang="0">
                <a:pos x="400" y="113"/>
              </a:cxn>
              <a:cxn ang="0">
                <a:pos x="402" y="131"/>
              </a:cxn>
              <a:cxn ang="0">
                <a:pos x="430" y="174"/>
              </a:cxn>
              <a:cxn ang="0">
                <a:pos x="261" y="344"/>
              </a:cxn>
              <a:cxn ang="0">
                <a:pos x="71" y="290"/>
              </a:cxn>
              <a:cxn ang="0">
                <a:pos x="32" y="243"/>
              </a:cxn>
              <a:cxn ang="0">
                <a:pos x="31" y="234"/>
              </a:cxn>
              <a:cxn ang="0">
                <a:pos x="58" y="197"/>
              </a:cxn>
              <a:cxn ang="0">
                <a:pos x="241" y="247"/>
              </a:cxn>
              <a:cxn ang="0">
                <a:pos x="253" y="243"/>
              </a:cxn>
              <a:cxn ang="0">
                <a:pos x="376" y="131"/>
              </a:cxn>
              <a:cxn ang="0">
                <a:pos x="385" y="118"/>
              </a:cxn>
              <a:cxn ang="0">
                <a:pos x="372" y="105"/>
              </a:cxn>
              <a:cxn ang="0">
                <a:pos x="295" y="166"/>
              </a:cxn>
              <a:cxn ang="0">
                <a:pos x="240" y="219"/>
              </a:cxn>
              <a:cxn ang="0">
                <a:pos x="60" y="170"/>
              </a:cxn>
              <a:cxn ang="0">
                <a:pos x="51" y="171"/>
              </a:cxn>
              <a:cxn ang="0">
                <a:pos x="6" y="248"/>
              </a:cxn>
              <a:cxn ang="0">
                <a:pos x="69" y="317"/>
              </a:cxn>
              <a:cxn ang="0">
                <a:pos x="261" y="372"/>
              </a:cxn>
              <a:cxn ang="0">
                <a:pos x="274" y="368"/>
              </a:cxn>
              <a:cxn ang="0">
                <a:pos x="462" y="181"/>
              </a:cxn>
              <a:cxn ang="0">
                <a:pos x="466" y="169"/>
              </a:cxn>
              <a:cxn ang="0">
                <a:pos x="457" y="159"/>
              </a:cxn>
              <a:cxn ang="0">
                <a:pos x="428" y="126"/>
              </a:cxn>
              <a:cxn ang="0">
                <a:pos x="446" y="62"/>
              </a:cxn>
              <a:cxn ang="0">
                <a:pos x="449" y="49"/>
              </a:cxn>
              <a:cxn ang="0">
                <a:pos x="439" y="40"/>
              </a:cxn>
              <a:cxn ang="0">
                <a:pos x="216" y="0"/>
              </a:cxn>
              <a:cxn ang="0">
                <a:pos x="205" y="4"/>
              </a:cxn>
              <a:cxn ang="0">
                <a:pos x="374" y="131"/>
              </a:cxn>
              <a:cxn ang="0">
                <a:pos x="372" y="131"/>
              </a:cxn>
              <a:cxn ang="0">
                <a:pos x="374" y="131"/>
              </a:cxn>
            </a:cxnLst>
            <a:rect l="0" t="0" r="r" b="b"/>
            <a:pathLst>
              <a:path w="467" h="373">
                <a:moveTo>
                  <a:pt x="205" y="4"/>
                </a:moveTo>
                <a:cubicBezTo>
                  <a:pt x="61" y="129"/>
                  <a:pt x="61" y="129"/>
                  <a:pt x="61" y="129"/>
                </a:cubicBezTo>
                <a:cubicBezTo>
                  <a:pt x="56" y="134"/>
                  <a:pt x="55" y="142"/>
                  <a:pt x="60" y="148"/>
                </a:cubicBezTo>
                <a:cubicBezTo>
                  <a:pt x="65" y="153"/>
                  <a:pt x="73" y="154"/>
                  <a:pt x="79" y="149"/>
                </a:cubicBezTo>
                <a:cubicBezTo>
                  <a:pt x="79" y="149"/>
                  <a:pt x="209" y="36"/>
                  <a:pt x="218" y="28"/>
                </a:cubicBezTo>
                <a:cubicBezTo>
                  <a:pt x="229" y="30"/>
                  <a:pt x="380" y="57"/>
                  <a:pt x="413" y="62"/>
                </a:cubicBezTo>
                <a:cubicBezTo>
                  <a:pt x="405" y="78"/>
                  <a:pt x="400" y="96"/>
                  <a:pt x="400" y="113"/>
                </a:cubicBezTo>
                <a:cubicBezTo>
                  <a:pt x="400" y="119"/>
                  <a:pt x="401" y="125"/>
                  <a:pt x="402" y="131"/>
                </a:cubicBezTo>
                <a:cubicBezTo>
                  <a:pt x="406" y="149"/>
                  <a:pt x="416" y="164"/>
                  <a:pt x="430" y="174"/>
                </a:cubicBezTo>
                <a:cubicBezTo>
                  <a:pt x="386" y="218"/>
                  <a:pt x="287" y="318"/>
                  <a:pt x="261" y="344"/>
                </a:cubicBezTo>
                <a:cubicBezTo>
                  <a:pt x="229" y="333"/>
                  <a:pt x="109" y="293"/>
                  <a:pt x="71" y="290"/>
                </a:cubicBezTo>
                <a:cubicBezTo>
                  <a:pt x="59" y="289"/>
                  <a:pt x="37" y="268"/>
                  <a:pt x="32" y="243"/>
                </a:cubicBezTo>
                <a:cubicBezTo>
                  <a:pt x="31" y="240"/>
                  <a:pt x="31" y="237"/>
                  <a:pt x="31" y="234"/>
                </a:cubicBezTo>
                <a:cubicBezTo>
                  <a:pt x="31" y="219"/>
                  <a:pt x="40" y="206"/>
                  <a:pt x="58" y="197"/>
                </a:cubicBezTo>
                <a:cubicBezTo>
                  <a:pt x="67" y="200"/>
                  <a:pt x="241" y="247"/>
                  <a:pt x="241" y="247"/>
                </a:cubicBezTo>
                <a:cubicBezTo>
                  <a:pt x="245" y="248"/>
                  <a:pt x="250" y="247"/>
                  <a:pt x="253" y="243"/>
                </a:cubicBezTo>
                <a:cubicBezTo>
                  <a:pt x="305" y="192"/>
                  <a:pt x="365" y="137"/>
                  <a:pt x="376" y="131"/>
                </a:cubicBezTo>
                <a:cubicBezTo>
                  <a:pt x="381" y="129"/>
                  <a:pt x="385" y="124"/>
                  <a:pt x="385" y="118"/>
                </a:cubicBezTo>
                <a:cubicBezTo>
                  <a:pt x="385" y="111"/>
                  <a:pt x="379" y="105"/>
                  <a:pt x="372" y="105"/>
                </a:cubicBezTo>
                <a:cubicBezTo>
                  <a:pt x="365" y="105"/>
                  <a:pt x="361" y="105"/>
                  <a:pt x="295" y="166"/>
                </a:cubicBezTo>
                <a:cubicBezTo>
                  <a:pt x="273" y="188"/>
                  <a:pt x="250" y="209"/>
                  <a:pt x="240" y="219"/>
                </a:cubicBezTo>
                <a:cubicBezTo>
                  <a:pt x="227" y="215"/>
                  <a:pt x="60" y="170"/>
                  <a:pt x="60" y="170"/>
                </a:cubicBezTo>
                <a:cubicBezTo>
                  <a:pt x="57" y="169"/>
                  <a:pt x="54" y="169"/>
                  <a:pt x="51" y="171"/>
                </a:cubicBezTo>
                <a:cubicBezTo>
                  <a:pt x="16" y="186"/>
                  <a:pt x="0" y="215"/>
                  <a:pt x="6" y="248"/>
                </a:cubicBezTo>
                <a:cubicBezTo>
                  <a:pt x="12" y="282"/>
                  <a:pt x="42" y="315"/>
                  <a:pt x="69" y="317"/>
                </a:cubicBezTo>
                <a:cubicBezTo>
                  <a:pt x="102" y="319"/>
                  <a:pt x="218" y="357"/>
                  <a:pt x="261" y="372"/>
                </a:cubicBezTo>
                <a:cubicBezTo>
                  <a:pt x="265" y="373"/>
                  <a:pt x="271" y="372"/>
                  <a:pt x="274" y="368"/>
                </a:cubicBezTo>
                <a:cubicBezTo>
                  <a:pt x="276" y="367"/>
                  <a:pt x="425" y="215"/>
                  <a:pt x="462" y="181"/>
                </a:cubicBezTo>
                <a:cubicBezTo>
                  <a:pt x="465" y="178"/>
                  <a:pt x="467" y="173"/>
                  <a:pt x="466" y="169"/>
                </a:cubicBezTo>
                <a:cubicBezTo>
                  <a:pt x="465" y="164"/>
                  <a:pt x="462" y="160"/>
                  <a:pt x="457" y="159"/>
                </a:cubicBezTo>
                <a:cubicBezTo>
                  <a:pt x="441" y="153"/>
                  <a:pt x="431" y="142"/>
                  <a:pt x="428" y="126"/>
                </a:cubicBezTo>
                <a:cubicBezTo>
                  <a:pt x="423" y="102"/>
                  <a:pt x="433" y="75"/>
                  <a:pt x="446" y="62"/>
                </a:cubicBezTo>
                <a:cubicBezTo>
                  <a:pt x="449" y="59"/>
                  <a:pt x="451" y="54"/>
                  <a:pt x="449" y="49"/>
                </a:cubicBezTo>
                <a:cubicBezTo>
                  <a:pt x="448" y="44"/>
                  <a:pt x="444" y="41"/>
                  <a:pt x="439" y="40"/>
                </a:cubicBezTo>
                <a:cubicBezTo>
                  <a:pt x="216" y="0"/>
                  <a:pt x="216" y="0"/>
                  <a:pt x="216" y="0"/>
                </a:cubicBezTo>
                <a:cubicBezTo>
                  <a:pt x="212" y="0"/>
                  <a:pt x="208" y="1"/>
                  <a:pt x="205" y="4"/>
                </a:cubicBezTo>
                <a:close/>
                <a:moveTo>
                  <a:pt x="374" y="131"/>
                </a:moveTo>
                <a:cubicBezTo>
                  <a:pt x="373" y="131"/>
                  <a:pt x="372" y="131"/>
                  <a:pt x="372" y="131"/>
                </a:cubicBezTo>
                <a:cubicBezTo>
                  <a:pt x="372" y="131"/>
                  <a:pt x="373" y="131"/>
                  <a:pt x="374" y="13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9" name="Freeform 292"/>
          <p:cNvSpPr>
            <a:spLocks/>
          </p:cNvSpPr>
          <p:nvPr userDrawn="1"/>
        </p:nvSpPr>
        <p:spPr bwMode="auto">
          <a:xfrm>
            <a:off x="3771545" y="2996514"/>
            <a:ext cx="519112" cy="503238"/>
          </a:xfrm>
          <a:custGeom>
            <a:avLst/>
            <a:gdLst/>
            <a:ahLst/>
            <a:cxnLst>
              <a:cxn ang="0">
                <a:pos x="129" y="447"/>
              </a:cxn>
              <a:cxn ang="0">
                <a:pos x="0" y="315"/>
              </a:cxn>
              <a:cxn ang="0">
                <a:pos x="41" y="108"/>
              </a:cxn>
              <a:cxn ang="0">
                <a:pos x="51" y="75"/>
              </a:cxn>
              <a:cxn ang="0">
                <a:pos x="60" y="34"/>
              </a:cxn>
              <a:cxn ang="0">
                <a:pos x="125" y="34"/>
              </a:cxn>
              <a:cxn ang="0">
                <a:pos x="130" y="68"/>
              </a:cxn>
              <a:cxn ang="0">
                <a:pos x="163" y="0"/>
              </a:cxn>
              <a:cxn ang="0">
                <a:pos x="195" y="70"/>
              </a:cxn>
              <a:cxn ang="0">
                <a:pos x="215" y="104"/>
              </a:cxn>
              <a:cxn ang="0">
                <a:pos x="152" y="182"/>
              </a:cxn>
              <a:cxn ang="0">
                <a:pos x="148" y="156"/>
              </a:cxn>
              <a:cxn ang="0">
                <a:pos x="188" y="103"/>
              </a:cxn>
              <a:cxn ang="0">
                <a:pos x="184" y="95"/>
              </a:cxn>
              <a:cxn ang="0">
                <a:pos x="182" y="95"/>
              </a:cxn>
              <a:cxn ang="0">
                <a:pos x="168" y="34"/>
              </a:cxn>
              <a:cxn ang="0">
                <a:pos x="157" y="34"/>
              </a:cxn>
              <a:cxn ang="0">
                <a:pos x="143" y="95"/>
              </a:cxn>
              <a:cxn ang="0">
                <a:pos x="99" y="81"/>
              </a:cxn>
              <a:cxn ang="0">
                <a:pos x="93" y="27"/>
              </a:cxn>
              <a:cxn ang="0">
                <a:pos x="87" y="81"/>
              </a:cxn>
              <a:cxn ang="0">
                <a:pos x="72" y="95"/>
              </a:cxn>
              <a:cxn ang="0">
                <a:pos x="67" y="103"/>
              </a:cxn>
              <a:cxn ang="0">
                <a:pos x="108" y="156"/>
              </a:cxn>
              <a:cxn ang="0">
                <a:pos x="113" y="181"/>
              </a:cxn>
              <a:cxn ang="0">
                <a:pos x="129" y="420"/>
              </a:cxn>
              <a:cxn ang="0">
                <a:pos x="421" y="357"/>
              </a:cxn>
              <a:cxn ang="0">
                <a:pos x="320" y="307"/>
              </a:cxn>
              <a:cxn ang="0">
                <a:pos x="254" y="264"/>
              </a:cxn>
              <a:cxn ang="0">
                <a:pos x="227" y="231"/>
              </a:cxn>
              <a:cxn ang="0">
                <a:pos x="207" y="245"/>
              </a:cxn>
              <a:cxn ang="0">
                <a:pos x="196" y="264"/>
              </a:cxn>
              <a:cxn ang="0">
                <a:pos x="114" y="283"/>
              </a:cxn>
              <a:cxn ang="0">
                <a:pos x="79" y="323"/>
              </a:cxn>
              <a:cxn ang="0">
                <a:pos x="75" y="347"/>
              </a:cxn>
              <a:cxn ang="0">
                <a:pos x="215" y="377"/>
              </a:cxn>
              <a:cxn ang="0">
                <a:pos x="322" y="330"/>
              </a:cxn>
              <a:cxn ang="0">
                <a:pos x="322" y="357"/>
              </a:cxn>
              <a:cxn ang="0">
                <a:pos x="220" y="403"/>
              </a:cxn>
              <a:cxn ang="0">
                <a:pos x="48" y="318"/>
              </a:cxn>
              <a:cxn ang="0">
                <a:pos x="80" y="293"/>
              </a:cxn>
              <a:cxn ang="0">
                <a:pos x="120" y="238"/>
              </a:cxn>
              <a:cxn ang="0">
                <a:pos x="166" y="224"/>
              </a:cxn>
              <a:cxn ang="0">
                <a:pos x="178" y="204"/>
              </a:cxn>
              <a:cxn ang="0">
                <a:pos x="245" y="211"/>
              </a:cxn>
              <a:cxn ang="0">
                <a:pos x="293" y="238"/>
              </a:cxn>
              <a:cxn ang="0">
                <a:pos x="369" y="330"/>
              </a:cxn>
              <a:cxn ang="0">
                <a:pos x="458" y="337"/>
              </a:cxn>
              <a:cxn ang="0">
                <a:pos x="425" y="397"/>
              </a:cxn>
            </a:cxnLst>
            <a:rect l="0" t="0" r="r" b="b"/>
            <a:pathLst>
              <a:path w="460" h="447">
                <a:moveTo>
                  <a:pt x="371" y="447"/>
                </a:moveTo>
                <a:cubicBezTo>
                  <a:pt x="129" y="447"/>
                  <a:pt x="129" y="447"/>
                  <a:pt x="129" y="447"/>
                </a:cubicBezTo>
                <a:cubicBezTo>
                  <a:pt x="92" y="447"/>
                  <a:pt x="62" y="437"/>
                  <a:pt x="40" y="418"/>
                </a:cubicBezTo>
                <a:cubicBezTo>
                  <a:pt x="14" y="396"/>
                  <a:pt x="0" y="361"/>
                  <a:pt x="0" y="315"/>
                </a:cubicBezTo>
                <a:cubicBezTo>
                  <a:pt x="0" y="249"/>
                  <a:pt x="48" y="199"/>
                  <a:pt x="77" y="175"/>
                </a:cubicBezTo>
                <a:cubicBezTo>
                  <a:pt x="42" y="159"/>
                  <a:pt x="41" y="129"/>
                  <a:pt x="41" y="108"/>
                </a:cubicBezTo>
                <a:cubicBezTo>
                  <a:pt x="41" y="107"/>
                  <a:pt x="41" y="105"/>
                  <a:pt x="41" y="104"/>
                </a:cubicBezTo>
                <a:cubicBezTo>
                  <a:pt x="40" y="88"/>
                  <a:pt x="46" y="80"/>
                  <a:pt x="51" y="75"/>
                </a:cubicBezTo>
                <a:cubicBezTo>
                  <a:pt x="54" y="73"/>
                  <a:pt x="57" y="71"/>
                  <a:pt x="60" y="70"/>
                </a:cubicBezTo>
                <a:cubicBezTo>
                  <a:pt x="60" y="34"/>
                  <a:pt x="60" y="34"/>
                  <a:pt x="60" y="34"/>
                </a:cubicBezTo>
                <a:cubicBezTo>
                  <a:pt x="60" y="15"/>
                  <a:pt x="75" y="0"/>
                  <a:pt x="93" y="0"/>
                </a:cubicBezTo>
                <a:cubicBezTo>
                  <a:pt x="111" y="0"/>
                  <a:pt x="125" y="15"/>
                  <a:pt x="125" y="34"/>
                </a:cubicBezTo>
                <a:cubicBezTo>
                  <a:pt x="125" y="68"/>
                  <a:pt x="125" y="68"/>
                  <a:pt x="125" y="68"/>
                </a:cubicBezTo>
                <a:cubicBezTo>
                  <a:pt x="130" y="68"/>
                  <a:pt x="130" y="68"/>
                  <a:pt x="130" y="68"/>
                </a:cubicBezTo>
                <a:cubicBezTo>
                  <a:pt x="130" y="34"/>
                  <a:pt x="130" y="34"/>
                  <a:pt x="130" y="34"/>
                </a:cubicBezTo>
                <a:cubicBezTo>
                  <a:pt x="130" y="15"/>
                  <a:pt x="145" y="0"/>
                  <a:pt x="163" y="0"/>
                </a:cubicBezTo>
                <a:cubicBezTo>
                  <a:pt x="180" y="0"/>
                  <a:pt x="195" y="15"/>
                  <a:pt x="195" y="34"/>
                </a:cubicBezTo>
                <a:cubicBezTo>
                  <a:pt x="195" y="70"/>
                  <a:pt x="195" y="70"/>
                  <a:pt x="195" y="70"/>
                </a:cubicBezTo>
                <a:cubicBezTo>
                  <a:pt x="198" y="71"/>
                  <a:pt x="201" y="73"/>
                  <a:pt x="204" y="75"/>
                </a:cubicBezTo>
                <a:cubicBezTo>
                  <a:pt x="209" y="80"/>
                  <a:pt x="215" y="88"/>
                  <a:pt x="215" y="104"/>
                </a:cubicBezTo>
                <a:cubicBezTo>
                  <a:pt x="215" y="105"/>
                  <a:pt x="215" y="107"/>
                  <a:pt x="215" y="108"/>
                </a:cubicBezTo>
                <a:cubicBezTo>
                  <a:pt x="214" y="133"/>
                  <a:pt x="214" y="171"/>
                  <a:pt x="152" y="182"/>
                </a:cubicBezTo>
                <a:cubicBezTo>
                  <a:pt x="145" y="184"/>
                  <a:pt x="138" y="179"/>
                  <a:pt x="137" y="172"/>
                </a:cubicBezTo>
                <a:cubicBezTo>
                  <a:pt x="135" y="164"/>
                  <a:pt x="140" y="158"/>
                  <a:pt x="148" y="156"/>
                </a:cubicBezTo>
                <a:cubicBezTo>
                  <a:pt x="187" y="149"/>
                  <a:pt x="188" y="132"/>
                  <a:pt x="188" y="108"/>
                </a:cubicBezTo>
                <a:cubicBezTo>
                  <a:pt x="188" y="106"/>
                  <a:pt x="188" y="105"/>
                  <a:pt x="188" y="103"/>
                </a:cubicBezTo>
                <a:cubicBezTo>
                  <a:pt x="188" y="99"/>
                  <a:pt x="187" y="96"/>
                  <a:pt x="187" y="95"/>
                </a:cubicBezTo>
                <a:cubicBezTo>
                  <a:pt x="186" y="95"/>
                  <a:pt x="184" y="95"/>
                  <a:pt x="184" y="95"/>
                </a:cubicBezTo>
                <a:cubicBezTo>
                  <a:pt x="183" y="95"/>
                  <a:pt x="183" y="95"/>
                  <a:pt x="182" y="95"/>
                </a:cubicBezTo>
                <a:cubicBezTo>
                  <a:pt x="182" y="95"/>
                  <a:pt x="182" y="95"/>
                  <a:pt x="182" y="95"/>
                </a:cubicBezTo>
                <a:cubicBezTo>
                  <a:pt x="174" y="95"/>
                  <a:pt x="168" y="89"/>
                  <a:pt x="168" y="81"/>
                </a:cubicBezTo>
                <a:cubicBezTo>
                  <a:pt x="168" y="34"/>
                  <a:pt x="168" y="34"/>
                  <a:pt x="168" y="34"/>
                </a:cubicBezTo>
                <a:cubicBezTo>
                  <a:pt x="168" y="30"/>
                  <a:pt x="166" y="27"/>
                  <a:pt x="163" y="27"/>
                </a:cubicBezTo>
                <a:cubicBezTo>
                  <a:pt x="159" y="27"/>
                  <a:pt x="157" y="30"/>
                  <a:pt x="157" y="34"/>
                </a:cubicBezTo>
                <a:cubicBezTo>
                  <a:pt x="157" y="81"/>
                  <a:pt x="157" y="81"/>
                  <a:pt x="157" y="81"/>
                </a:cubicBezTo>
                <a:cubicBezTo>
                  <a:pt x="157" y="89"/>
                  <a:pt x="151" y="95"/>
                  <a:pt x="143" y="95"/>
                </a:cubicBezTo>
                <a:cubicBezTo>
                  <a:pt x="112" y="95"/>
                  <a:pt x="112" y="95"/>
                  <a:pt x="112" y="95"/>
                </a:cubicBezTo>
                <a:cubicBezTo>
                  <a:pt x="105" y="95"/>
                  <a:pt x="99" y="89"/>
                  <a:pt x="99" y="81"/>
                </a:cubicBezTo>
                <a:cubicBezTo>
                  <a:pt x="99" y="34"/>
                  <a:pt x="99" y="34"/>
                  <a:pt x="99" y="34"/>
                </a:cubicBezTo>
                <a:cubicBezTo>
                  <a:pt x="99" y="30"/>
                  <a:pt x="96" y="27"/>
                  <a:pt x="93" y="27"/>
                </a:cubicBezTo>
                <a:cubicBezTo>
                  <a:pt x="90" y="27"/>
                  <a:pt x="87" y="30"/>
                  <a:pt x="87" y="34"/>
                </a:cubicBezTo>
                <a:cubicBezTo>
                  <a:pt x="87" y="81"/>
                  <a:pt x="87" y="81"/>
                  <a:pt x="87" y="81"/>
                </a:cubicBezTo>
                <a:cubicBezTo>
                  <a:pt x="87" y="85"/>
                  <a:pt x="86" y="89"/>
                  <a:pt x="83" y="92"/>
                </a:cubicBezTo>
                <a:cubicBezTo>
                  <a:pt x="79" y="94"/>
                  <a:pt x="76" y="95"/>
                  <a:pt x="72" y="95"/>
                </a:cubicBezTo>
                <a:cubicBezTo>
                  <a:pt x="71" y="95"/>
                  <a:pt x="70" y="95"/>
                  <a:pt x="69" y="95"/>
                </a:cubicBezTo>
                <a:cubicBezTo>
                  <a:pt x="68" y="96"/>
                  <a:pt x="67" y="99"/>
                  <a:pt x="67" y="103"/>
                </a:cubicBezTo>
                <a:cubicBezTo>
                  <a:pt x="67" y="105"/>
                  <a:pt x="67" y="106"/>
                  <a:pt x="67" y="108"/>
                </a:cubicBezTo>
                <a:cubicBezTo>
                  <a:pt x="68" y="132"/>
                  <a:pt x="68" y="149"/>
                  <a:pt x="108" y="156"/>
                </a:cubicBezTo>
                <a:cubicBezTo>
                  <a:pt x="113" y="157"/>
                  <a:pt x="118" y="161"/>
                  <a:pt x="119" y="167"/>
                </a:cubicBezTo>
                <a:cubicBezTo>
                  <a:pt x="120" y="172"/>
                  <a:pt x="117" y="178"/>
                  <a:pt x="113" y="181"/>
                </a:cubicBezTo>
                <a:cubicBezTo>
                  <a:pt x="112" y="181"/>
                  <a:pt x="27" y="237"/>
                  <a:pt x="27" y="315"/>
                </a:cubicBezTo>
                <a:cubicBezTo>
                  <a:pt x="27" y="385"/>
                  <a:pt x="61" y="420"/>
                  <a:pt x="129" y="420"/>
                </a:cubicBezTo>
                <a:cubicBezTo>
                  <a:pt x="369" y="420"/>
                  <a:pt x="369" y="420"/>
                  <a:pt x="369" y="420"/>
                </a:cubicBezTo>
                <a:cubicBezTo>
                  <a:pt x="377" y="415"/>
                  <a:pt x="400" y="387"/>
                  <a:pt x="421" y="357"/>
                </a:cubicBezTo>
                <a:cubicBezTo>
                  <a:pt x="365" y="357"/>
                  <a:pt x="365" y="357"/>
                  <a:pt x="365" y="357"/>
                </a:cubicBezTo>
                <a:cubicBezTo>
                  <a:pt x="355" y="357"/>
                  <a:pt x="348" y="349"/>
                  <a:pt x="320" y="307"/>
                </a:cubicBezTo>
                <a:cubicBezTo>
                  <a:pt x="310" y="292"/>
                  <a:pt x="296" y="271"/>
                  <a:pt x="290" y="264"/>
                </a:cubicBezTo>
                <a:cubicBezTo>
                  <a:pt x="254" y="264"/>
                  <a:pt x="254" y="264"/>
                  <a:pt x="254" y="264"/>
                </a:cubicBezTo>
                <a:cubicBezTo>
                  <a:pt x="250" y="264"/>
                  <a:pt x="245" y="262"/>
                  <a:pt x="243" y="258"/>
                </a:cubicBezTo>
                <a:cubicBezTo>
                  <a:pt x="227" y="231"/>
                  <a:pt x="227" y="231"/>
                  <a:pt x="227" y="231"/>
                </a:cubicBezTo>
                <a:cubicBezTo>
                  <a:pt x="200" y="231"/>
                  <a:pt x="200" y="231"/>
                  <a:pt x="200" y="231"/>
                </a:cubicBezTo>
                <a:cubicBezTo>
                  <a:pt x="207" y="245"/>
                  <a:pt x="207" y="245"/>
                  <a:pt x="207" y="245"/>
                </a:cubicBezTo>
                <a:cubicBezTo>
                  <a:pt x="210" y="249"/>
                  <a:pt x="209" y="254"/>
                  <a:pt x="207" y="258"/>
                </a:cubicBezTo>
                <a:cubicBezTo>
                  <a:pt x="205" y="262"/>
                  <a:pt x="200" y="264"/>
                  <a:pt x="196" y="264"/>
                </a:cubicBezTo>
                <a:cubicBezTo>
                  <a:pt x="123" y="264"/>
                  <a:pt x="123" y="264"/>
                  <a:pt x="123" y="264"/>
                </a:cubicBezTo>
                <a:cubicBezTo>
                  <a:pt x="120" y="268"/>
                  <a:pt x="116" y="277"/>
                  <a:pt x="114" y="283"/>
                </a:cubicBezTo>
                <a:cubicBezTo>
                  <a:pt x="109" y="296"/>
                  <a:pt x="104" y="309"/>
                  <a:pt x="96" y="315"/>
                </a:cubicBezTo>
                <a:cubicBezTo>
                  <a:pt x="90" y="319"/>
                  <a:pt x="84" y="321"/>
                  <a:pt x="79" y="323"/>
                </a:cubicBezTo>
                <a:cubicBezTo>
                  <a:pt x="74" y="325"/>
                  <a:pt x="74" y="325"/>
                  <a:pt x="73" y="327"/>
                </a:cubicBezTo>
                <a:cubicBezTo>
                  <a:pt x="72" y="329"/>
                  <a:pt x="72" y="338"/>
                  <a:pt x="75" y="347"/>
                </a:cubicBezTo>
                <a:cubicBezTo>
                  <a:pt x="78" y="358"/>
                  <a:pt x="85" y="366"/>
                  <a:pt x="96" y="371"/>
                </a:cubicBezTo>
                <a:cubicBezTo>
                  <a:pt x="124" y="385"/>
                  <a:pt x="193" y="381"/>
                  <a:pt x="215" y="377"/>
                </a:cubicBezTo>
                <a:cubicBezTo>
                  <a:pt x="234" y="373"/>
                  <a:pt x="244" y="365"/>
                  <a:pt x="256" y="356"/>
                </a:cubicBezTo>
                <a:cubicBezTo>
                  <a:pt x="271" y="344"/>
                  <a:pt x="288" y="330"/>
                  <a:pt x="322" y="330"/>
                </a:cubicBezTo>
                <a:cubicBezTo>
                  <a:pt x="330" y="330"/>
                  <a:pt x="336" y="336"/>
                  <a:pt x="336" y="344"/>
                </a:cubicBezTo>
                <a:cubicBezTo>
                  <a:pt x="336" y="351"/>
                  <a:pt x="330" y="357"/>
                  <a:pt x="322" y="357"/>
                </a:cubicBezTo>
                <a:cubicBezTo>
                  <a:pt x="297" y="357"/>
                  <a:pt x="286" y="366"/>
                  <a:pt x="272" y="377"/>
                </a:cubicBezTo>
                <a:cubicBezTo>
                  <a:pt x="260" y="387"/>
                  <a:pt x="245" y="398"/>
                  <a:pt x="220" y="403"/>
                </a:cubicBezTo>
                <a:cubicBezTo>
                  <a:pt x="206" y="406"/>
                  <a:pt x="123" y="415"/>
                  <a:pt x="84" y="395"/>
                </a:cubicBezTo>
                <a:cubicBezTo>
                  <a:pt x="42" y="374"/>
                  <a:pt x="44" y="329"/>
                  <a:pt x="48" y="318"/>
                </a:cubicBezTo>
                <a:cubicBezTo>
                  <a:pt x="53" y="304"/>
                  <a:pt x="64" y="300"/>
                  <a:pt x="70" y="298"/>
                </a:cubicBezTo>
                <a:cubicBezTo>
                  <a:pt x="74" y="297"/>
                  <a:pt x="77" y="295"/>
                  <a:pt x="80" y="293"/>
                </a:cubicBezTo>
                <a:cubicBezTo>
                  <a:pt x="82" y="291"/>
                  <a:pt x="86" y="280"/>
                  <a:pt x="89" y="274"/>
                </a:cubicBezTo>
                <a:cubicBezTo>
                  <a:pt x="96" y="256"/>
                  <a:pt x="103" y="238"/>
                  <a:pt x="120" y="238"/>
                </a:cubicBezTo>
                <a:cubicBezTo>
                  <a:pt x="173" y="238"/>
                  <a:pt x="173" y="238"/>
                  <a:pt x="173" y="238"/>
                </a:cubicBezTo>
                <a:cubicBezTo>
                  <a:pt x="166" y="224"/>
                  <a:pt x="166" y="224"/>
                  <a:pt x="166" y="224"/>
                </a:cubicBezTo>
                <a:cubicBezTo>
                  <a:pt x="164" y="220"/>
                  <a:pt x="164" y="215"/>
                  <a:pt x="166" y="211"/>
                </a:cubicBezTo>
                <a:cubicBezTo>
                  <a:pt x="169" y="207"/>
                  <a:pt x="173" y="204"/>
                  <a:pt x="178" y="204"/>
                </a:cubicBezTo>
                <a:cubicBezTo>
                  <a:pt x="234" y="204"/>
                  <a:pt x="234" y="204"/>
                  <a:pt x="234" y="204"/>
                </a:cubicBezTo>
                <a:cubicBezTo>
                  <a:pt x="239" y="204"/>
                  <a:pt x="243" y="207"/>
                  <a:pt x="245" y="211"/>
                </a:cubicBezTo>
                <a:cubicBezTo>
                  <a:pt x="262" y="238"/>
                  <a:pt x="262" y="238"/>
                  <a:pt x="262" y="238"/>
                </a:cubicBezTo>
                <a:cubicBezTo>
                  <a:pt x="293" y="238"/>
                  <a:pt x="293" y="238"/>
                  <a:pt x="293" y="238"/>
                </a:cubicBezTo>
                <a:cubicBezTo>
                  <a:pt x="305" y="238"/>
                  <a:pt x="313" y="248"/>
                  <a:pt x="342" y="292"/>
                </a:cubicBezTo>
                <a:cubicBezTo>
                  <a:pt x="351" y="305"/>
                  <a:pt x="364" y="324"/>
                  <a:pt x="369" y="330"/>
                </a:cubicBezTo>
                <a:cubicBezTo>
                  <a:pt x="446" y="330"/>
                  <a:pt x="446" y="330"/>
                  <a:pt x="446" y="330"/>
                </a:cubicBezTo>
                <a:cubicBezTo>
                  <a:pt x="451" y="330"/>
                  <a:pt x="456" y="333"/>
                  <a:pt x="458" y="337"/>
                </a:cubicBezTo>
                <a:cubicBezTo>
                  <a:pt x="460" y="342"/>
                  <a:pt x="460" y="347"/>
                  <a:pt x="457" y="351"/>
                </a:cubicBezTo>
                <a:cubicBezTo>
                  <a:pt x="457" y="352"/>
                  <a:pt x="442" y="374"/>
                  <a:pt x="425" y="397"/>
                </a:cubicBezTo>
                <a:cubicBezTo>
                  <a:pt x="390" y="443"/>
                  <a:pt x="379" y="447"/>
                  <a:pt x="371" y="44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0" name="Freeform 325"/>
          <p:cNvSpPr>
            <a:spLocks/>
          </p:cNvSpPr>
          <p:nvPr userDrawn="1"/>
        </p:nvSpPr>
        <p:spPr bwMode="auto">
          <a:xfrm>
            <a:off x="3802501" y="1745361"/>
            <a:ext cx="457200" cy="517525"/>
          </a:xfrm>
          <a:custGeom>
            <a:avLst/>
            <a:gdLst/>
            <a:ahLst/>
            <a:cxnLst>
              <a:cxn ang="0">
                <a:pos x="392" y="0"/>
              </a:cxn>
              <a:cxn ang="0">
                <a:pos x="115" y="0"/>
              </a:cxn>
              <a:cxn ang="0">
                <a:pos x="102" y="13"/>
              </a:cxn>
              <a:cxn ang="0">
                <a:pos x="102" y="188"/>
              </a:cxn>
              <a:cxn ang="0">
                <a:pos x="115" y="201"/>
              </a:cxn>
              <a:cxn ang="0">
                <a:pos x="183" y="201"/>
              </a:cxn>
              <a:cxn ang="0">
                <a:pos x="164" y="222"/>
              </a:cxn>
              <a:cxn ang="0">
                <a:pos x="160" y="231"/>
              </a:cxn>
              <a:cxn ang="0">
                <a:pos x="164" y="241"/>
              </a:cxn>
              <a:cxn ang="0">
                <a:pos x="183" y="240"/>
              </a:cxn>
              <a:cxn ang="0">
                <a:pos x="224" y="197"/>
              </a:cxn>
              <a:cxn ang="0">
                <a:pos x="223" y="179"/>
              </a:cxn>
              <a:cxn ang="0">
                <a:pos x="183" y="139"/>
              </a:cxn>
              <a:cxn ang="0">
                <a:pos x="164" y="139"/>
              </a:cxn>
              <a:cxn ang="0">
                <a:pos x="160" y="148"/>
              </a:cxn>
              <a:cxn ang="0">
                <a:pos x="164" y="158"/>
              </a:cxn>
              <a:cxn ang="0">
                <a:pos x="181" y="175"/>
              </a:cxn>
              <a:cxn ang="0">
                <a:pos x="129" y="175"/>
              </a:cxn>
              <a:cxn ang="0">
                <a:pos x="129" y="27"/>
              </a:cxn>
              <a:cxn ang="0">
                <a:pos x="379" y="27"/>
              </a:cxn>
              <a:cxn ang="0">
                <a:pos x="379" y="432"/>
              </a:cxn>
              <a:cxn ang="0">
                <a:pos x="129" y="432"/>
              </a:cxn>
              <a:cxn ang="0">
                <a:pos x="129" y="269"/>
              </a:cxn>
              <a:cxn ang="0">
                <a:pos x="115" y="256"/>
              </a:cxn>
              <a:cxn ang="0">
                <a:pos x="46" y="256"/>
              </a:cxn>
              <a:cxn ang="0">
                <a:pos x="65" y="235"/>
              </a:cxn>
              <a:cxn ang="0">
                <a:pos x="69" y="226"/>
              </a:cxn>
              <a:cxn ang="0">
                <a:pos x="64" y="217"/>
              </a:cxn>
              <a:cxn ang="0">
                <a:pos x="46" y="217"/>
              </a:cxn>
              <a:cxn ang="0">
                <a:pos x="5" y="260"/>
              </a:cxn>
              <a:cxn ang="0">
                <a:pos x="5" y="278"/>
              </a:cxn>
              <a:cxn ang="0">
                <a:pos x="46" y="318"/>
              </a:cxn>
              <a:cxn ang="0">
                <a:pos x="65" y="318"/>
              </a:cxn>
              <a:cxn ang="0">
                <a:pos x="69" y="309"/>
              </a:cxn>
              <a:cxn ang="0">
                <a:pos x="65" y="300"/>
              </a:cxn>
              <a:cxn ang="0">
                <a:pos x="47" y="282"/>
              </a:cxn>
              <a:cxn ang="0">
                <a:pos x="102" y="282"/>
              </a:cxn>
              <a:cxn ang="0">
                <a:pos x="102" y="445"/>
              </a:cxn>
              <a:cxn ang="0">
                <a:pos x="115" y="459"/>
              </a:cxn>
              <a:cxn ang="0">
                <a:pos x="392" y="459"/>
              </a:cxn>
              <a:cxn ang="0">
                <a:pos x="405" y="445"/>
              </a:cxn>
              <a:cxn ang="0">
                <a:pos x="405" y="13"/>
              </a:cxn>
              <a:cxn ang="0">
                <a:pos x="392" y="0"/>
              </a:cxn>
            </a:cxnLst>
            <a:rect l="0" t="0" r="r" b="b"/>
            <a:pathLst>
              <a:path w="405" h="459">
                <a:moveTo>
                  <a:pt x="392" y="0"/>
                </a:moveTo>
                <a:cubicBezTo>
                  <a:pt x="115" y="0"/>
                  <a:pt x="115" y="0"/>
                  <a:pt x="115" y="0"/>
                </a:cubicBezTo>
                <a:cubicBezTo>
                  <a:pt x="108" y="0"/>
                  <a:pt x="102" y="6"/>
                  <a:pt x="102" y="13"/>
                </a:cubicBezTo>
                <a:cubicBezTo>
                  <a:pt x="102" y="188"/>
                  <a:pt x="102" y="188"/>
                  <a:pt x="102" y="188"/>
                </a:cubicBezTo>
                <a:cubicBezTo>
                  <a:pt x="102" y="196"/>
                  <a:pt x="108" y="201"/>
                  <a:pt x="115" y="201"/>
                </a:cubicBezTo>
                <a:cubicBezTo>
                  <a:pt x="183" y="201"/>
                  <a:pt x="183" y="201"/>
                  <a:pt x="183" y="201"/>
                </a:cubicBezTo>
                <a:cubicBezTo>
                  <a:pt x="173" y="212"/>
                  <a:pt x="164" y="222"/>
                  <a:pt x="164" y="222"/>
                </a:cubicBezTo>
                <a:cubicBezTo>
                  <a:pt x="161" y="224"/>
                  <a:pt x="160" y="228"/>
                  <a:pt x="160" y="231"/>
                </a:cubicBezTo>
                <a:cubicBezTo>
                  <a:pt x="160" y="234"/>
                  <a:pt x="161" y="238"/>
                  <a:pt x="164" y="241"/>
                </a:cubicBezTo>
                <a:cubicBezTo>
                  <a:pt x="170" y="246"/>
                  <a:pt x="178" y="245"/>
                  <a:pt x="183" y="240"/>
                </a:cubicBezTo>
                <a:cubicBezTo>
                  <a:pt x="224" y="197"/>
                  <a:pt x="224" y="197"/>
                  <a:pt x="224" y="197"/>
                </a:cubicBezTo>
                <a:cubicBezTo>
                  <a:pt x="229" y="192"/>
                  <a:pt x="228" y="184"/>
                  <a:pt x="223" y="179"/>
                </a:cubicBezTo>
                <a:cubicBezTo>
                  <a:pt x="183" y="139"/>
                  <a:pt x="183" y="139"/>
                  <a:pt x="183" y="139"/>
                </a:cubicBezTo>
                <a:cubicBezTo>
                  <a:pt x="178" y="133"/>
                  <a:pt x="169" y="134"/>
                  <a:pt x="164" y="139"/>
                </a:cubicBezTo>
                <a:cubicBezTo>
                  <a:pt x="161" y="141"/>
                  <a:pt x="160" y="145"/>
                  <a:pt x="160" y="148"/>
                </a:cubicBezTo>
                <a:cubicBezTo>
                  <a:pt x="160" y="152"/>
                  <a:pt x="161" y="155"/>
                  <a:pt x="164" y="158"/>
                </a:cubicBezTo>
                <a:cubicBezTo>
                  <a:pt x="164" y="158"/>
                  <a:pt x="172" y="166"/>
                  <a:pt x="181" y="175"/>
                </a:cubicBezTo>
                <a:cubicBezTo>
                  <a:pt x="129" y="175"/>
                  <a:pt x="129" y="175"/>
                  <a:pt x="129" y="175"/>
                </a:cubicBezTo>
                <a:cubicBezTo>
                  <a:pt x="129" y="27"/>
                  <a:pt x="129" y="27"/>
                  <a:pt x="129" y="27"/>
                </a:cubicBezTo>
                <a:cubicBezTo>
                  <a:pt x="379" y="27"/>
                  <a:pt x="379" y="27"/>
                  <a:pt x="379" y="27"/>
                </a:cubicBezTo>
                <a:cubicBezTo>
                  <a:pt x="379" y="432"/>
                  <a:pt x="379" y="432"/>
                  <a:pt x="379" y="432"/>
                </a:cubicBezTo>
                <a:cubicBezTo>
                  <a:pt x="129" y="432"/>
                  <a:pt x="129" y="432"/>
                  <a:pt x="129" y="432"/>
                </a:cubicBezTo>
                <a:cubicBezTo>
                  <a:pt x="129" y="409"/>
                  <a:pt x="129" y="269"/>
                  <a:pt x="129" y="269"/>
                </a:cubicBezTo>
                <a:cubicBezTo>
                  <a:pt x="129" y="262"/>
                  <a:pt x="123" y="256"/>
                  <a:pt x="115" y="256"/>
                </a:cubicBezTo>
                <a:cubicBezTo>
                  <a:pt x="46" y="256"/>
                  <a:pt x="46" y="256"/>
                  <a:pt x="46" y="256"/>
                </a:cubicBezTo>
                <a:cubicBezTo>
                  <a:pt x="55" y="245"/>
                  <a:pt x="65" y="235"/>
                  <a:pt x="65" y="235"/>
                </a:cubicBezTo>
                <a:cubicBezTo>
                  <a:pt x="67" y="233"/>
                  <a:pt x="69" y="230"/>
                  <a:pt x="69" y="226"/>
                </a:cubicBezTo>
                <a:cubicBezTo>
                  <a:pt x="69" y="223"/>
                  <a:pt x="67" y="219"/>
                  <a:pt x="64" y="217"/>
                </a:cubicBezTo>
                <a:cubicBezTo>
                  <a:pt x="59" y="211"/>
                  <a:pt x="51" y="212"/>
                  <a:pt x="46" y="217"/>
                </a:cubicBezTo>
                <a:cubicBezTo>
                  <a:pt x="5" y="260"/>
                  <a:pt x="5" y="260"/>
                  <a:pt x="5" y="260"/>
                </a:cubicBezTo>
                <a:cubicBezTo>
                  <a:pt x="0" y="265"/>
                  <a:pt x="0" y="273"/>
                  <a:pt x="5" y="278"/>
                </a:cubicBezTo>
                <a:cubicBezTo>
                  <a:pt x="46" y="318"/>
                  <a:pt x="46" y="318"/>
                  <a:pt x="46" y="318"/>
                </a:cubicBezTo>
                <a:cubicBezTo>
                  <a:pt x="51" y="324"/>
                  <a:pt x="60" y="324"/>
                  <a:pt x="65" y="318"/>
                </a:cubicBezTo>
                <a:cubicBezTo>
                  <a:pt x="67" y="316"/>
                  <a:pt x="69" y="312"/>
                  <a:pt x="69" y="309"/>
                </a:cubicBezTo>
                <a:cubicBezTo>
                  <a:pt x="69" y="306"/>
                  <a:pt x="67" y="302"/>
                  <a:pt x="65" y="300"/>
                </a:cubicBezTo>
                <a:cubicBezTo>
                  <a:pt x="65" y="300"/>
                  <a:pt x="56" y="291"/>
                  <a:pt x="47" y="282"/>
                </a:cubicBezTo>
                <a:cubicBezTo>
                  <a:pt x="102" y="282"/>
                  <a:pt x="102" y="282"/>
                  <a:pt x="102" y="282"/>
                </a:cubicBezTo>
                <a:cubicBezTo>
                  <a:pt x="102" y="305"/>
                  <a:pt x="102" y="445"/>
                  <a:pt x="102" y="445"/>
                </a:cubicBezTo>
                <a:cubicBezTo>
                  <a:pt x="102" y="453"/>
                  <a:pt x="108" y="459"/>
                  <a:pt x="115" y="459"/>
                </a:cubicBezTo>
                <a:cubicBezTo>
                  <a:pt x="392" y="459"/>
                  <a:pt x="392" y="459"/>
                  <a:pt x="392" y="459"/>
                </a:cubicBezTo>
                <a:cubicBezTo>
                  <a:pt x="399" y="459"/>
                  <a:pt x="405" y="453"/>
                  <a:pt x="405" y="445"/>
                </a:cubicBezTo>
                <a:cubicBezTo>
                  <a:pt x="405" y="13"/>
                  <a:pt x="405" y="13"/>
                  <a:pt x="405" y="13"/>
                </a:cubicBezTo>
                <a:cubicBezTo>
                  <a:pt x="405" y="6"/>
                  <a:pt x="399" y="0"/>
                  <a:pt x="392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1" name="Freeform 329"/>
          <p:cNvSpPr>
            <a:spLocks/>
          </p:cNvSpPr>
          <p:nvPr userDrawn="1"/>
        </p:nvSpPr>
        <p:spPr bwMode="auto">
          <a:xfrm>
            <a:off x="3774720" y="2433061"/>
            <a:ext cx="512763" cy="417513"/>
          </a:xfrm>
          <a:custGeom>
            <a:avLst/>
            <a:gdLst/>
            <a:ahLst/>
            <a:cxnLst>
              <a:cxn ang="0">
                <a:pos x="441" y="141"/>
              </a:cxn>
              <a:cxn ang="0">
                <a:pos x="395" y="146"/>
              </a:cxn>
              <a:cxn ang="0">
                <a:pos x="369" y="163"/>
              </a:cxn>
              <a:cxn ang="0">
                <a:pos x="365" y="130"/>
              </a:cxn>
              <a:cxn ang="0">
                <a:pos x="346" y="126"/>
              </a:cxn>
              <a:cxn ang="0">
                <a:pos x="268" y="0"/>
              </a:cxn>
              <a:cxn ang="0">
                <a:pos x="190" y="126"/>
              </a:cxn>
              <a:cxn ang="0">
                <a:pos x="175" y="87"/>
              </a:cxn>
              <a:cxn ang="0">
                <a:pos x="0" y="87"/>
              </a:cxn>
              <a:cxn ang="0">
                <a:pos x="5" y="116"/>
              </a:cxn>
              <a:cxn ang="0">
                <a:pos x="28" y="150"/>
              </a:cxn>
              <a:cxn ang="0">
                <a:pos x="47" y="148"/>
              </a:cxn>
              <a:cxn ang="0">
                <a:pos x="41" y="126"/>
              </a:cxn>
              <a:cxn ang="0">
                <a:pos x="45" y="44"/>
              </a:cxn>
              <a:cxn ang="0">
                <a:pos x="130" y="44"/>
              </a:cxn>
              <a:cxn ang="0">
                <a:pos x="130" y="130"/>
              </a:cxn>
              <a:cxn ang="0">
                <a:pos x="127" y="140"/>
              </a:cxn>
              <a:cxn ang="0">
                <a:pos x="217" y="153"/>
              </a:cxn>
              <a:cxn ang="0">
                <a:pos x="222" y="127"/>
              </a:cxn>
              <a:cxn ang="0">
                <a:pos x="225" y="44"/>
              </a:cxn>
              <a:cxn ang="0">
                <a:pos x="310" y="44"/>
              </a:cxn>
              <a:cxn ang="0">
                <a:pos x="313" y="127"/>
              </a:cxn>
              <a:cxn ang="0">
                <a:pos x="318" y="153"/>
              </a:cxn>
              <a:cxn ang="0">
                <a:pos x="343" y="176"/>
              </a:cxn>
              <a:cxn ang="0">
                <a:pos x="356" y="189"/>
              </a:cxn>
              <a:cxn ang="0">
                <a:pos x="399" y="184"/>
              </a:cxn>
              <a:cxn ang="0">
                <a:pos x="428" y="167"/>
              </a:cxn>
              <a:cxn ang="0">
                <a:pos x="412" y="326"/>
              </a:cxn>
              <a:cxn ang="0">
                <a:pos x="391" y="308"/>
              </a:cxn>
              <a:cxn ang="0">
                <a:pos x="349" y="312"/>
              </a:cxn>
              <a:cxn ang="0">
                <a:pos x="345" y="344"/>
              </a:cxn>
              <a:cxn ang="0">
                <a:pos x="27" y="190"/>
              </a:cxn>
              <a:cxn ang="0">
                <a:pos x="0" y="190"/>
              </a:cxn>
              <a:cxn ang="0">
                <a:pos x="4" y="367"/>
              </a:cxn>
              <a:cxn ang="0">
                <a:pos x="358" y="371"/>
              </a:cxn>
              <a:cxn ang="0">
                <a:pos x="371" y="358"/>
              </a:cxn>
              <a:cxn ang="0">
                <a:pos x="385" y="335"/>
              </a:cxn>
              <a:cxn ang="0">
                <a:pos x="406" y="353"/>
              </a:cxn>
              <a:cxn ang="0">
                <a:pos x="451" y="349"/>
              </a:cxn>
              <a:cxn ang="0">
                <a:pos x="454" y="154"/>
              </a:cxn>
            </a:cxnLst>
            <a:rect l="0" t="0" r="r" b="b"/>
            <a:pathLst>
              <a:path w="454" h="371">
                <a:moveTo>
                  <a:pt x="451" y="145"/>
                </a:moveTo>
                <a:cubicBezTo>
                  <a:pt x="448" y="142"/>
                  <a:pt x="445" y="141"/>
                  <a:pt x="441" y="141"/>
                </a:cubicBezTo>
                <a:cubicBezTo>
                  <a:pt x="406" y="141"/>
                  <a:pt x="406" y="141"/>
                  <a:pt x="406" y="141"/>
                </a:cubicBezTo>
                <a:cubicBezTo>
                  <a:pt x="402" y="141"/>
                  <a:pt x="398" y="143"/>
                  <a:pt x="395" y="146"/>
                </a:cubicBezTo>
                <a:cubicBezTo>
                  <a:pt x="382" y="163"/>
                  <a:pt x="382" y="163"/>
                  <a:pt x="382" y="163"/>
                </a:cubicBezTo>
                <a:cubicBezTo>
                  <a:pt x="369" y="163"/>
                  <a:pt x="369" y="163"/>
                  <a:pt x="369" y="163"/>
                </a:cubicBezTo>
                <a:cubicBezTo>
                  <a:pt x="369" y="140"/>
                  <a:pt x="369" y="140"/>
                  <a:pt x="369" y="140"/>
                </a:cubicBezTo>
                <a:cubicBezTo>
                  <a:pt x="369" y="136"/>
                  <a:pt x="368" y="133"/>
                  <a:pt x="365" y="130"/>
                </a:cubicBezTo>
                <a:cubicBezTo>
                  <a:pt x="363" y="128"/>
                  <a:pt x="359" y="126"/>
                  <a:pt x="356" y="126"/>
                </a:cubicBezTo>
                <a:cubicBezTo>
                  <a:pt x="346" y="126"/>
                  <a:pt x="346" y="126"/>
                  <a:pt x="346" y="126"/>
                </a:cubicBezTo>
                <a:cubicBezTo>
                  <a:pt x="352" y="115"/>
                  <a:pt x="355" y="101"/>
                  <a:pt x="355" y="87"/>
                </a:cubicBezTo>
                <a:cubicBezTo>
                  <a:pt x="355" y="39"/>
                  <a:pt x="316" y="0"/>
                  <a:pt x="268" y="0"/>
                </a:cubicBezTo>
                <a:cubicBezTo>
                  <a:pt x="219" y="0"/>
                  <a:pt x="180" y="39"/>
                  <a:pt x="180" y="87"/>
                </a:cubicBezTo>
                <a:cubicBezTo>
                  <a:pt x="180" y="101"/>
                  <a:pt x="184" y="115"/>
                  <a:pt x="190" y="126"/>
                </a:cubicBezTo>
                <a:cubicBezTo>
                  <a:pt x="166" y="126"/>
                  <a:pt x="166" y="126"/>
                  <a:pt x="166" y="126"/>
                </a:cubicBezTo>
                <a:cubicBezTo>
                  <a:pt x="171" y="115"/>
                  <a:pt x="175" y="101"/>
                  <a:pt x="175" y="87"/>
                </a:cubicBezTo>
                <a:cubicBezTo>
                  <a:pt x="175" y="39"/>
                  <a:pt x="136" y="0"/>
                  <a:pt x="88" y="0"/>
                </a:cubicBezTo>
                <a:cubicBezTo>
                  <a:pt x="39" y="0"/>
                  <a:pt x="0" y="39"/>
                  <a:pt x="0" y="87"/>
                </a:cubicBezTo>
                <a:cubicBezTo>
                  <a:pt x="0" y="96"/>
                  <a:pt x="2" y="105"/>
                  <a:pt x="4" y="114"/>
                </a:cubicBezTo>
                <a:cubicBezTo>
                  <a:pt x="4" y="114"/>
                  <a:pt x="5" y="115"/>
                  <a:pt x="5" y="116"/>
                </a:cubicBezTo>
                <a:cubicBezTo>
                  <a:pt x="5" y="117"/>
                  <a:pt x="7" y="122"/>
                  <a:pt x="11" y="129"/>
                </a:cubicBezTo>
                <a:cubicBezTo>
                  <a:pt x="14" y="135"/>
                  <a:pt x="20" y="144"/>
                  <a:pt x="28" y="150"/>
                </a:cubicBezTo>
                <a:cubicBezTo>
                  <a:pt x="30" y="152"/>
                  <a:pt x="33" y="153"/>
                  <a:pt x="36" y="153"/>
                </a:cubicBezTo>
                <a:cubicBezTo>
                  <a:pt x="40" y="153"/>
                  <a:pt x="44" y="151"/>
                  <a:pt x="47" y="148"/>
                </a:cubicBezTo>
                <a:cubicBezTo>
                  <a:pt x="51" y="142"/>
                  <a:pt x="50" y="134"/>
                  <a:pt x="44" y="129"/>
                </a:cubicBezTo>
                <a:cubicBezTo>
                  <a:pt x="43" y="128"/>
                  <a:pt x="42" y="127"/>
                  <a:pt x="41" y="126"/>
                </a:cubicBezTo>
                <a:cubicBezTo>
                  <a:pt x="32" y="115"/>
                  <a:pt x="27" y="102"/>
                  <a:pt x="27" y="87"/>
                </a:cubicBezTo>
                <a:cubicBezTo>
                  <a:pt x="27" y="70"/>
                  <a:pt x="34" y="55"/>
                  <a:pt x="45" y="44"/>
                </a:cubicBezTo>
                <a:cubicBezTo>
                  <a:pt x="56" y="33"/>
                  <a:pt x="71" y="26"/>
                  <a:pt x="88" y="26"/>
                </a:cubicBezTo>
                <a:cubicBezTo>
                  <a:pt x="104" y="26"/>
                  <a:pt x="119" y="33"/>
                  <a:pt x="130" y="44"/>
                </a:cubicBezTo>
                <a:cubicBezTo>
                  <a:pt x="141" y="55"/>
                  <a:pt x="148" y="70"/>
                  <a:pt x="148" y="87"/>
                </a:cubicBezTo>
                <a:cubicBezTo>
                  <a:pt x="148" y="104"/>
                  <a:pt x="141" y="119"/>
                  <a:pt x="130" y="130"/>
                </a:cubicBezTo>
                <a:cubicBezTo>
                  <a:pt x="131" y="130"/>
                  <a:pt x="131" y="130"/>
                  <a:pt x="131" y="130"/>
                </a:cubicBezTo>
                <a:cubicBezTo>
                  <a:pt x="128" y="133"/>
                  <a:pt x="127" y="136"/>
                  <a:pt x="127" y="140"/>
                </a:cubicBezTo>
                <a:cubicBezTo>
                  <a:pt x="127" y="147"/>
                  <a:pt x="133" y="153"/>
                  <a:pt x="140" y="153"/>
                </a:cubicBezTo>
                <a:cubicBezTo>
                  <a:pt x="217" y="153"/>
                  <a:pt x="217" y="153"/>
                  <a:pt x="217" y="153"/>
                </a:cubicBezTo>
                <a:cubicBezTo>
                  <a:pt x="225" y="153"/>
                  <a:pt x="231" y="147"/>
                  <a:pt x="231" y="140"/>
                </a:cubicBezTo>
                <a:cubicBezTo>
                  <a:pt x="231" y="134"/>
                  <a:pt x="227" y="129"/>
                  <a:pt x="222" y="127"/>
                </a:cubicBezTo>
                <a:cubicBezTo>
                  <a:pt x="213" y="117"/>
                  <a:pt x="207" y="103"/>
                  <a:pt x="207" y="87"/>
                </a:cubicBezTo>
                <a:cubicBezTo>
                  <a:pt x="207" y="70"/>
                  <a:pt x="214" y="55"/>
                  <a:pt x="225" y="44"/>
                </a:cubicBezTo>
                <a:cubicBezTo>
                  <a:pt x="236" y="33"/>
                  <a:pt x="251" y="26"/>
                  <a:pt x="268" y="26"/>
                </a:cubicBezTo>
                <a:cubicBezTo>
                  <a:pt x="284" y="26"/>
                  <a:pt x="299" y="33"/>
                  <a:pt x="310" y="44"/>
                </a:cubicBezTo>
                <a:cubicBezTo>
                  <a:pt x="321" y="55"/>
                  <a:pt x="328" y="70"/>
                  <a:pt x="328" y="87"/>
                </a:cubicBezTo>
                <a:cubicBezTo>
                  <a:pt x="328" y="102"/>
                  <a:pt x="322" y="116"/>
                  <a:pt x="313" y="127"/>
                </a:cubicBezTo>
                <a:cubicBezTo>
                  <a:pt x="308" y="129"/>
                  <a:pt x="304" y="134"/>
                  <a:pt x="304" y="140"/>
                </a:cubicBezTo>
                <a:cubicBezTo>
                  <a:pt x="304" y="147"/>
                  <a:pt x="310" y="153"/>
                  <a:pt x="318" y="153"/>
                </a:cubicBezTo>
                <a:cubicBezTo>
                  <a:pt x="343" y="153"/>
                  <a:pt x="343" y="153"/>
                  <a:pt x="343" y="153"/>
                </a:cubicBezTo>
                <a:cubicBezTo>
                  <a:pt x="343" y="176"/>
                  <a:pt x="343" y="176"/>
                  <a:pt x="343" y="176"/>
                </a:cubicBezTo>
                <a:cubicBezTo>
                  <a:pt x="343" y="180"/>
                  <a:pt x="344" y="183"/>
                  <a:pt x="346" y="185"/>
                </a:cubicBezTo>
                <a:cubicBezTo>
                  <a:pt x="349" y="188"/>
                  <a:pt x="352" y="189"/>
                  <a:pt x="356" y="189"/>
                </a:cubicBezTo>
                <a:cubicBezTo>
                  <a:pt x="388" y="189"/>
                  <a:pt x="388" y="189"/>
                  <a:pt x="388" y="189"/>
                </a:cubicBezTo>
                <a:cubicBezTo>
                  <a:pt x="392" y="189"/>
                  <a:pt x="396" y="188"/>
                  <a:pt x="399" y="184"/>
                </a:cubicBezTo>
                <a:cubicBezTo>
                  <a:pt x="412" y="167"/>
                  <a:pt x="412" y="167"/>
                  <a:pt x="412" y="167"/>
                </a:cubicBezTo>
                <a:cubicBezTo>
                  <a:pt x="428" y="167"/>
                  <a:pt x="428" y="167"/>
                  <a:pt x="428" y="167"/>
                </a:cubicBezTo>
                <a:cubicBezTo>
                  <a:pt x="428" y="326"/>
                  <a:pt x="428" y="326"/>
                  <a:pt x="428" y="326"/>
                </a:cubicBezTo>
                <a:cubicBezTo>
                  <a:pt x="412" y="326"/>
                  <a:pt x="412" y="326"/>
                  <a:pt x="412" y="326"/>
                </a:cubicBezTo>
                <a:cubicBezTo>
                  <a:pt x="402" y="313"/>
                  <a:pt x="402" y="313"/>
                  <a:pt x="402" y="313"/>
                </a:cubicBezTo>
                <a:cubicBezTo>
                  <a:pt x="399" y="310"/>
                  <a:pt x="395" y="308"/>
                  <a:pt x="391" y="308"/>
                </a:cubicBezTo>
                <a:cubicBezTo>
                  <a:pt x="358" y="308"/>
                  <a:pt x="358" y="308"/>
                  <a:pt x="358" y="308"/>
                </a:cubicBezTo>
                <a:cubicBezTo>
                  <a:pt x="354" y="308"/>
                  <a:pt x="351" y="310"/>
                  <a:pt x="349" y="312"/>
                </a:cubicBezTo>
                <a:cubicBezTo>
                  <a:pt x="346" y="315"/>
                  <a:pt x="345" y="318"/>
                  <a:pt x="345" y="322"/>
                </a:cubicBezTo>
                <a:cubicBezTo>
                  <a:pt x="345" y="344"/>
                  <a:pt x="345" y="344"/>
                  <a:pt x="345" y="344"/>
                </a:cubicBezTo>
                <a:cubicBezTo>
                  <a:pt x="27" y="344"/>
                  <a:pt x="27" y="344"/>
                  <a:pt x="27" y="344"/>
                </a:cubicBezTo>
                <a:cubicBezTo>
                  <a:pt x="27" y="190"/>
                  <a:pt x="27" y="190"/>
                  <a:pt x="27" y="190"/>
                </a:cubicBezTo>
                <a:cubicBezTo>
                  <a:pt x="27" y="182"/>
                  <a:pt x="21" y="177"/>
                  <a:pt x="14" y="177"/>
                </a:cubicBezTo>
                <a:cubicBezTo>
                  <a:pt x="6" y="177"/>
                  <a:pt x="0" y="182"/>
                  <a:pt x="0" y="190"/>
                </a:cubicBezTo>
                <a:cubicBezTo>
                  <a:pt x="0" y="358"/>
                  <a:pt x="0" y="358"/>
                  <a:pt x="0" y="358"/>
                </a:cubicBezTo>
                <a:cubicBezTo>
                  <a:pt x="0" y="361"/>
                  <a:pt x="2" y="365"/>
                  <a:pt x="4" y="367"/>
                </a:cubicBezTo>
                <a:cubicBezTo>
                  <a:pt x="7" y="370"/>
                  <a:pt x="10" y="371"/>
                  <a:pt x="14" y="371"/>
                </a:cubicBezTo>
                <a:cubicBezTo>
                  <a:pt x="358" y="371"/>
                  <a:pt x="358" y="371"/>
                  <a:pt x="358" y="371"/>
                </a:cubicBezTo>
                <a:cubicBezTo>
                  <a:pt x="361" y="371"/>
                  <a:pt x="365" y="370"/>
                  <a:pt x="367" y="367"/>
                </a:cubicBezTo>
                <a:cubicBezTo>
                  <a:pt x="370" y="365"/>
                  <a:pt x="371" y="361"/>
                  <a:pt x="371" y="358"/>
                </a:cubicBezTo>
                <a:cubicBezTo>
                  <a:pt x="371" y="335"/>
                  <a:pt x="371" y="335"/>
                  <a:pt x="371" y="335"/>
                </a:cubicBezTo>
                <a:cubicBezTo>
                  <a:pt x="385" y="335"/>
                  <a:pt x="385" y="335"/>
                  <a:pt x="385" y="335"/>
                </a:cubicBezTo>
                <a:cubicBezTo>
                  <a:pt x="395" y="348"/>
                  <a:pt x="395" y="348"/>
                  <a:pt x="395" y="348"/>
                </a:cubicBezTo>
                <a:cubicBezTo>
                  <a:pt x="398" y="351"/>
                  <a:pt x="402" y="353"/>
                  <a:pt x="406" y="353"/>
                </a:cubicBezTo>
                <a:cubicBezTo>
                  <a:pt x="441" y="353"/>
                  <a:pt x="441" y="353"/>
                  <a:pt x="441" y="353"/>
                </a:cubicBezTo>
                <a:cubicBezTo>
                  <a:pt x="445" y="353"/>
                  <a:pt x="448" y="351"/>
                  <a:pt x="451" y="349"/>
                </a:cubicBezTo>
                <a:cubicBezTo>
                  <a:pt x="453" y="346"/>
                  <a:pt x="454" y="343"/>
                  <a:pt x="454" y="339"/>
                </a:cubicBezTo>
                <a:cubicBezTo>
                  <a:pt x="454" y="154"/>
                  <a:pt x="454" y="154"/>
                  <a:pt x="454" y="154"/>
                </a:cubicBezTo>
                <a:cubicBezTo>
                  <a:pt x="454" y="151"/>
                  <a:pt x="453" y="147"/>
                  <a:pt x="451" y="14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2" name="Freeform 381"/>
          <p:cNvSpPr>
            <a:spLocks/>
          </p:cNvSpPr>
          <p:nvPr userDrawn="1"/>
        </p:nvSpPr>
        <p:spPr bwMode="auto">
          <a:xfrm>
            <a:off x="3794564" y="3677898"/>
            <a:ext cx="473075" cy="517525"/>
          </a:xfrm>
          <a:custGeom>
            <a:avLst/>
            <a:gdLst/>
            <a:ahLst/>
            <a:cxnLst>
              <a:cxn ang="0">
                <a:pos x="86" y="76"/>
              </a:cxn>
              <a:cxn ang="0">
                <a:pos x="30" y="95"/>
              </a:cxn>
              <a:cxn ang="0">
                <a:pos x="0" y="162"/>
              </a:cxn>
              <a:cxn ang="0">
                <a:pos x="25" y="223"/>
              </a:cxn>
              <a:cxn ang="0">
                <a:pos x="86" y="249"/>
              </a:cxn>
              <a:cxn ang="0">
                <a:pos x="126" y="249"/>
              </a:cxn>
              <a:cxn ang="0">
                <a:pos x="139" y="235"/>
              </a:cxn>
              <a:cxn ang="0">
                <a:pos x="126" y="222"/>
              </a:cxn>
              <a:cxn ang="0">
                <a:pos x="86" y="222"/>
              </a:cxn>
              <a:cxn ang="0">
                <a:pos x="44" y="204"/>
              </a:cxn>
              <a:cxn ang="0">
                <a:pos x="26" y="162"/>
              </a:cxn>
              <a:cxn ang="0">
                <a:pos x="47" y="115"/>
              </a:cxn>
              <a:cxn ang="0">
                <a:pos x="84" y="102"/>
              </a:cxn>
              <a:cxn ang="0">
                <a:pos x="93" y="103"/>
              </a:cxn>
              <a:cxn ang="0">
                <a:pos x="107" y="94"/>
              </a:cxn>
              <a:cxn ang="0">
                <a:pos x="201" y="27"/>
              </a:cxn>
              <a:cxn ang="0">
                <a:pos x="268" y="52"/>
              </a:cxn>
              <a:cxn ang="0">
                <a:pos x="300" y="114"/>
              </a:cxn>
              <a:cxn ang="0">
                <a:pos x="306" y="124"/>
              </a:cxn>
              <a:cxn ang="0">
                <a:pos x="318" y="125"/>
              </a:cxn>
              <a:cxn ang="0">
                <a:pos x="327" y="121"/>
              </a:cxn>
              <a:cxn ang="0">
                <a:pos x="344" y="118"/>
              </a:cxn>
              <a:cxn ang="0">
                <a:pos x="378" y="134"/>
              </a:cxn>
              <a:cxn ang="0">
                <a:pos x="392" y="171"/>
              </a:cxn>
              <a:cxn ang="0">
                <a:pos x="342" y="221"/>
              </a:cxn>
              <a:cxn ang="0">
                <a:pos x="196" y="221"/>
              </a:cxn>
              <a:cxn ang="0">
                <a:pos x="185" y="227"/>
              </a:cxn>
              <a:cxn ang="0">
                <a:pos x="184" y="240"/>
              </a:cxn>
              <a:cxn ang="0">
                <a:pos x="236" y="371"/>
              </a:cxn>
              <a:cxn ang="0">
                <a:pos x="246" y="379"/>
              </a:cxn>
              <a:cxn ang="0">
                <a:pos x="259" y="375"/>
              </a:cxn>
              <a:cxn ang="0">
                <a:pos x="292" y="337"/>
              </a:cxn>
              <a:cxn ang="0">
                <a:pos x="339" y="450"/>
              </a:cxn>
              <a:cxn ang="0">
                <a:pos x="356" y="458"/>
              </a:cxn>
              <a:cxn ang="0">
                <a:pos x="364" y="440"/>
              </a:cxn>
              <a:cxn ang="0">
                <a:pos x="309" y="307"/>
              </a:cxn>
              <a:cxn ang="0">
                <a:pos x="299" y="299"/>
              </a:cxn>
              <a:cxn ang="0">
                <a:pos x="287" y="303"/>
              </a:cxn>
              <a:cxn ang="0">
                <a:pos x="253" y="341"/>
              </a:cxn>
              <a:cxn ang="0">
                <a:pos x="216" y="248"/>
              </a:cxn>
              <a:cxn ang="0">
                <a:pos x="342" y="247"/>
              </a:cxn>
              <a:cxn ang="0">
                <a:pos x="419" y="171"/>
              </a:cxn>
              <a:cxn ang="0">
                <a:pos x="344" y="92"/>
              </a:cxn>
              <a:cxn ang="0">
                <a:pos x="324" y="94"/>
              </a:cxn>
              <a:cxn ang="0">
                <a:pos x="286" y="32"/>
              </a:cxn>
              <a:cxn ang="0">
                <a:pos x="201" y="0"/>
              </a:cxn>
              <a:cxn ang="0">
                <a:pos x="86" y="76"/>
              </a:cxn>
            </a:cxnLst>
            <a:rect l="0" t="0" r="r" b="b"/>
            <a:pathLst>
              <a:path w="419" h="460">
                <a:moveTo>
                  <a:pt x="86" y="76"/>
                </a:moveTo>
                <a:cubicBezTo>
                  <a:pt x="66" y="74"/>
                  <a:pt x="46" y="80"/>
                  <a:pt x="30" y="95"/>
                </a:cubicBezTo>
                <a:cubicBezTo>
                  <a:pt x="11" y="111"/>
                  <a:pt x="0" y="137"/>
                  <a:pt x="0" y="162"/>
                </a:cubicBezTo>
                <a:cubicBezTo>
                  <a:pt x="0" y="185"/>
                  <a:pt x="9" y="207"/>
                  <a:pt x="25" y="223"/>
                </a:cubicBezTo>
                <a:cubicBezTo>
                  <a:pt x="41" y="240"/>
                  <a:pt x="63" y="249"/>
                  <a:pt x="86" y="249"/>
                </a:cubicBezTo>
                <a:cubicBezTo>
                  <a:pt x="126" y="249"/>
                  <a:pt x="126" y="249"/>
                  <a:pt x="126" y="249"/>
                </a:cubicBezTo>
                <a:cubicBezTo>
                  <a:pt x="133" y="249"/>
                  <a:pt x="139" y="243"/>
                  <a:pt x="139" y="235"/>
                </a:cubicBezTo>
                <a:cubicBezTo>
                  <a:pt x="139" y="228"/>
                  <a:pt x="133" y="222"/>
                  <a:pt x="126" y="222"/>
                </a:cubicBezTo>
                <a:cubicBezTo>
                  <a:pt x="86" y="222"/>
                  <a:pt x="86" y="222"/>
                  <a:pt x="86" y="222"/>
                </a:cubicBezTo>
                <a:cubicBezTo>
                  <a:pt x="70" y="222"/>
                  <a:pt x="55" y="216"/>
                  <a:pt x="44" y="204"/>
                </a:cubicBezTo>
                <a:cubicBezTo>
                  <a:pt x="32" y="193"/>
                  <a:pt x="26" y="178"/>
                  <a:pt x="26" y="162"/>
                </a:cubicBezTo>
                <a:cubicBezTo>
                  <a:pt x="26" y="144"/>
                  <a:pt x="34" y="126"/>
                  <a:pt x="47" y="115"/>
                </a:cubicBezTo>
                <a:cubicBezTo>
                  <a:pt x="58" y="105"/>
                  <a:pt x="71" y="101"/>
                  <a:pt x="84" y="102"/>
                </a:cubicBezTo>
                <a:cubicBezTo>
                  <a:pt x="93" y="103"/>
                  <a:pt x="93" y="103"/>
                  <a:pt x="93" y="103"/>
                </a:cubicBezTo>
                <a:cubicBezTo>
                  <a:pt x="99" y="104"/>
                  <a:pt x="105" y="100"/>
                  <a:pt x="107" y="94"/>
                </a:cubicBezTo>
                <a:cubicBezTo>
                  <a:pt x="121" y="54"/>
                  <a:pt x="158" y="27"/>
                  <a:pt x="201" y="27"/>
                </a:cubicBezTo>
                <a:cubicBezTo>
                  <a:pt x="226" y="27"/>
                  <a:pt x="250" y="36"/>
                  <a:pt x="268" y="52"/>
                </a:cubicBezTo>
                <a:cubicBezTo>
                  <a:pt x="286" y="68"/>
                  <a:pt x="298" y="90"/>
                  <a:pt x="300" y="114"/>
                </a:cubicBezTo>
                <a:cubicBezTo>
                  <a:pt x="301" y="118"/>
                  <a:pt x="303" y="121"/>
                  <a:pt x="306" y="124"/>
                </a:cubicBezTo>
                <a:cubicBezTo>
                  <a:pt x="310" y="126"/>
                  <a:pt x="314" y="126"/>
                  <a:pt x="318" y="125"/>
                </a:cubicBezTo>
                <a:cubicBezTo>
                  <a:pt x="318" y="125"/>
                  <a:pt x="327" y="122"/>
                  <a:pt x="327" y="121"/>
                </a:cubicBezTo>
                <a:cubicBezTo>
                  <a:pt x="332" y="119"/>
                  <a:pt x="338" y="118"/>
                  <a:pt x="344" y="118"/>
                </a:cubicBezTo>
                <a:cubicBezTo>
                  <a:pt x="357" y="118"/>
                  <a:pt x="369" y="124"/>
                  <a:pt x="378" y="134"/>
                </a:cubicBezTo>
                <a:cubicBezTo>
                  <a:pt x="387" y="144"/>
                  <a:pt x="392" y="157"/>
                  <a:pt x="392" y="171"/>
                </a:cubicBezTo>
                <a:cubicBezTo>
                  <a:pt x="392" y="198"/>
                  <a:pt x="370" y="221"/>
                  <a:pt x="342" y="221"/>
                </a:cubicBezTo>
                <a:cubicBezTo>
                  <a:pt x="196" y="221"/>
                  <a:pt x="196" y="221"/>
                  <a:pt x="196" y="221"/>
                </a:cubicBezTo>
                <a:cubicBezTo>
                  <a:pt x="192" y="221"/>
                  <a:pt x="188" y="224"/>
                  <a:pt x="185" y="227"/>
                </a:cubicBezTo>
                <a:cubicBezTo>
                  <a:pt x="183" y="231"/>
                  <a:pt x="182" y="236"/>
                  <a:pt x="184" y="240"/>
                </a:cubicBezTo>
                <a:cubicBezTo>
                  <a:pt x="236" y="371"/>
                  <a:pt x="236" y="371"/>
                  <a:pt x="236" y="371"/>
                </a:cubicBezTo>
                <a:cubicBezTo>
                  <a:pt x="238" y="375"/>
                  <a:pt x="242" y="378"/>
                  <a:pt x="246" y="379"/>
                </a:cubicBezTo>
                <a:cubicBezTo>
                  <a:pt x="251" y="380"/>
                  <a:pt x="256" y="378"/>
                  <a:pt x="259" y="375"/>
                </a:cubicBezTo>
                <a:cubicBezTo>
                  <a:pt x="259" y="375"/>
                  <a:pt x="278" y="353"/>
                  <a:pt x="292" y="337"/>
                </a:cubicBezTo>
                <a:cubicBezTo>
                  <a:pt x="304" y="366"/>
                  <a:pt x="339" y="450"/>
                  <a:pt x="339" y="450"/>
                </a:cubicBezTo>
                <a:cubicBezTo>
                  <a:pt x="342" y="457"/>
                  <a:pt x="349" y="460"/>
                  <a:pt x="356" y="458"/>
                </a:cubicBezTo>
                <a:cubicBezTo>
                  <a:pt x="363" y="455"/>
                  <a:pt x="366" y="447"/>
                  <a:pt x="364" y="440"/>
                </a:cubicBezTo>
                <a:cubicBezTo>
                  <a:pt x="309" y="307"/>
                  <a:pt x="309" y="307"/>
                  <a:pt x="309" y="307"/>
                </a:cubicBezTo>
                <a:cubicBezTo>
                  <a:pt x="307" y="303"/>
                  <a:pt x="303" y="300"/>
                  <a:pt x="299" y="299"/>
                </a:cubicBezTo>
                <a:cubicBezTo>
                  <a:pt x="294" y="298"/>
                  <a:pt x="290" y="300"/>
                  <a:pt x="287" y="303"/>
                </a:cubicBezTo>
                <a:cubicBezTo>
                  <a:pt x="287" y="303"/>
                  <a:pt x="267" y="325"/>
                  <a:pt x="253" y="341"/>
                </a:cubicBezTo>
                <a:cubicBezTo>
                  <a:pt x="243" y="317"/>
                  <a:pt x="225" y="270"/>
                  <a:pt x="216" y="248"/>
                </a:cubicBezTo>
                <a:cubicBezTo>
                  <a:pt x="245" y="248"/>
                  <a:pt x="342" y="247"/>
                  <a:pt x="342" y="247"/>
                </a:cubicBezTo>
                <a:cubicBezTo>
                  <a:pt x="385" y="247"/>
                  <a:pt x="419" y="213"/>
                  <a:pt x="419" y="171"/>
                </a:cubicBezTo>
                <a:cubicBezTo>
                  <a:pt x="419" y="127"/>
                  <a:pt x="385" y="92"/>
                  <a:pt x="344" y="92"/>
                </a:cubicBezTo>
                <a:cubicBezTo>
                  <a:pt x="337" y="92"/>
                  <a:pt x="330" y="93"/>
                  <a:pt x="324" y="94"/>
                </a:cubicBezTo>
                <a:cubicBezTo>
                  <a:pt x="318" y="70"/>
                  <a:pt x="305" y="48"/>
                  <a:pt x="286" y="32"/>
                </a:cubicBezTo>
                <a:cubicBezTo>
                  <a:pt x="262" y="11"/>
                  <a:pt x="232" y="0"/>
                  <a:pt x="201" y="0"/>
                </a:cubicBezTo>
                <a:cubicBezTo>
                  <a:pt x="150" y="0"/>
                  <a:pt x="105" y="30"/>
                  <a:pt x="86" y="7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3" name="Freeform 410"/>
          <p:cNvSpPr>
            <a:spLocks noEditPoints="1"/>
          </p:cNvSpPr>
          <p:nvPr userDrawn="1"/>
        </p:nvSpPr>
        <p:spPr bwMode="auto">
          <a:xfrm>
            <a:off x="3805676" y="5098459"/>
            <a:ext cx="450850" cy="449263"/>
          </a:xfrm>
          <a:custGeom>
            <a:avLst/>
            <a:gdLst/>
            <a:ahLst/>
            <a:cxnLst>
              <a:cxn ang="0">
                <a:pos x="0" y="200"/>
              </a:cxn>
              <a:cxn ang="0">
                <a:pos x="238" y="4"/>
              </a:cxn>
              <a:cxn ang="0">
                <a:pos x="352" y="109"/>
              </a:cxn>
              <a:cxn ang="0">
                <a:pos x="78" y="73"/>
              </a:cxn>
              <a:cxn ang="0">
                <a:pos x="201" y="376"/>
              </a:cxn>
              <a:cxn ang="0">
                <a:pos x="376" y="199"/>
              </a:cxn>
              <a:cxn ang="0">
                <a:pos x="357" y="184"/>
              </a:cxn>
              <a:cxn ang="0">
                <a:pos x="336" y="176"/>
              </a:cxn>
              <a:cxn ang="0">
                <a:pos x="290" y="205"/>
              </a:cxn>
              <a:cxn ang="0">
                <a:pos x="317" y="222"/>
              </a:cxn>
              <a:cxn ang="0">
                <a:pos x="305" y="250"/>
              </a:cxn>
              <a:cxn ang="0">
                <a:pos x="289" y="290"/>
              </a:cxn>
              <a:cxn ang="0">
                <a:pos x="237" y="358"/>
              </a:cxn>
              <a:cxn ang="0">
                <a:pos x="190" y="347"/>
              </a:cxn>
              <a:cxn ang="0">
                <a:pos x="164" y="257"/>
              </a:cxn>
              <a:cxn ang="0">
                <a:pos x="118" y="249"/>
              </a:cxn>
              <a:cxn ang="0">
                <a:pos x="93" y="207"/>
              </a:cxn>
              <a:cxn ang="0">
                <a:pos x="137" y="140"/>
              </a:cxn>
              <a:cxn ang="0">
                <a:pos x="117" y="97"/>
              </a:cxn>
              <a:cxn ang="0">
                <a:pos x="144" y="80"/>
              </a:cxn>
              <a:cxn ang="0">
                <a:pos x="148" y="55"/>
              </a:cxn>
              <a:cxn ang="0">
                <a:pos x="181" y="36"/>
              </a:cxn>
              <a:cxn ang="0">
                <a:pos x="228" y="46"/>
              </a:cxn>
              <a:cxn ang="0">
                <a:pos x="248" y="39"/>
              </a:cxn>
              <a:cxn ang="0">
                <a:pos x="249" y="59"/>
              </a:cxn>
              <a:cxn ang="0">
                <a:pos x="215" y="67"/>
              </a:cxn>
              <a:cxn ang="0">
                <a:pos x="180" y="60"/>
              </a:cxn>
              <a:cxn ang="0">
                <a:pos x="168" y="74"/>
              </a:cxn>
              <a:cxn ang="0">
                <a:pos x="169" y="82"/>
              </a:cxn>
              <a:cxn ang="0">
                <a:pos x="152" y="103"/>
              </a:cxn>
              <a:cxn ang="0">
                <a:pos x="147" y="119"/>
              </a:cxn>
              <a:cxn ang="0">
                <a:pos x="164" y="109"/>
              </a:cxn>
              <a:cxn ang="0">
                <a:pos x="188" y="99"/>
              </a:cxn>
              <a:cxn ang="0">
                <a:pos x="229" y="113"/>
              </a:cxn>
              <a:cxn ang="0">
                <a:pos x="255" y="152"/>
              </a:cxn>
              <a:cxn ang="0">
                <a:pos x="237" y="172"/>
              </a:cxn>
              <a:cxn ang="0">
                <a:pos x="197" y="171"/>
              </a:cxn>
              <a:cxn ang="0">
                <a:pos x="152" y="165"/>
              </a:cxn>
              <a:cxn ang="0">
                <a:pos x="117" y="211"/>
              </a:cxn>
              <a:cxn ang="0">
                <a:pos x="132" y="228"/>
              </a:cxn>
              <a:cxn ang="0">
                <a:pos x="185" y="246"/>
              </a:cxn>
              <a:cxn ang="0">
                <a:pos x="210" y="335"/>
              </a:cxn>
              <a:cxn ang="0">
                <a:pos x="226" y="337"/>
              </a:cxn>
              <a:cxn ang="0">
                <a:pos x="265" y="290"/>
              </a:cxn>
              <a:cxn ang="0">
                <a:pos x="266" y="273"/>
              </a:cxn>
              <a:cxn ang="0">
                <a:pos x="281" y="243"/>
              </a:cxn>
              <a:cxn ang="0">
                <a:pos x="275" y="227"/>
              </a:cxn>
              <a:cxn ang="0">
                <a:pos x="268" y="170"/>
              </a:cxn>
              <a:cxn ang="0">
                <a:pos x="337" y="150"/>
              </a:cxn>
              <a:cxn ang="0">
                <a:pos x="357" y="160"/>
              </a:cxn>
              <a:cxn ang="0">
                <a:pos x="365" y="135"/>
              </a:cxn>
              <a:cxn ang="0">
                <a:pos x="388" y="131"/>
              </a:cxn>
              <a:cxn ang="0">
                <a:pos x="277" y="384"/>
              </a:cxn>
              <a:cxn ang="0">
                <a:pos x="225" y="143"/>
              </a:cxn>
              <a:cxn ang="0">
                <a:pos x="188" y="122"/>
              </a:cxn>
              <a:cxn ang="0">
                <a:pos x="180" y="125"/>
              </a:cxn>
              <a:cxn ang="0">
                <a:pos x="155" y="141"/>
              </a:cxn>
              <a:cxn ang="0">
                <a:pos x="206" y="150"/>
              </a:cxn>
              <a:cxn ang="0">
                <a:pos x="216" y="151"/>
              </a:cxn>
            </a:cxnLst>
            <a:rect l="0" t="0" r="r" b="b"/>
            <a:pathLst>
              <a:path w="400" h="399">
                <a:moveTo>
                  <a:pt x="201" y="399"/>
                </a:moveTo>
                <a:cubicBezTo>
                  <a:pt x="131" y="399"/>
                  <a:pt x="70" y="363"/>
                  <a:pt x="35" y="312"/>
                </a:cubicBezTo>
                <a:cubicBezTo>
                  <a:pt x="13" y="280"/>
                  <a:pt x="0" y="241"/>
                  <a:pt x="0" y="200"/>
                </a:cubicBezTo>
                <a:cubicBezTo>
                  <a:pt x="0" y="151"/>
                  <a:pt x="19" y="99"/>
                  <a:pt x="62" y="56"/>
                </a:cubicBezTo>
                <a:cubicBezTo>
                  <a:pt x="96" y="22"/>
                  <a:pt x="145" y="0"/>
                  <a:pt x="199" y="0"/>
                </a:cubicBezTo>
                <a:cubicBezTo>
                  <a:pt x="212" y="0"/>
                  <a:pt x="225" y="1"/>
                  <a:pt x="238" y="4"/>
                </a:cubicBezTo>
                <a:cubicBezTo>
                  <a:pt x="297" y="15"/>
                  <a:pt x="343" y="50"/>
                  <a:pt x="372" y="96"/>
                </a:cubicBezTo>
                <a:cubicBezTo>
                  <a:pt x="376" y="102"/>
                  <a:pt x="374" y="109"/>
                  <a:pt x="368" y="113"/>
                </a:cubicBezTo>
                <a:cubicBezTo>
                  <a:pt x="363" y="116"/>
                  <a:pt x="356" y="114"/>
                  <a:pt x="352" y="109"/>
                </a:cubicBezTo>
                <a:cubicBezTo>
                  <a:pt x="326" y="67"/>
                  <a:pt x="286" y="37"/>
                  <a:pt x="234" y="27"/>
                </a:cubicBezTo>
                <a:cubicBezTo>
                  <a:pt x="222" y="25"/>
                  <a:pt x="210" y="24"/>
                  <a:pt x="199" y="24"/>
                </a:cubicBezTo>
                <a:cubicBezTo>
                  <a:pt x="151" y="24"/>
                  <a:pt x="108" y="43"/>
                  <a:pt x="78" y="73"/>
                </a:cubicBezTo>
                <a:cubicBezTo>
                  <a:pt x="39" y="112"/>
                  <a:pt x="24" y="157"/>
                  <a:pt x="24" y="200"/>
                </a:cubicBezTo>
                <a:cubicBezTo>
                  <a:pt x="24" y="236"/>
                  <a:pt x="35" y="270"/>
                  <a:pt x="54" y="298"/>
                </a:cubicBezTo>
                <a:cubicBezTo>
                  <a:pt x="85" y="343"/>
                  <a:pt x="140" y="376"/>
                  <a:pt x="201" y="376"/>
                </a:cubicBezTo>
                <a:cubicBezTo>
                  <a:pt x="223" y="376"/>
                  <a:pt x="245" y="372"/>
                  <a:pt x="268" y="362"/>
                </a:cubicBezTo>
                <a:cubicBezTo>
                  <a:pt x="302" y="349"/>
                  <a:pt x="329" y="326"/>
                  <a:pt x="347" y="297"/>
                </a:cubicBezTo>
                <a:cubicBezTo>
                  <a:pt x="366" y="268"/>
                  <a:pt x="376" y="234"/>
                  <a:pt x="376" y="199"/>
                </a:cubicBezTo>
                <a:cubicBezTo>
                  <a:pt x="376" y="191"/>
                  <a:pt x="376" y="184"/>
                  <a:pt x="375" y="176"/>
                </a:cubicBezTo>
                <a:cubicBezTo>
                  <a:pt x="373" y="178"/>
                  <a:pt x="371" y="179"/>
                  <a:pt x="369" y="181"/>
                </a:cubicBezTo>
                <a:cubicBezTo>
                  <a:pt x="366" y="183"/>
                  <a:pt x="362" y="184"/>
                  <a:pt x="357" y="184"/>
                </a:cubicBezTo>
                <a:cubicBezTo>
                  <a:pt x="353" y="184"/>
                  <a:pt x="349" y="183"/>
                  <a:pt x="345" y="181"/>
                </a:cubicBezTo>
                <a:cubicBezTo>
                  <a:pt x="344" y="181"/>
                  <a:pt x="344" y="181"/>
                  <a:pt x="344" y="181"/>
                </a:cubicBezTo>
                <a:cubicBezTo>
                  <a:pt x="336" y="176"/>
                  <a:pt x="336" y="176"/>
                  <a:pt x="336" y="176"/>
                </a:cubicBezTo>
                <a:cubicBezTo>
                  <a:pt x="319" y="206"/>
                  <a:pt x="319" y="206"/>
                  <a:pt x="319" y="206"/>
                </a:cubicBezTo>
                <a:cubicBezTo>
                  <a:pt x="316" y="211"/>
                  <a:pt x="310" y="213"/>
                  <a:pt x="304" y="211"/>
                </a:cubicBezTo>
                <a:cubicBezTo>
                  <a:pt x="290" y="205"/>
                  <a:pt x="290" y="205"/>
                  <a:pt x="290" y="205"/>
                </a:cubicBezTo>
                <a:cubicBezTo>
                  <a:pt x="294" y="211"/>
                  <a:pt x="294" y="211"/>
                  <a:pt x="294" y="211"/>
                </a:cubicBezTo>
                <a:cubicBezTo>
                  <a:pt x="309" y="215"/>
                  <a:pt x="309" y="215"/>
                  <a:pt x="309" y="215"/>
                </a:cubicBezTo>
                <a:cubicBezTo>
                  <a:pt x="313" y="216"/>
                  <a:pt x="316" y="218"/>
                  <a:pt x="317" y="222"/>
                </a:cubicBezTo>
                <a:cubicBezTo>
                  <a:pt x="318" y="225"/>
                  <a:pt x="318" y="230"/>
                  <a:pt x="316" y="233"/>
                </a:cubicBezTo>
                <a:cubicBezTo>
                  <a:pt x="316" y="233"/>
                  <a:pt x="315" y="235"/>
                  <a:pt x="313" y="238"/>
                </a:cubicBezTo>
                <a:cubicBezTo>
                  <a:pt x="311" y="241"/>
                  <a:pt x="308" y="245"/>
                  <a:pt x="305" y="250"/>
                </a:cubicBezTo>
                <a:cubicBezTo>
                  <a:pt x="299" y="259"/>
                  <a:pt x="292" y="271"/>
                  <a:pt x="289" y="277"/>
                </a:cubicBezTo>
                <a:cubicBezTo>
                  <a:pt x="289" y="278"/>
                  <a:pt x="288" y="279"/>
                  <a:pt x="288" y="280"/>
                </a:cubicBezTo>
                <a:cubicBezTo>
                  <a:pt x="288" y="281"/>
                  <a:pt x="289" y="285"/>
                  <a:pt x="289" y="290"/>
                </a:cubicBezTo>
                <a:cubicBezTo>
                  <a:pt x="289" y="298"/>
                  <a:pt x="287" y="310"/>
                  <a:pt x="277" y="321"/>
                </a:cubicBezTo>
                <a:cubicBezTo>
                  <a:pt x="274" y="325"/>
                  <a:pt x="268" y="332"/>
                  <a:pt x="261" y="339"/>
                </a:cubicBezTo>
                <a:cubicBezTo>
                  <a:pt x="254" y="346"/>
                  <a:pt x="246" y="353"/>
                  <a:pt x="237" y="358"/>
                </a:cubicBezTo>
                <a:cubicBezTo>
                  <a:pt x="231" y="361"/>
                  <a:pt x="225" y="364"/>
                  <a:pt x="217" y="364"/>
                </a:cubicBezTo>
                <a:cubicBezTo>
                  <a:pt x="212" y="364"/>
                  <a:pt x="206" y="363"/>
                  <a:pt x="201" y="360"/>
                </a:cubicBezTo>
                <a:cubicBezTo>
                  <a:pt x="197" y="356"/>
                  <a:pt x="193" y="352"/>
                  <a:pt x="190" y="347"/>
                </a:cubicBezTo>
                <a:cubicBezTo>
                  <a:pt x="182" y="334"/>
                  <a:pt x="179" y="319"/>
                  <a:pt x="176" y="305"/>
                </a:cubicBezTo>
                <a:cubicBezTo>
                  <a:pt x="174" y="291"/>
                  <a:pt x="172" y="278"/>
                  <a:pt x="170" y="269"/>
                </a:cubicBezTo>
                <a:cubicBezTo>
                  <a:pt x="168" y="262"/>
                  <a:pt x="166" y="258"/>
                  <a:pt x="164" y="257"/>
                </a:cubicBezTo>
                <a:cubicBezTo>
                  <a:pt x="163" y="256"/>
                  <a:pt x="162" y="255"/>
                  <a:pt x="161" y="255"/>
                </a:cubicBezTo>
                <a:cubicBezTo>
                  <a:pt x="155" y="254"/>
                  <a:pt x="148" y="253"/>
                  <a:pt x="141" y="253"/>
                </a:cubicBezTo>
                <a:cubicBezTo>
                  <a:pt x="133" y="252"/>
                  <a:pt x="125" y="252"/>
                  <a:pt x="118" y="249"/>
                </a:cubicBezTo>
                <a:cubicBezTo>
                  <a:pt x="112" y="247"/>
                  <a:pt x="107" y="244"/>
                  <a:pt x="103" y="239"/>
                </a:cubicBezTo>
                <a:cubicBezTo>
                  <a:pt x="97" y="233"/>
                  <a:pt x="94" y="224"/>
                  <a:pt x="93" y="214"/>
                </a:cubicBezTo>
                <a:cubicBezTo>
                  <a:pt x="93" y="211"/>
                  <a:pt x="93" y="209"/>
                  <a:pt x="93" y="207"/>
                </a:cubicBezTo>
                <a:cubicBezTo>
                  <a:pt x="93" y="188"/>
                  <a:pt x="100" y="171"/>
                  <a:pt x="111" y="160"/>
                </a:cubicBezTo>
                <a:cubicBezTo>
                  <a:pt x="120" y="150"/>
                  <a:pt x="132" y="144"/>
                  <a:pt x="144" y="142"/>
                </a:cubicBezTo>
                <a:cubicBezTo>
                  <a:pt x="141" y="142"/>
                  <a:pt x="139" y="141"/>
                  <a:pt x="137" y="140"/>
                </a:cubicBezTo>
                <a:cubicBezTo>
                  <a:pt x="130" y="136"/>
                  <a:pt x="125" y="131"/>
                  <a:pt x="121" y="126"/>
                </a:cubicBezTo>
                <a:cubicBezTo>
                  <a:pt x="117" y="120"/>
                  <a:pt x="115" y="114"/>
                  <a:pt x="115" y="107"/>
                </a:cubicBezTo>
                <a:cubicBezTo>
                  <a:pt x="115" y="104"/>
                  <a:pt x="115" y="101"/>
                  <a:pt x="117" y="97"/>
                </a:cubicBezTo>
                <a:cubicBezTo>
                  <a:pt x="119" y="94"/>
                  <a:pt x="122" y="91"/>
                  <a:pt x="125" y="89"/>
                </a:cubicBezTo>
                <a:cubicBezTo>
                  <a:pt x="128" y="88"/>
                  <a:pt x="131" y="87"/>
                  <a:pt x="135" y="85"/>
                </a:cubicBezTo>
                <a:cubicBezTo>
                  <a:pt x="138" y="84"/>
                  <a:pt x="141" y="82"/>
                  <a:pt x="144" y="80"/>
                </a:cubicBezTo>
                <a:cubicBezTo>
                  <a:pt x="144" y="80"/>
                  <a:pt x="144" y="80"/>
                  <a:pt x="145" y="79"/>
                </a:cubicBezTo>
                <a:cubicBezTo>
                  <a:pt x="145" y="78"/>
                  <a:pt x="145" y="76"/>
                  <a:pt x="145" y="74"/>
                </a:cubicBezTo>
                <a:cubicBezTo>
                  <a:pt x="145" y="68"/>
                  <a:pt x="145" y="61"/>
                  <a:pt x="148" y="55"/>
                </a:cubicBezTo>
                <a:cubicBezTo>
                  <a:pt x="151" y="49"/>
                  <a:pt x="156" y="43"/>
                  <a:pt x="164" y="39"/>
                </a:cubicBezTo>
                <a:cubicBezTo>
                  <a:pt x="168" y="37"/>
                  <a:pt x="174" y="36"/>
                  <a:pt x="180" y="36"/>
                </a:cubicBezTo>
                <a:cubicBezTo>
                  <a:pt x="180" y="36"/>
                  <a:pt x="180" y="36"/>
                  <a:pt x="181" y="36"/>
                </a:cubicBezTo>
                <a:cubicBezTo>
                  <a:pt x="189" y="36"/>
                  <a:pt x="196" y="38"/>
                  <a:pt x="203" y="40"/>
                </a:cubicBezTo>
                <a:cubicBezTo>
                  <a:pt x="210" y="41"/>
                  <a:pt x="216" y="43"/>
                  <a:pt x="221" y="44"/>
                </a:cubicBezTo>
                <a:cubicBezTo>
                  <a:pt x="224" y="45"/>
                  <a:pt x="227" y="46"/>
                  <a:pt x="228" y="46"/>
                </a:cubicBezTo>
                <a:cubicBezTo>
                  <a:pt x="229" y="46"/>
                  <a:pt x="229" y="46"/>
                  <a:pt x="230" y="46"/>
                </a:cubicBezTo>
                <a:cubicBezTo>
                  <a:pt x="232" y="42"/>
                  <a:pt x="232" y="42"/>
                  <a:pt x="232" y="42"/>
                </a:cubicBezTo>
                <a:cubicBezTo>
                  <a:pt x="235" y="37"/>
                  <a:pt x="243" y="35"/>
                  <a:pt x="248" y="39"/>
                </a:cubicBezTo>
                <a:cubicBezTo>
                  <a:pt x="253" y="42"/>
                  <a:pt x="255" y="50"/>
                  <a:pt x="251" y="55"/>
                </a:cubicBezTo>
                <a:cubicBezTo>
                  <a:pt x="249" y="59"/>
                  <a:pt x="249" y="59"/>
                  <a:pt x="249" y="59"/>
                </a:cubicBezTo>
                <a:cubicBezTo>
                  <a:pt x="249" y="59"/>
                  <a:pt x="249" y="59"/>
                  <a:pt x="249" y="59"/>
                </a:cubicBezTo>
                <a:cubicBezTo>
                  <a:pt x="246" y="63"/>
                  <a:pt x="243" y="66"/>
                  <a:pt x="239" y="67"/>
                </a:cubicBezTo>
                <a:cubicBezTo>
                  <a:pt x="235" y="69"/>
                  <a:pt x="232" y="69"/>
                  <a:pt x="228" y="69"/>
                </a:cubicBezTo>
                <a:cubicBezTo>
                  <a:pt x="224" y="69"/>
                  <a:pt x="219" y="68"/>
                  <a:pt x="215" y="67"/>
                </a:cubicBezTo>
                <a:cubicBezTo>
                  <a:pt x="211" y="66"/>
                  <a:pt x="207" y="65"/>
                  <a:pt x="203" y="64"/>
                </a:cubicBezTo>
                <a:cubicBezTo>
                  <a:pt x="195" y="62"/>
                  <a:pt x="187" y="60"/>
                  <a:pt x="181" y="60"/>
                </a:cubicBezTo>
                <a:cubicBezTo>
                  <a:pt x="181" y="60"/>
                  <a:pt x="181" y="60"/>
                  <a:pt x="180" y="60"/>
                </a:cubicBezTo>
                <a:cubicBezTo>
                  <a:pt x="175" y="60"/>
                  <a:pt x="172" y="61"/>
                  <a:pt x="171" y="62"/>
                </a:cubicBezTo>
                <a:cubicBezTo>
                  <a:pt x="170" y="63"/>
                  <a:pt x="170" y="64"/>
                  <a:pt x="169" y="67"/>
                </a:cubicBezTo>
                <a:cubicBezTo>
                  <a:pt x="168" y="69"/>
                  <a:pt x="168" y="71"/>
                  <a:pt x="168" y="74"/>
                </a:cubicBezTo>
                <a:cubicBezTo>
                  <a:pt x="168" y="76"/>
                  <a:pt x="168" y="78"/>
                  <a:pt x="169" y="81"/>
                </a:cubicBezTo>
                <a:cubicBezTo>
                  <a:pt x="169" y="81"/>
                  <a:pt x="169" y="81"/>
                  <a:pt x="169" y="81"/>
                </a:cubicBezTo>
                <a:cubicBezTo>
                  <a:pt x="169" y="81"/>
                  <a:pt x="169" y="82"/>
                  <a:pt x="169" y="82"/>
                </a:cubicBezTo>
                <a:cubicBezTo>
                  <a:pt x="169" y="86"/>
                  <a:pt x="167" y="89"/>
                  <a:pt x="166" y="91"/>
                </a:cubicBezTo>
                <a:cubicBezTo>
                  <a:pt x="165" y="93"/>
                  <a:pt x="163" y="94"/>
                  <a:pt x="162" y="96"/>
                </a:cubicBezTo>
                <a:cubicBezTo>
                  <a:pt x="159" y="99"/>
                  <a:pt x="156" y="101"/>
                  <a:pt x="152" y="103"/>
                </a:cubicBezTo>
                <a:cubicBezTo>
                  <a:pt x="148" y="105"/>
                  <a:pt x="143" y="107"/>
                  <a:pt x="139" y="109"/>
                </a:cubicBezTo>
                <a:cubicBezTo>
                  <a:pt x="139" y="110"/>
                  <a:pt x="140" y="112"/>
                  <a:pt x="141" y="113"/>
                </a:cubicBezTo>
                <a:cubicBezTo>
                  <a:pt x="142" y="115"/>
                  <a:pt x="145" y="118"/>
                  <a:pt x="147" y="119"/>
                </a:cubicBezTo>
                <a:cubicBezTo>
                  <a:pt x="147" y="119"/>
                  <a:pt x="147" y="119"/>
                  <a:pt x="148" y="119"/>
                </a:cubicBezTo>
                <a:cubicBezTo>
                  <a:pt x="148" y="119"/>
                  <a:pt x="151" y="118"/>
                  <a:pt x="154" y="116"/>
                </a:cubicBezTo>
                <a:cubicBezTo>
                  <a:pt x="157" y="114"/>
                  <a:pt x="161" y="111"/>
                  <a:pt x="164" y="109"/>
                </a:cubicBezTo>
                <a:cubicBezTo>
                  <a:pt x="166" y="107"/>
                  <a:pt x="167" y="105"/>
                  <a:pt x="170" y="104"/>
                </a:cubicBezTo>
                <a:cubicBezTo>
                  <a:pt x="173" y="101"/>
                  <a:pt x="176" y="100"/>
                  <a:pt x="179" y="100"/>
                </a:cubicBezTo>
                <a:cubicBezTo>
                  <a:pt x="182" y="99"/>
                  <a:pt x="185" y="99"/>
                  <a:pt x="188" y="99"/>
                </a:cubicBezTo>
                <a:cubicBezTo>
                  <a:pt x="196" y="99"/>
                  <a:pt x="204" y="100"/>
                  <a:pt x="211" y="102"/>
                </a:cubicBezTo>
                <a:cubicBezTo>
                  <a:pt x="215" y="103"/>
                  <a:pt x="218" y="105"/>
                  <a:pt x="220" y="107"/>
                </a:cubicBezTo>
                <a:cubicBezTo>
                  <a:pt x="223" y="109"/>
                  <a:pt x="226" y="111"/>
                  <a:pt x="229" y="113"/>
                </a:cubicBezTo>
                <a:cubicBezTo>
                  <a:pt x="235" y="118"/>
                  <a:pt x="241" y="124"/>
                  <a:pt x="245" y="130"/>
                </a:cubicBezTo>
                <a:cubicBezTo>
                  <a:pt x="248" y="134"/>
                  <a:pt x="251" y="138"/>
                  <a:pt x="253" y="143"/>
                </a:cubicBezTo>
                <a:cubicBezTo>
                  <a:pt x="254" y="146"/>
                  <a:pt x="255" y="148"/>
                  <a:pt x="255" y="152"/>
                </a:cubicBezTo>
                <a:cubicBezTo>
                  <a:pt x="255" y="153"/>
                  <a:pt x="255" y="154"/>
                  <a:pt x="254" y="156"/>
                </a:cubicBezTo>
                <a:cubicBezTo>
                  <a:pt x="253" y="161"/>
                  <a:pt x="250" y="165"/>
                  <a:pt x="247" y="167"/>
                </a:cubicBezTo>
                <a:cubicBezTo>
                  <a:pt x="243" y="169"/>
                  <a:pt x="240" y="171"/>
                  <a:pt x="237" y="172"/>
                </a:cubicBezTo>
                <a:cubicBezTo>
                  <a:pt x="230" y="174"/>
                  <a:pt x="223" y="174"/>
                  <a:pt x="216" y="174"/>
                </a:cubicBezTo>
                <a:cubicBezTo>
                  <a:pt x="213" y="174"/>
                  <a:pt x="209" y="174"/>
                  <a:pt x="206" y="174"/>
                </a:cubicBezTo>
                <a:cubicBezTo>
                  <a:pt x="203" y="173"/>
                  <a:pt x="200" y="173"/>
                  <a:pt x="197" y="171"/>
                </a:cubicBezTo>
                <a:cubicBezTo>
                  <a:pt x="194" y="170"/>
                  <a:pt x="188" y="168"/>
                  <a:pt x="181" y="167"/>
                </a:cubicBezTo>
                <a:cubicBezTo>
                  <a:pt x="174" y="166"/>
                  <a:pt x="165" y="165"/>
                  <a:pt x="154" y="165"/>
                </a:cubicBezTo>
                <a:cubicBezTo>
                  <a:pt x="154" y="165"/>
                  <a:pt x="153" y="165"/>
                  <a:pt x="152" y="165"/>
                </a:cubicBezTo>
                <a:cubicBezTo>
                  <a:pt x="144" y="165"/>
                  <a:pt x="135" y="169"/>
                  <a:pt x="128" y="176"/>
                </a:cubicBezTo>
                <a:cubicBezTo>
                  <a:pt x="121" y="184"/>
                  <a:pt x="116" y="194"/>
                  <a:pt x="116" y="207"/>
                </a:cubicBezTo>
                <a:cubicBezTo>
                  <a:pt x="116" y="208"/>
                  <a:pt x="116" y="210"/>
                  <a:pt x="117" y="211"/>
                </a:cubicBezTo>
                <a:cubicBezTo>
                  <a:pt x="117" y="215"/>
                  <a:pt x="118" y="218"/>
                  <a:pt x="119" y="220"/>
                </a:cubicBezTo>
                <a:cubicBezTo>
                  <a:pt x="119" y="222"/>
                  <a:pt x="120" y="223"/>
                  <a:pt x="121" y="224"/>
                </a:cubicBezTo>
                <a:cubicBezTo>
                  <a:pt x="123" y="226"/>
                  <a:pt x="126" y="227"/>
                  <a:pt x="132" y="228"/>
                </a:cubicBezTo>
                <a:cubicBezTo>
                  <a:pt x="135" y="229"/>
                  <a:pt x="140" y="229"/>
                  <a:pt x="145" y="229"/>
                </a:cubicBezTo>
                <a:cubicBezTo>
                  <a:pt x="151" y="230"/>
                  <a:pt x="159" y="230"/>
                  <a:pt x="166" y="232"/>
                </a:cubicBezTo>
                <a:cubicBezTo>
                  <a:pt x="175" y="234"/>
                  <a:pt x="181" y="239"/>
                  <a:pt x="185" y="246"/>
                </a:cubicBezTo>
                <a:cubicBezTo>
                  <a:pt x="189" y="252"/>
                  <a:pt x="192" y="259"/>
                  <a:pt x="193" y="266"/>
                </a:cubicBezTo>
                <a:cubicBezTo>
                  <a:pt x="197" y="280"/>
                  <a:pt x="198" y="296"/>
                  <a:pt x="201" y="310"/>
                </a:cubicBezTo>
                <a:cubicBezTo>
                  <a:pt x="203" y="320"/>
                  <a:pt x="206" y="329"/>
                  <a:pt x="210" y="335"/>
                </a:cubicBezTo>
                <a:cubicBezTo>
                  <a:pt x="212" y="338"/>
                  <a:pt x="213" y="339"/>
                  <a:pt x="214" y="340"/>
                </a:cubicBezTo>
                <a:cubicBezTo>
                  <a:pt x="215" y="340"/>
                  <a:pt x="216" y="340"/>
                  <a:pt x="217" y="340"/>
                </a:cubicBezTo>
                <a:cubicBezTo>
                  <a:pt x="219" y="340"/>
                  <a:pt x="222" y="340"/>
                  <a:pt x="226" y="337"/>
                </a:cubicBezTo>
                <a:cubicBezTo>
                  <a:pt x="230" y="335"/>
                  <a:pt x="234" y="332"/>
                  <a:pt x="238" y="328"/>
                </a:cubicBezTo>
                <a:cubicBezTo>
                  <a:pt x="247" y="321"/>
                  <a:pt x="255" y="311"/>
                  <a:pt x="259" y="306"/>
                </a:cubicBezTo>
                <a:cubicBezTo>
                  <a:pt x="265" y="299"/>
                  <a:pt x="265" y="295"/>
                  <a:pt x="265" y="290"/>
                </a:cubicBezTo>
                <a:cubicBezTo>
                  <a:pt x="265" y="287"/>
                  <a:pt x="265" y="283"/>
                  <a:pt x="265" y="279"/>
                </a:cubicBezTo>
                <a:cubicBezTo>
                  <a:pt x="265" y="278"/>
                  <a:pt x="265" y="278"/>
                  <a:pt x="265" y="278"/>
                </a:cubicBezTo>
                <a:cubicBezTo>
                  <a:pt x="265" y="275"/>
                  <a:pt x="265" y="274"/>
                  <a:pt x="266" y="273"/>
                </a:cubicBezTo>
                <a:cubicBezTo>
                  <a:pt x="266" y="272"/>
                  <a:pt x="267" y="270"/>
                  <a:pt x="267" y="269"/>
                </a:cubicBezTo>
                <a:cubicBezTo>
                  <a:pt x="268" y="267"/>
                  <a:pt x="269" y="264"/>
                  <a:pt x="271" y="262"/>
                </a:cubicBezTo>
                <a:cubicBezTo>
                  <a:pt x="274" y="256"/>
                  <a:pt x="278" y="250"/>
                  <a:pt x="281" y="243"/>
                </a:cubicBezTo>
                <a:cubicBezTo>
                  <a:pt x="283" y="240"/>
                  <a:pt x="285" y="237"/>
                  <a:pt x="287" y="234"/>
                </a:cubicBezTo>
                <a:cubicBezTo>
                  <a:pt x="283" y="233"/>
                  <a:pt x="283" y="233"/>
                  <a:pt x="283" y="233"/>
                </a:cubicBezTo>
                <a:cubicBezTo>
                  <a:pt x="280" y="232"/>
                  <a:pt x="277" y="230"/>
                  <a:pt x="275" y="227"/>
                </a:cubicBezTo>
                <a:cubicBezTo>
                  <a:pt x="253" y="186"/>
                  <a:pt x="253" y="186"/>
                  <a:pt x="253" y="186"/>
                </a:cubicBezTo>
                <a:cubicBezTo>
                  <a:pt x="250" y="182"/>
                  <a:pt x="251" y="176"/>
                  <a:pt x="254" y="172"/>
                </a:cubicBezTo>
                <a:cubicBezTo>
                  <a:pt x="258" y="169"/>
                  <a:pt x="263" y="168"/>
                  <a:pt x="268" y="170"/>
                </a:cubicBezTo>
                <a:cubicBezTo>
                  <a:pt x="304" y="185"/>
                  <a:pt x="304" y="185"/>
                  <a:pt x="304" y="185"/>
                </a:cubicBezTo>
                <a:cubicBezTo>
                  <a:pt x="321" y="154"/>
                  <a:pt x="321" y="154"/>
                  <a:pt x="321" y="154"/>
                </a:cubicBezTo>
                <a:cubicBezTo>
                  <a:pt x="325" y="148"/>
                  <a:pt x="332" y="147"/>
                  <a:pt x="337" y="150"/>
                </a:cubicBezTo>
                <a:cubicBezTo>
                  <a:pt x="356" y="160"/>
                  <a:pt x="356" y="160"/>
                  <a:pt x="356" y="160"/>
                </a:cubicBezTo>
                <a:cubicBezTo>
                  <a:pt x="356" y="160"/>
                  <a:pt x="357" y="160"/>
                  <a:pt x="357" y="160"/>
                </a:cubicBezTo>
                <a:cubicBezTo>
                  <a:pt x="357" y="160"/>
                  <a:pt x="357" y="160"/>
                  <a:pt x="357" y="160"/>
                </a:cubicBezTo>
                <a:cubicBezTo>
                  <a:pt x="357" y="160"/>
                  <a:pt x="358" y="160"/>
                  <a:pt x="358" y="160"/>
                </a:cubicBezTo>
                <a:cubicBezTo>
                  <a:pt x="359" y="158"/>
                  <a:pt x="360" y="155"/>
                  <a:pt x="362" y="152"/>
                </a:cubicBezTo>
                <a:cubicBezTo>
                  <a:pt x="364" y="145"/>
                  <a:pt x="365" y="136"/>
                  <a:pt x="365" y="135"/>
                </a:cubicBezTo>
                <a:cubicBezTo>
                  <a:pt x="365" y="135"/>
                  <a:pt x="365" y="135"/>
                  <a:pt x="365" y="135"/>
                </a:cubicBezTo>
                <a:cubicBezTo>
                  <a:pt x="365" y="129"/>
                  <a:pt x="369" y="125"/>
                  <a:pt x="375" y="124"/>
                </a:cubicBezTo>
                <a:cubicBezTo>
                  <a:pt x="380" y="123"/>
                  <a:pt x="386" y="126"/>
                  <a:pt x="388" y="131"/>
                </a:cubicBezTo>
                <a:cubicBezTo>
                  <a:pt x="396" y="153"/>
                  <a:pt x="400" y="176"/>
                  <a:pt x="400" y="199"/>
                </a:cubicBezTo>
                <a:cubicBezTo>
                  <a:pt x="400" y="238"/>
                  <a:pt x="388" y="277"/>
                  <a:pt x="367" y="309"/>
                </a:cubicBezTo>
                <a:cubicBezTo>
                  <a:pt x="346" y="342"/>
                  <a:pt x="316" y="369"/>
                  <a:pt x="277" y="384"/>
                </a:cubicBezTo>
                <a:cubicBezTo>
                  <a:pt x="251" y="395"/>
                  <a:pt x="226" y="399"/>
                  <a:pt x="201" y="399"/>
                </a:cubicBezTo>
                <a:close/>
                <a:moveTo>
                  <a:pt x="230" y="149"/>
                </a:moveTo>
                <a:cubicBezTo>
                  <a:pt x="229" y="148"/>
                  <a:pt x="227" y="145"/>
                  <a:pt x="225" y="143"/>
                </a:cubicBezTo>
                <a:cubicBezTo>
                  <a:pt x="221" y="138"/>
                  <a:pt x="216" y="132"/>
                  <a:pt x="211" y="129"/>
                </a:cubicBezTo>
                <a:cubicBezTo>
                  <a:pt x="208" y="126"/>
                  <a:pt x="205" y="125"/>
                  <a:pt x="205" y="125"/>
                </a:cubicBezTo>
                <a:cubicBezTo>
                  <a:pt x="199" y="123"/>
                  <a:pt x="193" y="122"/>
                  <a:pt x="188" y="122"/>
                </a:cubicBezTo>
                <a:cubicBezTo>
                  <a:pt x="187" y="122"/>
                  <a:pt x="185" y="122"/>
                  <a:pt x="185" y="123"/>
                </a:cubicBezTo>
                <a:cubicBezTo>
                  <a:pt x="184" y="123"/>
                  <a:pt x="183" y="123"/>
                  <a:pt x="183" y="123"/>
                </a:cubicBezTo>
                <a:cubicBezTo>
                  <a:pt x="183" y="123"/>
                  <a:pt x="182" y="124"/>
                  <a:pt x="180" y="125"/>
                </a:cubicBezTo>
                <a:cubicBezTo>
                  <a:pt x="179" y="126"/>
                  <a:pt x="177" y="128"/>
                  <a:pt x="175" y="129"/>
                </a:cubicBezTo>
                <a:cubicBezTo>
                  <a:pt x="171" y="133"/>
                  <a:pt x="167" y="136"/>
                  <a:pt x="161" y="139"/>
                </a:cubicBezTo>
                <a:cubicBezTo>
                  <a:pt x="159" y="140"/>
                  <a:pt x="157" y="141"/>
                  <a:pt x="155" y="141"/>
                </a:cubicBezTo>
                <a:cubicBezTo>
                  <a:pt x="167" y="141"/>
                  <a:pt x="177" y="142"/>
                  <a:pt x="185" y="144"/>
                </a:cubicBezTo>
                <a:cubicBezTo>
                  <a:pt x="194" y="146"/>
                  <a:pt x="201" y="148"/>
                  <a:pt x="206" y="150"/>
                </a:cubicBezTo>
                <a:cubicBezTo>
                  <a:pt x="206" y="150"/>
                  <a:pt x="206" y="150"/>
                  <a:pt x="206" y="150"/>
                </a:cubicBezTo>
                <a:cubicBezTo>
                  <a:pt x="207" y="150"/>
                  <a:pt x="207" y="150"/>
                  <a:pt x="207" y="150"/>
                </a:cubicBezTo>
                <a:cubicBezTo>
                  <a:pt x="208" y="150"/>
                  <a:pt x="208" y="150"/>
                  <a:pt x="209" y="151"/>
                </a:cubicBezTo>
                <a:cubicBezTo>
                  <a:pt x="211" y="151"/>
                  <a:pt x="214" y="151"/>
                  <a:pt x="216" y="151"/>
                </a:cubicBezTo>
                <a:cubicBezTo>
                  <a:pt x="221" y="151"/>
                  <a:pt x="226" y="150"/>
                  <a:pt x="230" y="149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4" name="Freeform 255"/>
          <p:cNvSpPr>
            <a:spLocks/>
          </p:cNvSpPr>
          <p:nvPr userDrawn="1"/>
        </p:nvSpPr>
        <p:spPr bwMode="auto">
          <a:xfrm>
            <a:off x="4380307" y="1105300"/>
            <a:ext cx="603250" cy="633413"/>
          </a:xfrm>
          <a:custGeom>
            <a:avLst/>
            <a:gdLst/>
            <a:ahLst/>
            <a:cxnLst>
              <a:cxn ang="0">
                <a:pos x="509" y="500"/>
              </a:cxn>
              <a:cxn ang="0">
                <a:pos x="495" y="96"/>
              </a:cxn>
              <a:cxn ang="0">
                <a:pos x="511" y="74"/>
              </a:cxn>
              <a:cxn ang="0">
                <a:pos x="511" y="29"/>
              </a:cxn>
              <a:cxn ang="0">
                <a:pos x="488" y="2"/>
              </a:cxn>
              <a:cxn ang="0">
                <a:pos x="17" y="0"/>
              </a:cxn>
              <a:cxn ang="0">
                <a:pos x="7" y="25"/>
              </a:cxn>
              <a:cxn ang="0">
                <a:pos x="7" y="25"/>
              </a:cxn>
              <a:cxn ang="0">
                <a:pos x="16" y="50"/>
              </a:cxn>
              <a:cxn ang="0">
                <a:pos x="8" y="75"/>
              </a:cxn>
              <a:cxn ang="0">
                <a:pos x="7" y="75"/>
              </a:cxn>
              <a:cxn ang="0">
                <a:pos x="15" y="102"/>
              </a:cxn>
              <a:cxn ang="0">
                <a:pos x="44" y="288"/>
              </a:cxn>
              <a:cxn ang="0">
                <a:pos x="48" y="453"/>
              </a:cxn>
              <a:cxn ang="0">
                <a:pos x="419" y="458"/>
              </a:cxn>
              <a:cxn ang="0">
                <a:pos x="433" y="439"/>
              </a:cxn>
              <a:cxn ang="0">
                <a:pos x="400" y="367"/>
              </a:cxn>
              <a:cxn ang="0">
                <a:pos x="125" y="335"/>
              </a:cxn>
              <a:cxn ang="0">
                <a:pos x="431" y="329"/>
              </a:cxn>
              <a:cxn ang="0">
                <a:pos x="413" y="257"/>
              </a:cxn>
              <a:cxn ang="0">
                <a:pos x="134" y="247"/>
              </a:cxn>
              <a:cxn ang="0">
                <a:pos x="419" y="218"/>
              </a:cxn>
              <a:cxn ang="0">
                <a:pos x="433" y="200"/>
              </a:cxn>
              <a:cxn ang="0">
                <a:pos x="403" y="131"/>
              </a:cxn>
              <a:cxn ang="0">
                <a:pos x="124" y="102"/>
              </a:cxn>
              <a:cxn ang="0">
                <a:pos x="443" y="88"/>
              </a:cxn>
              <a:cxn ang="0">
                <a:pos x="105" y="73"/>
              </a:cxn>
              <a:cxn ang="0">
                <a:pos x="91" y="91"/>
              </a:cxn>
              <a:cxn ang="0">
                <a:pos x="121" y="160"/>
              </a:cxn>
              <a:cxn ang="0">
                <a:pos x="400" y="189"/>
              </a:cxn>
              <a:cxn ang="0">
                <a:pos x="95" y="195"/>
              </a:cxn>
              <a:cxn ang="0">
                <a:pos x="109" y="266"/>
              </a:cxn>
              <a:cxn ang="0">
                <a:pos x="389" y="276"/>
              </a:cxn>
              <a:cxn ang="0">
                <a:pos x="106" y="306"/>
              </a:cxn>
              <a:cxn ang="0">
                <a:pos x="92" y="325"/>
              </a:cxn>
              <a:cxn ang="0">
                <a:pos x="123" y="396"/>
              </a:cxn>
              <a:cxn ang="0">
                <a:pos x="400" y="428"/>
              </a:cxn>
              <a:cxn ang="0">
                <a:pos x="73" y="288"/>
              </a:cxn>
              <a:cxn ang="0">
                <a:pos x="69" y="77"/>
              </a:cxn>
              <a:cxn ang="0">
                <a:pos x="42" y="73"/>
              </a:cxn>
              <a:cxn ang="0">
                <a:pos x="42" y="29"/>
              </a:cxn>
              <a:cxn ang="0">
                <a:pos x="480" y="34"/>
              </a:cxn>
              <a:cxn ang="0">
                <a:pos x="486" y="51"/>
              </a:cxn>
              <a:cxn ang="0">
                <a:pos x="478" y="72"/>
              </a:cxn>
              <a:cxn ang="0">
                <a:pos x="476" y="74"/>
              </a:cxn>
              <a:cxn ang="0">
                <a:pos x="466" y="495"/>
              </a:cxn>
              <a:cxn ang="0">
                <a:pos x="466" y="513"/>
              </a:cxn>
              <a:cxn ang="0">
                <a:pos x="434" y="500"/>
              </a:cxn>
              <a:cxn ang="0">
                <a:pos x="469" y="555"/>
              </a:cxn>
              <a:cxn ang="0">
                <a:pos x="471" y="557"/>
              </a:cxn>
              <a:cxn ang="0">
                <a:pos x="491" y="557"/>
              </a:cxn>
              <a:cxn ang="0">
                <a:pos x="493" y="555"/>
              </a:cxn>
              <a:cxn ang="0">
                <a:pos x="529" y="500"/>
              </a:cxn>
            </a:cxnLst>
            <a:rect l="0" t="0" r="r" b="b"/>
            <a:pathLst>
              <a:path w="534" h="561">
                <a:moveTo>
                  <a:pt x="529" y="500"/>
                </a:moveTo>
                <a:cubicBezTo>
                  <a:pt x="523" y="494"/>
                  <a:pt x="514" y="494"/>
                  <a:pt x="509" y="500"/>
                </a:cubicBezTo>
                <a:cubicBezTo>
                  <a:pt x="495" y="514"/>
                  <a:pt x="495" y="514"/>
                  <a:pt x="495" y="514"/>
                </a:cubicBezTo>
                <a:cubicBezTo>
                  <a:pt x="495" y="96"/>
                  <a:pt x="495" y="96"/>
                  <a:pt x="495" y="96"/>
                </a:cubicBezTo>
                <a:cubicBezTo>
                  <a:pt x="497" y="94"/>
                  <a:pt x="499" y="92"/>
                  <a:pt x="502" y="90"/>
                </a:cubicBezTo>
                <a:cubicBezTo>
                  <a:pt x="505" y="86"/>
                  <a:pt x="509" y="81"/>
                  <a:pt x="511" y="74"/>
                </a:cubicBezTo>
                <a:cubicBezTo>
                  <a:pt x="514" y="68"/>
                  <a:pt x="515" y="60"/>
                  <a:pt x="515" y="51"/>
                </a:cubicBezTo>
                <a:cubicBezTo>
                  <a:pt x="515" y="42"/>
                  <a:pt x="514" y="35"/>
                  <a:pt x="511" y="29"/>
                </a:cubicBezTo>
                <a:cubicBezTo>
                  <a:pt x="507" y="20"/>
                  <a:pt x="501" y="13"/>
                  <a:pt x="497" y="9"/>
                </a:cubicBezTo>
                <a:cubicBezTo>
                  <a:pt x="492" y="4"/>
                  <a:pt x="489" y="2"/>
                  <a:pt x="488" y="2"/>
                </a:cubicBezTo>
                <a:cubicBezTo>
                  <a:pt x="486" y="0"/>
                  <a:pt x="483" y="0"/>
                  <a:pt x="480" y="0"/>
                </a:cubicBezTo>
                <a:cubicBezTo>
                  <a:pt x="17" y="0"/>
                  <a:pt x="17" y="0"/>
                  <a:pt x="17" y="0"/>
                </a:cubicBezTo>
                <a:cubicBezTo>
                  <a:pt x="11" y="0"/>
                  <a:pt x="5" y="3"/>
                  <a:pt x="3" y="9"/>
                </a:cubicBezTo>
                <a:cubicBezTo>
                  <a:pt x="1" y="15"/>
                  <a:pt x="3" y="21"/>
                  <a:pt x="7" y="25"/>
                </a:cubicBezTo>
                <a:cubicBezTo>
                  <a:pt x="7" y="25"/>
                  <a:pt x="7" y="25"/>
                  <a:pt x="7" y="25"/>
                </a:cubicBezTo>
                <a:cubicBezTo>
                  <a:pt x="7" y="25"/>
                  <a:pt x="7" y="25"/>
                  <a:pt x="7" y="25"/>
                </a:cubicBezTo>
                <a:cubicBezTo>
                  <a:pt x="8" y="26"/>
                  <a:pt x="11" y="29"/>
                  <a:pt x="13" y="33"/>
                </a:cubicBezTo>
                <a:cubicBezTo>
                  <a:pt x="15" y="37"/>
                  <a:pt x="16" y="43"/>
                  <a:pt x="16" y="50"/>
                </a:cubicBezTo>
                <a:cubicBezTo>
                  <a:pt x="16" y="61"/>
                  <a:pt x="13" y="67"/>
                  <a:pt x="11" y="71"/>
                </a:cubicBezTo>
                <a:cubicBezTo>
                  <a:pt x="10" y="73"/>
                  <a:pt x="8" y="74"/>
                  <a:pt x="8" y="75"/>
                </a:cubicBezTo>
                <a:cubicBezTo>
                  <a:pt x="7" y="75"/>
                  <a:pt x="7" y="75"/>
                  <a:pt x="7" y="75"/>
                </a:cubicBezTo>
                <a:cubicBezTo>
                  <a:pt x="7" y="75"/>
                  <a:pt x="7" y="75"/>
                  <a:pt x="7" y="75"/>
                </a:cubicBezTo>
                <a:cubicBezTo>
                  <a:pt x="2" y="79"/>
                  <a:pt x="0" y="86"/>
                  <a:pt x="1" y="92"/>
                </a:cubicBezTo>
                <a:cubicBezTo>
                  <a:pt x="3" y="98"/>
                  <a:pt x="9" y="102"/>
                  <a:pt x="15" y="102"/>
                </a:cubicBezTo>
                <a:cubicBezTo>
                  <a:pt x="44" y="102"/>
                  <a:pt x="44" y="102"/>
                  <a:pt x="44" y="102"/>
                </a:cubicBezTo>
                <a:cubicBezTo>
                  <a:pt x="44" y="288"/>
                  <a:pt x="44" y="288"/>
                  <a:pt x="44" y="288"/>
                </a:cubicBezTo>
                <a:cubicBezTo>
                  <a:pt x="44" y="443"/>
                  <a:pt x="44" y="443"/>
                  <a:pt x="44" y="443"/>
                </a:cubicBezTo>
                <a:cubicBezTo>
                  <a:pt x="44" y="447"/>
                  <a:pt x="45" y="451"/>
                  <a:pt x="48" y="453"/>
                </a:cubicBezTo>
                <a:cubicBezTo>
                  <a:pt x="51" y="456"/>
                  <a:pt x="55" y="458"/>
                  <a:pt x="58" y="458"/>
                </a:cubicBezTo>
                <a:cubicBezTo>
                  <a:pt x="419" y="458"/>
                  <a:pt x="419" y="458"/>
                  <a:pt x="419" y="458"/>
                </a:cubicBezTo>
                <a:cubicBezTo>
                  <a:pt x="424" y="458"/>
                  <a:pt x="428" y="455"/>
                  <a:pt x="431" y="452"/>
                </a:cubicBezTo>
                <a:cubicBezTo>
                  <a:pt x="434" y="448"/>
                  <a:pt x="435" y="443"/>
                  <a:pt x="433" y="439"/>
                </a:cubicBezTo>
                <a:cubicBezTo>
                  <a:pt x="414" y="377"/>
                  <a:pt x="414" y="377"/>
                  <a:pt x="414" y="377"/>
                </a:cubicBezTo>
                <a:cubicBezTo>
                  <a:pt x="412" y="371"/>
                  <a:pt x="407" y="367"/>
                  <a:pt x="400" y="367"/>
                </a:cubicBezTo>
                <a:cubicBezTo>
                  <a:pt x="134" y="367"/>
                  <a:pt x="134" y="367"/>
                  <a:pt x="134" y="367"/>
                </a:cubicBezTo>
                <a:cubicBezTo>
                  <a:pt x="125" y="335"/>
                  <a:pt x="125" y="335"/>
                  <a:pt x="125" y="335"/>
                </a:cubicBezTo>
                <a:cubicBezTo>
                  <a:pt x="419" y="335"/>
                  <a:pt x="419" y="335"/>
                  <a:pt x="419" y="335"/>
                </a:cubicBezTo>
                <a:cubicBezTo>
                  <a:pt x="424" y="335"/>
                  <a:pt x="428" y="333"/>
                  <a:pt x="431" y="329"/>
                </a:cubicBezTo>
                <a:cubicBezTo>
                  <a:pt x="434" y="325"/>
                  <a:pt x="434" y="321"/>
                  <a:pt x="433" y="316"/>
                </a:cubicBezTo>
                <a:cubicBezTo>
                  <a:pt x="413" y="257"/>
                  <a:pt x="413" y="257"/>
                  <a:pt x="413" y="257"/>
                </a:cubicBezTo>
                <a:cubicBezTo>
                  <a:pt x="411" y="251"/>
                  <a:pt x="406" y="247"/>
                  <a:pt x="399" y="247"/>
                </a:cubicBezTo>
                <a:cubicBezTo>
                  <a:pt x="134" y="247"/>
                  <a:pt x="134" y="247"/>
                  <a:pt x="134" y="247"/>
                </a:cubicBezTo>
                <a:cubicBezTo>
                  <a:pt x="126" y="218"/>
                  <a:pt x="126" y="218"/>
                  <a:pt x="126" y="218"/>
                </a:cubicBezTo>
                <a:cubicBezTo>
                  <a:pt x="419" y="218"/>
                  <a:pt x="419" y="218"/>
                  <a:pt x="419" y="218"/>
                </a:cubicBezTo>
                <a:cubicBezTo>
                  <a:pt x="424" y="218"/>
                  <a:pt x="428" y="216"/>
                  <a:pt x="431" y="213"/>
                </a:cubicBezTo>
                <a:cubicBezTo>
                  <a:pt x="434" y="209"/>
                  <a:pt x="435" y="204"/>
                  <a:pt x="433" y="200"/>
                </a:cubicBezTo>
                <a:cubicBezTo>
                  <a:pt x="417" y="142"/>
                  <a:pt x="417" y="142"/>
                  <a:pt x="417" y="142"/>
                </a:cubicBezTo>
                <a:cubicBezTo>
                  <a:pt x="415" y="136"/>
                  <a:pt x="409" y="131"/>
                  <a:pt x="403" y="131"/>
                </a:cubicBezTo>
                <a:cubicBezTo>
                  <a:pt x="132" y="131"/>
                  <a:pt x="132" y="131"/>
                  <a:pt x="132" y="131"/>
                </a:cubicBezTo>
                <a:cubicBezTo>
                  <a:pt x="124" y="102"/>
                  <a:pt x="124" y="102"/>
                  <a:pt x="124" y="102"/>
                </a:cubicBezTo>
                <a:cubicBezTo>
                  <a:pt x="429" y="102"/>
                  <a:pt x="429" y="102"/>
                  <a:pt x="429" y="102"/>
                </a:cubicBezTo>
                <a:cubicBezTo>
                  <a:pt x="437" y="102"/>
                  <a:pt x="443" y="96"/>
                  <a:pt x="443" y="88"/>
                </a:cubicBezTo>
                <a:cubicBezTo>
                  <a:pt x="443" y="80"/>
                  <a:pt x="437" y="73"/>
                  <a:pt x="429" y="73"/>
                </a:cubicBezTo>
                <a:cubicBezTo>
                  <a:pt x="105" y="73"/>
                  <a:pt x="105" y="73"/>
                  <a:pt x="105" y="73"/>
                </a:cubicBezTo>
                <a:cubicBezTo>
                  <a:pt x="100" y="73"/>
                  <a:pt x="96" y="75"/>
                  <a:pt x="93" y="79"/>
                </a:cubicBezTo>
                <a:cubicBezTo>
                  <a:pt x="91" y="82"/>
                  <a:pt x="90" y="87"/>
                  <a:pt x="91" y="91"/>
                </a:cubicBezTo>
                <a:cubicBezTo>
                  <a:pt x="107" y="150"/>
                  <a:pt x="107" y="150"/>
                  <a:pt x="107" y="150"/>
                </a:cubicBezTo>
                <a:cubicBezTo>
                  <a:pt x="108" y="156"/>
                  <a:pt x="114" y="160"/>
                  <a:pt x="121" y="160"/>
                </a:cubicBezTo>
                <a:cubicBezTo>
                  <a:pt x="392" y="160"/>
                  <a:pt x="392" y="160"/>
                  <a:pt x="392" y="160"/>
                </a:cubicBezTo>
                <a:cubicBezTo>
                  <a:pt x="400" y="189"/>
                  <a:pt x="400" y="189"/>
                  <a:pt x="400" y="189"/>
                </a:cubicBezTo>
                <a:cubicBezTo>
                  <a:pt x="107" y="189"/>
                  <a:pt x="107" y="189"/>
                  <a:pt x="107" y="189"/>
                </a:cubicBezTo>
                <a:cubicBezTo>
                  <a:pt x="103" y="189"/>
                  <a:pt x="98" y="191"/>
                  <a:pt x="95" y="195"/>
                </a:cubicBezTo>
                <a:cubicBezTo>
                  <a:pt x="93" y="199"/>
                  <a:pt x="92" y="203"/>
                  <a:pt x="93" y="208"/>
                </a:cubicBezTo>
                <a:cubicBezTo>
                  <a:pt x="109" y="266"/>
                  <a:pt x="109" y="266"/>
                  <a:pt x="109" y="266"/>
                </a:cubicBezTo>
                <a:cubicBezTo>
                  <a:pt x="111" y="272"/>
                  <a:pt x="116" y="276"/>
                  <a:pt x="123" y="276"/>
                </a:cubicBezTo>
                <a:cubicBezTo>
                  <a:pt x="389" y="276"/>
                  <a:pt x="389" y="276"/>
                  <a:pt x="389" y="276"/>
                </a:cubicBezTo>
                <a:cubicBezTo>
                  <a:pt x="399" y="306"/>
                  <a:pt x="399" y="306"/>
                  <a:pt x="399" y="306"/>
                </a:cubicBezTo>
                <a:cubicBezTo>
                  <a:pt x="106" y="306"/>
                  <a:pt x="106" y="306"/>
                  <a:pt x="106" y="306"/>
                </a:cubicBezTo>
                <a:cubicBezTo>
                  <a:pt x="102" y="306"/>
                  <a:pt x="97" y="308"/>
                  <a:pt x="95" y="312"/>
                </a:cubicBezTo>
                <a:cubicBezTo>
                  <a:pt x="92" y="316"/>
                  <a:pt x="91" y="320"/>
                  <a:pt x="92" y="325"/>
                </a:cubicBezTo>
                <a:cubicBezTo>
                  <a:pt x="109" y="385"/>
                  <a:pt x="109" y="385"/>
                  <a:pt x="109" y="385"/>
                </a:cubicBezTo>
                <a:cubicBezTo>
                  <a:pt x="111" y="392"/>
                  <a:pt x="116" y="396"/>
                  <a:pt x="123" y="396"/>
                </a:cubicBezTo>
                <a:cubicBezTo>
                  <a:pt x="389" y="396"/>
                  <a:pt x="389" y="396"/>
                  <a:pt x="389" y="396"/>
                </a:cubicBezTo>
                <a:cubicBezTo>
                  <a:pt x="400" y="428"/>
                  <a:pt x="400" y="428"/>
                  <a:pt x="400" y="428"/>
                </a:cubicBezTo>
                <a:cubicBezTo>
                  <a:pt x="73" y="428"/>
                  <a:pt x="73" y="428"/>
                  <a:pt x="73" y="428"/>
                </a:cubicBezTo>
                <a:cubicBezTo>
                  <a:pt x="73" y="288"/>
                  <a:pt x="73" y="288"/>
                  <a:pt x="73" y="288"/>
                </a:cubicBezTo>
                <a:cubicBezTo>
                  <a:pt x="73" y="87"/>
                  <a:pt x="73" y="87"/>
                  <a:pt x="73" y="87"/>
                </a:cubicBezTo>
                <a:cubicBezTo>
                  <a:pt x="73" y="84"/>
                  <a:pt x="71" y="80"/>
                  <a:pt x="69" y="77"/>
                </a:cubicBezTo>
                <a:cubicBezTo>
                  <a:pt x="66" y="74"/>
                  <a:pt x="62" y="73"/>
                  <a:pt x="58" y="73"/>
                </a:cubicBezTo>
                <a:cubicBezTo>
                  <a:pt x="42" y="73"/>
                  <a:pt x="42" y="73"/>
                  <a:pt x="42" y="73"/>
                </a:cubicBezTo>
                <a:cubicBezTo>
                  <a:pt x="44" y="66"/>
                  <a:pt x="46" y="59"/>
                  <a:pt x="46" y="50"/>
                </a:cubicBezTo>
                <a:cubicBezTo>
                  <a:pt x="46" y="42"/>
                  <a:pt x="44" y="35"/>
                  <a:pt x="42" y="29"/>
                </a:cubicBezTo>
                <a:cubicBezTo>
                  <a:pt x="475" y="29"/>
                  <a:pt x="475" y="29"/>
                  <a:pt x="475" y="29"/>
                </a:cubicBezTo>
                <a:cubicBezTo>
                  <a:pt x="477" y="30"/>
                  <a:pt x="478" y="31"/>
                  <a:pt x="480" y="34"/>
                </a:cubicBezTo>
                <a:cubicBezTo>
                  <a:pt x="482" y="36"/>
                  <a:pt x="483" y="38"/>
                  <a:pt x="484" y="41"/>
                </a:cubicBezTo>
                <a:cubicBezTo>
                  <a:pt x="486" y="44"/>
                  <a:pt x="486" y="47"/>
                  <a:pt x="486" y="51"/>
                </a:cubicBezTo>
                <a:cubicBezTo>
                  <a:pt x="486" y="56"/>
                  <a:pt x="485" y="61"/>
                  <a:pt x="484" y="64"/>
                </a:cubicBezTo>
                <a:cubicBezTo>
                  <a:pt x="482" y="68"/>
                  <a:pt x="480" y="71"/>
                  <a:pt x="478" y="72"/>
                </a:cubicBezTo>
                <a:cubicBezTo>
                  <a:pt x="477" y="73"/>
                  <a:pt x="476" y="74"/>
                  <a:pt x="476" y="74"/>
                </a:cubicBezTo>
                <a:cubicBezTo>
                  <a:pt x="476" y="74"/>
                  <a:pt x="476" y="74"/>
                  <a:pt x="476" y="74"/>
                </a:cubicBezTo>
                <a:cubicBezTo>
                  <a:pt x="470" y="76"/>
                  <a:pt x="466" y="82"/>
                  <a:pt x="466" y="88"/>
                </a:cubicBezTo>
                <a:cubicBezTo>
                  <a:pt x="466" y="495"/>
                  <a:pt x="466" y="495"/>
                  <a:pt x="466" y="495"/>
                </a:cubicBezTo>
                <a:cubicBezTo>
                  <a:pt x="466" y="495"/>
                  <a:pt x="466" y="495"/>
                  <a:pt x="466" y="495"/>
                </a:cubicBezTo>
                <a:cubicBezTo>
                  <a:pt x="466" y="513"/>
                  <a:pt x="466" y="513"/>
                  <a:pt x="466" y="513"/>
                </a:cubicBezTo>
                <a:cubicBezTo>
                  <a:pt x="453" y="500"/>
                  <a:pt x="453" y="500"/>
                  <a:pt x="453" y="500"/>
                </a:cubicBezTo>
                <a:cubicBezTo>
                  <a:pt x="448" y="494"/>
                  <a:pt x="439" y="494"/>
                  <a:pt x="434" y="500"/>
                </a:cubicBezTo>
                <a:cubicBezTo>
                  <a:pt x="428" y="505"/>
                  <a:pt x="428" y="514"/>
                  <a:pt x="434" y="519"/>
                </a:cubicBezTo>
                <a:cubicBezTo>
                  <a:pt x="469" y="555"/>
                  <a:pt x="469" y="555"/>
                  <a:pt x="469" y="555"/>
                </a:cubicBezTo>
                <a:cubicBezTo>
                  <a:pt x="469" y="555"/>
                  <a:pt x="469" y="555"/>
                  <a:pt x="469" y="555"/>
                </a:cubicBezTo>
                <a:cubicBezTo>
                  <a:pt x="471" y="557"/>
                  <a:pt x="471" y="557"/>
                  <a:pt x="471" y="557"/>
                </a:cubicBezTo>
                <a:cubicBezTo>
                  <a:pt x="474" y="560"/>
                  <a:pt x="478" y="561"/>
                  <a:pt x="481" y="561"/>
                </a:cubicBezTo>
                <a:cubicBezTo>
                  <a:pt x="485" y="561"/>
                  <a:pt x="488" y="560"/>
                  <a:pt x="491" y="557"/>
                </a:cubicBezTo>
                <a:cubicBezTo>
                  <a:pt x="493" y="555"/>
                  <a:pt x="493" y="555"/>
                  <a:pt x="493" y="555"/>
                </a:cubicBezTo>
                <a:cubicBezTo>
                  <a:pt x="493" y="555"/>
                  <a:pt x="493" y="555"/>
                  <a:pt x="493" y="555"/>
                </a:cubicBezTo>
                <a:cubicBezTo>
                  <a:pt x="529" y="519"/>
                  <a:pt x="529" y="519"/>
                  <a:pt x="529" y="519"/>
                </a:cubicBezTo>
                <a:cubicBezTo>
                  <a:pt x="534" y="514"/>
                  <a:pt x="534" y="505"/>
                  <a:pt x="529" y="50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5" name="Freeform 312"/>
          <p:cNvSpPr>
            <a:spLocks/>
          </p:cNvSpPr>
          <p:nvPr userDrawn="1"/>
        </p:nvSpPr>
        <p:spPr bwMode="auto">
          <a:xfrm>
            <a:off x="4454126" y="4434174"/>
            <a:ext cx="455613" cy="454025"/>
          </a:xfrm>
          <a:custGeom>
            <a:avLst/>
            <a:gdLst/>
            <a:ahLst/>
            <a:cxnLst>
              <a:cxn ang="0">
                <a:pos x="398" y="125"/>
              </a:cxn>
              <a:cxn ang="0">
                <a:pos x="277" y="4"/>
              </a:cxn>
              <a:cxn ang="0">
                <a:pos x="268" y="0"/>
              </a:cxn>
              <a:cxn ang="0">
                <a:pos x="259" y="4"/>
              </a:cxn>
              <a:cxn ang="0">
                <a:pos x="171" y="92"/>
              </a:cxn>
              <a:cxn ang="0">
                <a:pos x="171" y="111"/>
              </a:cxn>
              <a:cxn ang="0">
                <a:pos x="189" y="111"/>
              </a:cxn>
              <a:cxn ang="0">
                <a:pos x="268" y="32"/>
              </a:cxn>
              <a:cxn ang="0">
                <a:pos x="370" y="134"/>
              </a:cxn>
              <a:cxn ang="0">
                <a:pos x="293" y="212"/>
              </a:cxn>
              <a:cxn ang="0">
                <a:pos x="271" y="202"/>
              </a:cxn>
              <a:cxn ang="0">
                <a:pos x="254" y="205"/>
              </a:cxn>
              <a:cxn ang="0">
                <a:pos x="253" y="207"/>
              </a:cxn>
              <a:cxn ang="0">
                <a:pos x="153" y="326"/>
              </a:cxn>
              <a:cxn ang="0">
                <a:pos x="122" y="333"/>
              </a:cxn>
              <a:cxn ang="0">
                <a:pos x="97" y="337"/>
              </a:cxn>
              <a:cxn ang="0">
                <a:pos x="82" y="341"/>
              </a:cxn>
              <a:cxn ang="0">
                <a:pos x="152" y="270"/>
              </a:cxn>
              <a:cxn ang="0">
                <a:pos x="152" y="251"/>
              </a:cxn>
              <a:cxn ang="0">
                <a:pos x="133" y="251"/>
              </a:cxn>
              <a:cxn ang="0">
                <a:pos x="62" y="323"/>
              </a:cxn>
              <a:cxn ang="0">
                <a:pos x="66" y="306"/>
              </a:cxn>
              <a:cxn ang="0">
                <a:pos x="70" y="281"/>
              </a:cxn>
              <a:cxn ang="0">
                <a:pos x="77" y="250"/>
              </a:cxn>
              <a:cxn ang="0">
                <a:pos x="197" y="151"/>
              </a:cxn>
              <a:cxn ang="0">
                <a:pos x="201" y="140"/>
              </a:cxn>
              <a:cxn ang="0">
                <a:pos x="198" y="132"/>
              </a:cxn>
              <a:cxn ang="0">
                <a:pos x="180" y="130"/>
              </a:cxn>
              <a:cxn ang="0">
                <a:pos x="59" y="230"/>
              </a:cxn>
              <a:cxn ang="0">
                <a:pos x="44" y="277"/>
              </a:cxn>
              <a:cxn ang="0">
                <a:pos x="40" y="301"/>
              </a:cxn>
              <a:cxn ang="0">
                <a:pos x="7" y="371"/>
              </a:cxn>
              <a:cxn ang="0">
                <a:pos x="6" y="372"/>
              </a:cxn>
              <a:cxn ang="0">
                <a:pos x="8" y="395"/>
              </a:cxn>
              <a:cxn ang="0">
                <a:pos x="31" y="397"/>
              </a:cxn>
              <a:cxn ang="0">
                <a:pos x="32" y="396"/>
              </a:cxn>
              <a:cxn ang="0">
                <a:pos x="102" y="363"/>
              </a:cxn>
              <a:cxn ang="0">
                <a:pos x="126" y="359"/>
              </a:cxn>
              <a:cxn ang="0">
                <a:pos x="173" y="344"/>
              </a:cxn>
              <a:cxn ang="0">
                <a:pos x="267" y="231"/>
              </a:cxn>
              <a:cxn ang="0">
                <a:pos x="310" y="232"/>
              </a:cxn>
              <a:cxn ang="0">
                <a:pos x="398" y="144"/>
              </a:cxn>
              <a:cxn ang="0">
                <a:pos x="398" y="125"/>
              </a:cxn>
            </a:cxnLst>
            <a:rect l="0" t="0" r="r" b="b"/>
            <a:pathLst>
              <a:path w="404" h="403">
                <a:moveTo>
                  <a:pt x="398" y="125"/>
                </a:moveTo>
                <a:cubicBezTo>
                  <a:pt x="277" y="4"/>
                  <a:pt x="277" y="4"/>
                  <a:pt x="277" y="4"/>
                </a:cubicBezTo>
                <a:cubicBezTo>
                  <a:pt x="275" y="1"/>
                  <a:pt x="272" y="0"/>
                  <a:pt x="268" y="0"/>
                </a:cubicBezTo>
                <a:cubicBezTo>
                  <a:pt x="264" y="0"/>
                  <a:pt x="261" y="1"/>
                  <a:pt x="259" y="4"/>
                </a:cubicBezTo>
                <a:cubicBezTo>
                  <a:pt x="171" y="92"/>
                  <a:pt x="171" y="92"/>
                  <a:pt x="171" y="92"/>
                </a:cubicBezTo>
                <a:cubicBezTo>
                  <a:pt x="165" y="97"/>
                  <a:pt x="165" y="105"/>
                  <a:pt x="171" y="111"/>
                </a:cubicBezTo>
                <a:cubicBezTo>
                  <a:pt x="176" y="116"/>
                  <a:pt x="184" y="116"/>
                  <a:pt x="189" y="111"/>
                </a:cubicBezTo>
                <a:cubicBezTo>
                  <a:pt x="189" y="111"/>
                  <a:pt x="253" y="47"/>
                  <a:pt x="268" y="32"/>
                </a:cubicBezTo>
                <a:cubicBezTo>
                  <a:pt x="283" y="47"/>
                  <a:pt x="355" y="120"/>
                  <a:pt x="370" y="134"/>
                </a:cubicBezTo>
                <a:cubicBezTo>
                  <a:pt x="355" y="149"/>
                  <a:pt x="295" y="209"/>
                  <a:pt x="293" y="212"/>
                </a:cubicBezTo>
                <a:cubicBezTo>
                  <a:pt x="290" y="211"/>
                  <a:pt x="283" y="210"/>
                  <a:pt x="271" y="202"/>
                </a:cubicBezTo>
                <a:cubicBezTo>
                  <a:pt x="265" y="199"/>
                  <a:pt x="258" y="200"/>
                  <a:pt x="254" y="205"/>
                </a:cubicBezTo>
                <a:cubicBezTo>
                  <a:pt x="253" y="207"/>
                  <a:pt x="253" y="207"/>
                  <a:pt x="253" y="207"/>
                </a:cubicBezTo>
                <a:cubicBezTo>
                  <a:pt x="220" y="246"/>
                  <a:pt x="159" y="320"/>
                  <a:pt x="153" y="326"/>
                </a:cubicBezTo>
                <a:cubicBezTo>
                  <a:pt x="151" y="328"/>
                  <a:pt x="137" y="330"/>
                  <a:pt x="122" y="333"/>
                </a:cubicBezTo>
                <a:cubicBezTo>
                  <a:pt x="97" y="337"/>
                  <a:pt x="97" y="337"/>
                  <a:pt x="97" y="337"/>
                </a:cubicBezTo>
                <a:cubicBezTo>
                  <a:pt x="92" y="338"/>
                  <a:pt x="87" y="339"/>
                  <a:pt x="82" y="341"/>
                </a:cubicBezTo>
                <a:cubicBezTo>
                  <a:pt x="152" y="270"/>
                  <a:pt x="152" y="270"/>
                  <a:pt x="152" y="270"/>
                </a:cubicBezTo>
                <a:cubicBezTo>
                  <a:pt x="157" y="265"/>
                  <a:pt x="157" y="257"/>
                  <a:pt x="152" y="251"/>
                </a:cubicBezTo>
                <a:cubicBezTo>
                  <a:pt x="147" y="246"/>
                  <a:pt x="139" y="246"/>
                  <a:pt x="133" y="251"/>
                </a:cubicBezTo>
                <a:cubicBezTo>
                  <a:pt x="62" y="323"/>
                  <a:pt x="62" y="323"/>
                  <a:pt x="62" y="323"/>
                </a:cubicBezTo>
                <a:cubicBezTo>
                  <a:pt x="64" y="317"/>
                  <a:pt x="65" y="312"/>
                  <a:pt x="66" y="306"/>
                </a:cubicBezTo>
                <a:cubicBezTo>
                  <a:pt x="70" y="281"/>
                  <a:pt x="70" y="281"/>
                  <a:pt x="70" y="281"/>
                </a:cubicBezTo>
                <a:cubicBezTo>
                  <a:pt x="73" y="266"/>
                  <a:pt x="75" y="253"/>
                  <a:pt x="77" y="250"/>
                </a:cubicBezTo>
                <a:cubicBezTo>
                  <a:pt x="83" y="245"/>
                  <a:pt x="158" y="183"/>
                  <a:pt x="197" y="151"/>
                </a:cubicBezTo>
                <a:cubicBezTo>
                  <a:pt x="200" y="148"/>
                  <a:pt x="201" y="144"/>
                  <a:pt x="201" y="140"/>
                </a:cubicBezTo>
                <a:cubicBezTo>
                  <a:pt x="201" y="137"/>
                  <a:pt x="200" y="134"/>
                  <a:pt x="198" y="132"/>
                </a:cubicBezTo>
                <a:cubicBezTo>
                  <a:pt x="194" y="126"/>
                  <a:pt x="185" y="125"/>
                  <a:pt x="180" y="130"/>
                </a:cubicBezTo>
                <a:cubicBezTo>
                  <a:pt x="175" y="134"/>
                  <a:pt x="66" y="224"/>
                  <a:pt x="59" y="230"/>
                </a:cubicBezTo>
                <a:cubicBezTo>
                  <a:pt x="50" y="238"/>
                  <a:pt x="49" y="248"/>
                  <a:pt x="44" y="277"/>
                </a:cubicBezTo>
                <a:cubicBezTo>
                  <a:pt x="40" y="301"/>
                  <a:pt x="40" y="301"/>
                  <a:pt x="40" y="301"/>
                </a:cubicBezTo>
                <a:cubicBezTo>
                  <a:pt x="33" y="341"/>
                  <a:pt x="7" y="371"/>
                  <a:pt x="7" y="371"/>
                </a:cubicBezTo>
                <a:cubicBezTo>
                  <a:pt x="6" y="371"/>
                  <a:pt x="6" y="372"/>
                  <a:pt x="6" y="372"/>
                </a:cubicBezTo>
                <a:cubicBezTo>
                  <a:pt x="2" y="378"/>
                  <a:pt x="0" y="388"/>
                  <a:pt x="8" y="395"/>
                </a:cubicBezTo>
                <a:cubicBezTo>
                  <a:pt x="15" y="403"/>
                  <a:pt x="25" y="402"/>
                  <a:pt x="31" y="397"/>
                </a:cubicBezTo>
                <a:cubicBezTo>
                  <a:pt x="31" y="397"/>
                  <a:pt x="32" y="397"/>
                  <a:pt x="32" y="396"/>
                </a:cubicBezTo>
                <a:cubicBezTo>
                  <a:pt x="33" y="396"/>
                  <a:pt x="63" y="370"/>
                  <a:pt x="102" y="363"/>
                </a:cubicBezTo>
                <a:cubicBezTo>
                  <a:pt x="102" y="363"/>
                  <a:pt x="126" y="359"/>
                  <a:pt x="126" y="359"/>
                </a:cubicBezTo>
                <a:cubicBezTo>
                  <a:pt x="155" y="354"/>
                  <a:pt x="166" y="353"/>
                  <a:pt x="173" y="344"/>
                </a:cubicBezTo>
                <a:cubicBezTo>
                  <a:pt x="178" y="338"/>
                  <a:pt x="246" y="256"/>
                  <a:pt x="267" y="231"/>
                </a:cubicBezTo>
                <a:cubicBezTo>
                  <a:pt x="287" y="240"/>
                  <a:pt x="301" y="241"/>
                  <a:pt x="310" y="232"/>
                </a:cubicBezTo>
                <a:cubicBezTo>
                  <a:pt x="398" y="144"/>
                  <a:pt x="398" y="144"/>
                  <a:pt x="398" y="144"/>
                </a:cubicBezTo>
                <a:cubicBezTo>
                  <a:pt x="404" y="138"/>
                  <a:pt x="404" y="130"/>
                  <a:pt x="398" y="12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6" name="Freeform 333"/>
          <p:cNvSpPr>
            <a:spLocks/>
          </p:cNvSpPr>
          <p:nvPr userDrawn="1"/>
        </p:nvSpPr>
        <p:spPr bwMode="auto">
          <a:xfrm>
            <a:off x="4447776" y="3013183"/>
            <a:ext cx="468313" cy="469900"/>
          </a:xfrm>
          <a:custGeom>
            <a:avLst/>
            <a:gdLst/>
            <a:ahLst/>
            <a:cxnLst>
              <a:cxn ang="0">
                <a:pos x="264" y="362"/>
              </a:cxn>
              <a:cxn ang="0">
                <a:pos x="166" y="362"/>
              </a:cxn>
              <a:cxn ang="0">
                <a:pos x="166" y="416"/>
              </a:cxn>
              <a:cxn ang="0">
                <a:pos x="415" y="416"/>
              </a:cxn>
              <a:cxn ang="0">
                <a:pos x="414" y="362"/>
              </a:cxn>
              <a:cxn ang="0">
                <a:pos x="318" y="362"/>
              </a:cxn>
              <a:cxn ang="0">
                <a:pos x="393" y="228"/>
              </a:cxn>
              <a:cxn ang="0">
                <a:pos x="282" y="66"/>
              </a:cxn>
              <a:cxn ang="0">
                <a:pos x="204" y="95"/>
              </a:cxn>
              <a:cxn ang="0">
                <a:pos x="184" y="67"/>
              </a:cxn>
              <a:cxn ang="0">
                <a:pos x="203" y="27"/>
              </a:cxn>
              <a:cxn ang="0">
                <a:pos x="149" y="0"/>
              </a:cxn>
              <a:cxn ang="0">
                <a:pos x="124" y="44"/>
              </a:cxn>
              <a:cxn ang="0">
                <a:pos x="1" y="123"/>
              </a:cxn>
              <a:cxn ang="0">
                <a:pos x="0" y="157"/>
              </a:cxn>
              <a:cxn ang="0">
                <a:pos x="199" y="228"/>
              </a:cxn>
              <a:cxn ang="0">
                <a:pos x="217" y="198"/>
              </a:cxn>
              <a:cxn ang="0">
                <a:pos x="215" y="135"/>
              </a:cxn>
            </a:cxnLst>
            <a:rect l="0" t="0" r="r" b="b"/>
            <a:pathLst>
              <a:path w="415" h="416">
                <a:moveTo>
                  <a:pt x="264" y="362"/>
                </a:moveTo>
                <a:cubicBezTo>
                  <a:pt x="166" y="362"/>
                  <a:pt x="166" y="362"/>
                  <a:pt x="166" y="362"/>
                </a:cubicBezTo>
                <a:cubicBezTo>
                  <a:pt x="166" y="416"/>
                  <a:pt x="166" y="416"/>
                  <a:pt x="166" y="416"/>
                </a:cubicBezTo>
                <a:cubicBezTo>
                  <a:pt x="415" y="416"/>
                  <a:pt x="415" y="416"/>
                  <a:pt x="415" y="416"/>
                </a:cubicBezTo>
                <a:cubicBezTo>
                  <a:pt x="414" y="362"/>
                  <a:pt x="414" y="362"/>
                  <a:pt x="414" y="362"/>
                </a:cubicBezTo>
                <a:cubicBezTo>
                  <a:pt x="318" y="362"/>
                  <a:pt x="318" y="362"/>
                  <a:pt x="318" y="362"/>
                </a:cubicBezTo>
                <a:cubicBezTo>
                  <a:pt x="393" y="228"/>
                  <a:pt x="393" y="228"/>
                  <a:pt x="393" y="228"/>
                </a:cubicBezTo>
                <a:cubicBezTo>
                  <a:pt x="282" y="66"/>
                  <a:pt x="282" y="66"/>
                  <a:pt x="282" y="66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204" y="95"/>
                  <a:pt x="196" y="81"/>
                  <a:pt x="184" y="67"/>
                </a:cubicBezTo>
                <a:cubicBezTo>
                  <a:pt x="183" y="67"/>
                  <a:pt x="203" y="27"/>
                  <a:pt x="203" y="27"/>
                </a:cubicBezTo>
                <a:cubicBezTo>
                  <a:pt x="149" y="0"/>
                  <a:pt x="149" y="0"/>
                  <a:pt x="149" y="0"/>
                </a:cubicBezTo>
                <a:cubicBezTo>
                  <a:pt x="137" y="18"/>
                  <a:pt x="142" y="15"/>
                  <a:pt x="124" y="44"/>
                </a:cubicBezTo>
                <a:cubicBezTo>
                  <a:pt x="19" y="46"/>
                  <a:pt x="1" y="123"/>
                  <a:pt x="1" y="123"/>
                </a:cubicBezTo>
                <a:cubicBezTo>
                  <a:pt x="0" y="157"/>
                  <a:pt x="0" y="157"/>
                  <a:pt x="0" y="157"/>
                </a:cubicBezTo>
                <a:cubicBezTo>
                  <a:pt x="199" y="228"/>
                  <a:pt x="199" y="228"/>
                  <a:pt x="199" y="228"/>
                </a:cubicBezTo>
                <a:cubicBezTo>
                  <a:pt x="217" y="198"/>
                  <a:pt x="217" y="198"/>
                  <a:pt x="217" y="198"/>
                </a:cubicBezTo>
                <a:cubicBezTo>
                  <a:pt x="217" y="198"/>
                  <a:pt x="229" y="162"/>
                  <a:pt x="215" y="135"/>
                </a:cubicBezTo>
              </a:path>
            </a:pathLst>
          </a:custGeom>
          <a:noFill/>
          <a:ln w="28575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Freeform 361"/>
          <p:cNvSpPr>
            <a:spLocks noEditPoints="1"/>
          </p:cNvSpPr>
          <p:nvPr userDrawn="1"/>
        </p:nvSpPr>
        <p:spPr bwMode="auto">
          <a:xfrm>
            <a:off x="4581126" y="1746155"/>
            <a:ext cx="201613" cy="515937"/>
          </a:xfrm>
          <a:custGeom>
            <a:avLst/>
            <a:gdLst/>
            <a:ahLst/>
            <a:cxnLst>
              <a:cxn ang="0">
                <a:pos x="67" y="6"/>
              </a:cxn>
              <a:cxn ang="0">
                <a:pos x="54" y="26"/>
              </a:cxn>
              <a:cxn ang="0">
                <a:pos x="67" y="40"/>
              </a:cxn>
              <a:cxn ang="0">
                <a:pos x="80" y="29"/>
              </a:cxn>
              <a:cxn ang="0">
                <a:pos x="90" y="27"/>
              </a:cxn>
              <a:cxn ang="0">
                <a:pos x="99" y="29"/>
              </a:cxn>
              <a:cxn ang="0">
                <a:pos x="99" y="71"/>
              </a:cxn>
              <a:cxn ang="0">
                <a:pos x="109" y="84"/>
              </a:cxn>
              <a:cxn ang="0">
                <a:pos x="152" y="127"/>
              </a:cxn>
              <a:cxn ang="0">
                <a:pos x="152" y="407"/>
              </a:cxn>
              <a:cxn ang="0">
                <a:pos x="136" y="424"/>
              </a:cxn>
              <a:cxn ang="0">
                <a:pos x="90" y="432"/>
              </a:cxn>
              <a:cxn ang="0">
                <a:pos x="43" y="424"/>
              </a:cxn>
              <a:cxn ang="0">
                <a:pos x="28" y="407"/>
              </a:cxn>
              <a:cxn ang="0">
                <a:pos x="27" y="127"/>
              </a:cxn>
              <a:cxn ang="0">
                <a:pos x="70" y="85"/>
              </a:cxn>
              <a:cxn ang="0">
                <a:pos x="80" y="69"/>
              </a:cxn>
              <a:cxn ang="0">
                <a:pos x="64" y="59"/>
              </a:cxn>
              <a:cxn ang="0">
                <a:pos x="0" y="127"/>
              </a:cxn>
              <a:cxn ang="0">
                <a:pos x="1" y="407"/>
              </a:cxn>
              <a:cxn ang="0">
                <a:pos x="90" y="459"/>
              </a:cxn>
              <a:cxn ang="0">
                <a:pos x="147" y="448"/>
              </a:cxn>
              <a:cxn ang="0">
                <a:pos x="178" y="407"/>
              </a:cxn>
              <a:cxn ang="0">
                <a:pos x="178" y="127"/>
              </a:cxn>
              <a:cxn ang="0">
                <a:pos x="126" y="61"/>
              </a:cxn>
              <a:cxn ang="0">
                <a:pos x="126" y="26"/>
              </a:cxn>
              <a:cxn ang="0">
                <a:pos x="90" y="0"/>
              </a:cxn>
              <a:cxn ang="0">
                <a:pos x="67" y="6"/>
              </a:cxn>
              <a:cxn ang="0">
                <a:pos x="80" y="26"/>
              </a:cxn>
              <a:cxn ang="0">
                <a:pos x="80" y="28"/>
              </a:cxn>
              <a:cxn ang="0">
                <a:pos x="80" y="26"/>
              </a:cxn>
            </a:cxnLst>
            <a:rect l="0" t="0" r="r" b="b"/>
            <a:pathLst>
              <a:path w="178" h="459">
                <a:moveTo>
                  <a:pt x="67" y="6"/>
                </a:moveTo>
                <a:cubicBezTo>
                  <a:pt x="59" y="11"/>
                  <a:pt x="54" y="18"/>
                  <a:pt x="54" y="26"/>
                </a:cubicBezTo>
                <a:cubicBezTo>
                  <a:pt x="54" y="34"/>
                  <a:pt x="60" y="40"/>
                  <a:pt x="67" y="40"/>
                </a:cubicBezTo>
                <a:cubicBezTo>
                  <a:pt x="74" y="40"/>
                  <a:pt x="79" y="35"/>
                  <a:pt x="80" y="29"/>
                </a:cubicBezTo>
                <a:cubicBezTo>
                  <a:pt x="81" y="28"/>
                  <a:pt x="85" y="27"/>
                  <a:pt x="90" y="27"/>
                </a:cubicBezTo>
                <a:cubicBezTo>
                  <a:pt x="94" y="27"/>
                  <a:pt x="98" y="28"/>
                  <a:pt x="99" y="29"/>
                </a:cubicBezTo>
                <a:cubicBezTo>
                  <a:pt x="99" y="33"/>
                  <a:pt x="99" y="71"/>
                  <a:pt x="99" y="71"/>
                </a:cubicBezTo>
                <a:cubicBezTo>
                  <a:pt x="99" y="77"/>
                  <a:pt x="103" y="82"/>
                  <a:pt x="109" y="84"/>
                </a:cubicBezTo>
                <a:cubicBezTo>
                  <a:pt x="111" y="84"/>
                  <a:pt x="152" y="95"/>
                  <a:pt x="152" y="127"/>
                </a:cubicBezTo>
                <a:cubicBezTo>
                  <a:pt x="152" y="407"/>
                  <a:pt x="152" y="407"/>
                  <a:pt x="152" y="407"/>
                </a:cubicBezTo>
                <a:cubicBezTo>
                  <a:pt x="152" y="409"/>
                  <a:pt x="152" y="417"/>
                  <a:pt x="136" y="424"/>
                </a:cubicBezTo>
                <a:cubicBezTo>
                  <a:pt x="125" y="429"/>
                  <a:pt x="108" y="432"/>
                  <a:pt x="90" y="432"/>
                </a:cubicBezTo>
                <a:cubicBezTo>
                  <a:pt x="71" y="432"/>
                  <a:pt x="55" y="429"/>
                  <a:pt x="43" y="424"/>
                </a:cubicBezTo>
                <a:cubicBezTo>
                  <a:pt x="28" y="417"/>
                  <a:pt x="28" y="409"/>
                  <a:pt x="28" y="407"/>
                </a:cubicBezTo>
                <a:cubicBezTo>
                  <a:pt x="27" y="127"/>
                  <a:pt x="27" y="127"/>
                  <a:pt x="27" y="127"/>
                </a:cubicBezTo>
                <a:cubicBezTo>
                  <a:pt x="27" y="95"/>
                  <a:pt x="68" y="85"/>
                  <a:pt x="70" y="85"/>
                </a:cubicBezTo>
                <a:cubicBezTo>
                  <a:pt x="77" y="83"/>
                  <a:pt x="82" y="76"/>
                  <a:pt x="80" y="69"/>
                </a:cubicBezTo>
                <a:cubicBezTo>
                  <a:pt x="79" y="62"/>
                  <a:pt x="72" y="57"/>
                  <a:pt x="64" y="59"/>
                </a:cubicBezTo>
                <a:cubicBezTo>
                  <a:pt x="62" y="59"/>
                  <a:pt x="0" y="73"/>
                  <a:pt x="0" y="127"/>
                </a:cubicBezTo>
                <a:cubicBezTo>
                  <a:pt x="1" y="407"/>
                  <a:pt x="1" y="407"/>
                  <a:pt x="1" y="407"/>
                </a:cubicBezTo>
                <a:cubicBezTo>
                  <a:pt x="1" y="439"/>
                  <a:pt x="35" y="459"/>
                  <a:pt x="90" y="459"/>
                </a:cubicBezTo>
                <a:cubicBezTo>
                  <a:pt x="106" y="459"/>
                  <a:pt x="128" y="457"/>
                  <a:pt x="147" y="448"/>
                </a:cubicBezTo>
                <a:cubicBezTo>
                  <a:pt x="167" y="439"/>
                  <a:pt x="178" y="424"/>
                  <a:pt x="178" y="407"/>
                </a:cubicBezTo>
                <a:cubicBezTo>
                  <a:pt x="178" y="127"/>
                  <a:pt x="178" y="127"/>
                  <a:pt x="178" y="127"/>
                </a:cubicBezTo>
                <a:cubicBezTo>
                  <a:pt x="178" y="86"/>
                  <a:pt x="143" y="68"/>
                  <a:pt x="126" y="61"/>
                </a:cubicBezTo>
                <a:cubicBezTo>
                  <a:pt x="126" y="49"/>
                  <a:pt x="126" y="26"/>
                  <a:pt x="126" y="26"/>
                </a:cubicBezTo>
                <a:cubicBezTo>
                  <a:pt x="126" y="11"/>
                  <a:pt x="110" y="0"/>
                  <a:pt x="90" y="0"/>
                </a:cubicBezTo>
                <a:cubicBezTo>
                  <a:pt x="81" y="0"/>
                  <a:pt x="73" y="2"/>
                  <a:pt x="67" y="6"/>
                </a:cubicBezTo>
                <a:close/>
                <a:moveTo>
                  <a:pt x="80" y="26"/>
                </a:moveTo>
                <a:cubicBezTo>
                  <a:pt x="80" y="27"/>
                  <a:pt x="80" y="27"/>
                  <a:pt x="80" y="28"/>
                </a:cubicBezTo>
                <a:cubicBezTo>
                  <a:pt x="80" y="27"/>
                  <a:pt x="80" y="27"/>
                  <a:pt x="80" y="2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8" name="Freeform 377"/>
          <p:cNvSpPr>
            <a:spLocks/>
          </p:cNvSpPr>
          <p:nvPr userDrawn="1"/>
        </p:nvSpPr>
        <p:spPr bwMode="auto">
          <a:xfrm>
            <a:off x="4475557" y="2382261"/>
            <a:ext cx="412750" cy="519113"/>
          </a:xfrm>
          <a:custGeom>
            <a:avLst/>
            <a:gdLst/>
            <a:ahLst/>
            <a:cxnLst>
              <a:cxn ang="0">
                <a:pos x="130" y="44"/>
              </a:cxn>
              <a:cxn ang="0">
                <a:pos x="121" y="98"/>
              </a:cxn>
              <a:cxn ang="0">
                <a:pos x="5" y="103"/>
              </a:cxn>
              <a:cxn ang="0">
                <a:pos x="0" y="124"/>
              </a:cxn>
              <a:cxn ang="0">
                <a:pos x="67" y="204"/>
              </a:cxn>
              <a:cxn ang="0">
                <a:pos x="21" y="282"/>
              </a:cxn>
              <a:cxn ang="0">
                <a:pos x="38" y="323"/>
              </a:cxn>
              <a:cxn ang="0">
                <a:pos x="181" y="242"/>
              </a:cxn>
              <a:cxn ang="0">
                <a:pos x="172" y="225"/>
              </a:cxn>
              <a:cxn ang="0">
                <a:pos x="179" y="178"/>
              </a:cxn>
              <a:cxn ang="0">
                <a:pos x="203" y="202"/>
              </a:cxn>
              <a:cxn ang="0">
                <a:pos x="186" y="241"/>
              </a:cxn>
              <a:cxn ang="0">
                <a:pos x="230" y="202"/>
              </a:cxn>
              <a:cxn ang="0">
                <a:pos x="144" y="166"/>
              </a:cxn>
              <a:cxn ang="0">
                <a:pos x="151" y="244"/>
              </a:cxn>
              <a:cxn ang="0">
                <a:pos x="47" y="282"/>
              </a:cxn>
              <a:cxn ang="0">
                <a:pos x="108" y="215"/>
              </a:cxn>
              <a:cxn ang="0">
                <a:pos x="119" y="201"/>
              </a:cxn>
              <a:cxn ang="0">
                <a:pos x="34" y="145"/>
              </a:cxn>
              <a:cxn ang="0">
                <a:pos x="28" y="118"/>
              </a:cxn>
              <a:cxn ang="0">
                <a:pos x="131" y="140"/>
              </a:cxn>
              <a:cxn ang="0">
                <a:pos x="156" y="133"/>
              </a:cxn>
              <a:cxn ang="0">
                <a:pos x="147" y="92"/>
              </a:cxn>
              <a:cxn ang="0">
                <a:pos x="184" y="28"/>
              </a:cxn>
              <a:cxn ang="0">
                <a:pos x="217" y="88"/>
              </a:cxn>
              <a:cxn ang="0">
                <a:pos x="208" y="138"/>
              </a:cxn>
              <a:cxn ang="0">
                <a:pos x="229" y="149"/>
              </a:cxn>
              <a:cxn ang="0">
                <a:pos x="255" y="203"/>
              </a:cxn>
              <a:cxn ang="0">
                <a:pos x="243" y="217"/>
              </a:cxn>
              <a:cxn ang="0">
                <a:pos x="305" y="302"/>
              </a:cxn>
              <a:cxn ang="0">
                <a:pos x="205" y="264"/>
              </a:cxn>
              <a:cxn ang="0">
                <a:pos x="184" y="261"/>
              </a:cxn>
              <a:cxn ang="0">
                <a:pos x="164" y="340"/>
              </a:cxn>
              <a:cxn ang="0">
                <a:pos x="81" y="368"/>
              </a:cxn>
              <a:cxn ang="0">
                <a:pos x="200" y="414"/>
              </a:cxn>
              <a:cxn ang="0">
                <a:pos x="227" y="460"/>
              </a:cxn>
              <a:cxn ang="0">
                <a:pos x="217" y="391"/>
              </a:cxn>
              <a:cxn ang="0">
                <a:pos x="116" y="370"/>
              </a:cxn>
              <a:cxn ang="0">
                <a:pos x="197" y="368"/>
              </a:cxn>
              <a:cxn ang="0">
                <a:pos x="198" y="352"/>
              </a:cxn>
              <a:cxn ang="0">
                <a:pos x="193" y="295"/>
              </a:cxn>
              <a:cxn ang="0">
                <a:pos x="330" y="326"/>
              </a:cxn>
              <a:cxn ang="0">
                <a:pos x="319" y="250"/>
              </a:cxn>
              <a:cxn ang="0">
                <a:pos x="331" y="202"/>
              </a:cxn>
              <a:cxn ang="0">
                <a:pos x="361" y="121"/>
              </a:cxn>
              <a:cxn ang="0">
                <a:pos x="244" y="88"/>
              </a:cxn>
              <a:cxn ang="0">
                <a:pos x="187" y="1"/>
              </a:cxn>
            </a:cxnLst>
            <a:rect l="0" t="0" r="r" b="b"/>
            <a:pathLst>
              <a:path w="366" h="461">
                <a:moveTo>
                  <a:pt x="180" y="1"/>
                </a:moveTo>
                <a:cubicBezTo>
                  <a:pt x="157" y="7"/>
                  <a:pt x="140" y="22"/>
                  <a:pt x="130" y="44"/>
                </a:cubicBezTo>
                <a:cubicBezTo>
                  <a:pt x="123" y="59"/>
                  <a:pt x="121" y="76"/>
                  <a:pt x="121" y="91"/>
                </a:cubicBezTo>
                <a:cubicBezTo>
                  <a:pt x="121" y="94"/>
                  <a:pt x="121" y="96"/>
                  <a:pt x="121" y="98"/>
                </a:cubicBezTo>
                <a:cubicBezTo>
                  <a:pt x="106" y="89"/>
                  <a:pt x="87" y="84"/>
                  <a:pt x="70" y="82"/>
                </a:cubicBezTo>
                <a:cubicBezTo>
                  <a:pt x="43" y="79"/>
                  <a:pt x="20" y="87"/>
                  <a:pt x="5" y="103"/>
                </a:cubicBezTo>
                <a:cubicBezTo>
                  <a:pt x="4" y="104"/>
                  <a:pt x="3" y="106"/>
                  <a:pt x="3" y="108"/>
                </a:cubicBezTo>
                <a:cubicBezTo>
                  <a:pt x="1" y="113"/>
                  <a:pt x="0" y="119"/>
                  <a:pt x="0" y="124"/>
                </a:cubicBezTo>
                <a:cubicBezTo>
                  <a:pt x="0" y="136"/>
                  <a:pt x="4" y="148"/>
                  <a:pt x="12" y="160"/>
                </a:cubicBezTo>
                <a:cubicBezTo>
                  <a:pt x="24" y="179"/>
                  <a:pt x="46" y="194"/>
                  <a:pt x="67" y="204"/>
                </a:cubicBezTo>
                <a:cubicBezTo>
                  <a:pt x="51" y="214"/>
                  <a:pt x="38" y="229"/>
                  <a:pt x="30" y="245"/>
                </a:cubicBezTo>
                <a:cubicBezTo>
                  <a:pt x="24" y="257"/>
                  <a:pt x="21" y="270"/>
                  <a:pt x="21" y="282"/>
                </a:cubicBezTo>
                <a:cubicBezTo>
                  <a:pt x="21" y="294"/>
                  <a:pt x="24" y="306"/>
                  <a:pt x="30" y="317"/>
                </a:cubicBezTo>
                <a:cubicBezTo>
                  <a:pt x="31" y="320"/>
                  <a:pt x="34" y="322"/>
                  <a:pt x="38" y="323"/>
                </a:cubicBezTo>
                <a:cubicBezTo>
                  <a:pt x="71" y="333"/>
                  <a:pt x="103" y="329"/>
                  <a:pt x="131" y="309"/>
                </a:cubicBezTo>
                <a:cubicBezTo>
                  <a:pt x="154" y="293"/>
                  <a:pt x="172" y="269"/>
                  <a:pt x="181" y="242"/>
                </a:cubicBezTo>
                <a:cubicBezTo>
                  <a:pt x="182" y="238"/>
                  <a:pt x="182" y="235"/>
                  <a:pt x="180" y="231"/>
                </a:cubicBezTo>
                <a:cubicBezTo>
                  <a:pt x="179" y="228"/>
                  <a:pt x="176" y="226"/>
                  <a:pt x="172" y="225"/>
                </a:cubicBezTo>
                <a:cubicBezTo>
                  <a:pt x="162" y="222"/>
                  <a:pt x="156" y="213"/>
                  <a:pt x="156" y="202"/>
                </a:cubicBezTo>
                <a:cubicBezTo>
                  <a:pt x="156" y="189"/>
                  <a:pt x="166" y="178"/>
                  <a:pt x="179" y="178"/>
                </a:cubicBezTo>
                <a:cubicBezTo>
                  <a:pt x="186" y="178"/>
                  <a:pt x="192" y="181"/>
                  <a:pt x="196" y="185"/>
                </a:cubicBezTo>
                <a:cubicBezTo>
                  <a:pt x="201" y="190"/>
                  <a:pt x="203" y="196"/>
                  <a:pt x="203" y="202"/>
                </a:cubicBezTo>
                <a:cubicBezTo>
                  <a:pt x="203" y="211"/>
                  <a:pt x="198" y="218"/>
                  <a:pt x="191" y="223"/>
                </a:cubicBezTo>
                <a:cubicBezTo>
                  <a:pt x="185" y="226"/>
                  <a:pt x="182" y="234"/>
                  <a:pt x="186" y="241"/>
                </a:cubicBezTo>
                <a:cubicBezTo>
                  <a:pt x="190" y="247"/>
                  <a:pt x="198" y="250"/>
                  <a:pt x="204" y="246"/>
                </a:cubicBezTo>
                <a:cubicBezTo>
                  <a:pt x="220" y="237"/>
                  <a:pt x="230" y="220"/>
                  <a:pt x="230" y="202"/>
                </a:cubicBezTo>
                <a:cubicBezTo>
                  <a:pt x="230" y="174"/>
                  <a:pt x="207" y="152"/>
                  <a:pt x="179" y="152"/>
                </a:cubicBezTo>
                <a:cubicBezTo>
                  <a:pt x="166" y="152"/>
                  <a:pt x="153" y="157"/>
                  <a:pt x="144" y="166"/>
                </a:cubicBezTo>
                <a:cubicBezTo>
                  <a:pt x="134" y="176"/>
                  <a:pt x="129" y="189"/>
                  <a:pt x="129" y="202"/>
                </a:cubicBezTo>
                <a:cubicBezTo>
                  <a:pt x="129" y="219"/>
                  <a:pt x="138" y="235"/>
                  <a:pt x="151" y="244"/>
                </a:cubicBezTo>
                <a:cubicBezTo>
                  <a:pt x="136" y="276"/>
                  <a:pt x="101" y="311"/>
                  <a:pt x="51" y="299"/>
                </a:cubicBezTo>
                <a:cubicBezTo>
                  <a:pt x="48" y="293"/>
                  <a:pt x="47" y="287"/>
                  <a:pt x="47" y="282"/>
                </a:cubicBezTo>
                <a:cubicBezTo>
                  <a:pt x="47" y="272"/>
                  <a:pt x="50" y="264"/>
                  <a:pt x="53" y="257"/>
                </a:cubicBezTo>
                <a:cubicBezTo>
                  <a:pt x="66" y="233"/>
                  <a:pt x="91" y="217"/>
                  <a:pt x="108" y="215"/>
                </a:cubicBezTo>
                <a:cubicBezTo>
                  <a:pt x="115" y="214"/>
                  <a:pt x="119" y="208"/>
                  <a:pt x="119" y="202"/>
                </a:cubicBezTo>
                <a:cubicBezTo>
                  <a:pt x="119" y="202"/>
                  <a:pt x="119" y="202"/>
                  <a:pt x="119" y="201"/>
                </a:cubicBezTo>
                <a:cubicBezTo>
                  <a:pt x="119" y="195"/>
                  <a:pt x="114" y="189"/>
                  <a:pt x="108" y="188"/>
                </a:cubicBezTo>
                <a:cubicBezTo>
                  <a:pt x="84" y="185"/>
                  <a:pt x="49" y="168"/>
                  <a:pt x="34" y="145"/>
                </a:cubicBezTo>
                <a:cubicBezTo>
                  <a:pt x="29" y="138"/>
                  <a:pt x="27" y="131"/>
                  <a:pt x="27" y="124"/>
                </a:cubicBezTo>
                <a:cubicBezTo>
                  <a:pt x="27" y="122"/>
                  <a:pt x="27" y="120"/>
                  <a:pt x="28" y="118"/>
                </a:cubicBezTo>
                <a:cubicBezTo>
                  <a:pt x="39" y="108"/>
                  <a:pt x="57" y="108"/>
                  <a:pt x="67" y="109"/>
                </a:cubicBezTo>
                <a:cubicBezTo>
                  <a:pt x="96" y="111"/>
                  <a:pt x="123" y="127"/>
                  <a:pt x="131" y="140"/>
                </a:cubicBezTo>
                <a:cubicBezTo>
                  <a:pt x="135" y="146"/>
                  <a:pt x="143" y="148"/>
                  <a:pt x="149" y="145"/>
                </a:cubicBezTo>
                <a:cubicBezTo>
                  <a:pt x="153" y="142"/>
                  <a:pt x="156" y="138"/>
                  <a:pt x="156" y="133"/>
                </a:cubicBezTo>
                <a:cubicBezTo>
                  <a:pt x="156" y="131"/>
                  <a:pt x="155" y="129"/>
                  <a:pt x="154" y="127"/>
                </a:cubicBezTo>
                <a:cubicBezTo>
                  <a:pt x="150" y="119"/>
                  <a:pt x="147" y="106"/>
                  <a:pt x="147" y="92"/>
                </a:cubicBezTo>
                <a:cubicBezTo>
                  <a:pt x="147" y="79"/>
                  <a:pt x="149" y="66"/>
                  <a:pt x="154" y="55"/>
                </a:cubicBezTo>
                <a:cubicBezTo>
                  <a:pt x="161" y="41"/>
                  <a:pt x="171" y="32"/>
                  <a:pt x="184" y="28"/>
                </a:cubicBezTo>
                <a:cubicBezTo>
                  <a:pt x="195" y="31"/>
                  <a:pt x="204" y="39"/>
                  <a:pt x="210" y="51"/>
                </a:cubicBezTo>
                <a:cubicBezTo>
                  <a:pt x="215" y="62"/>
                  <a:pt x="217" y="75"/>
                  <a:pt x="217" y="88"/>
                </a:cubicBezTo>
                <a:cubicBezTo>
                  <a:pt x="217" y="104"/>
                  <a:pt x="214" y="121"/>
                  <a:pt x="209" y="132"/>
                </a:cubicBezTo>
                <a:cubicBezTo>
                  <a:pt x="208" y="134"/>
                  <a:pt x="208" y="136"/>
                  <a:pt x="208" y="138"/>
                </a:cubicBezTo>
                <a:cubicBezTo>
                  <a:pt x="208" y="142"/>
                  <a:pt x="209" y="145"/>
                  <a:pt x="213" y="148"/>
                </a:cubicBezTo>
                <a:cubicBezTo>
                  <a:pt x="217" y="152"/>
                  <a:pt x="224" y="152"/>
                  <a:pt x="229" y="149"/>
                </a:cubicBezTo>
                <a:cubicBezTo>
                  <a:pt x="261" y="127"/>
                  <a:pt x="296" y="110"/>
                  <a:pt x="339" y="138"/>
                </a:cubicBezTo>
                <a:cubicBezTo>
                  <a:pt x="335" y="177"/>
                  <a:pt x="293" y="199"/>
                  <a:pt x="255" y="203"/>
                </a:cubicBezTo>
                <a:cubicBezTo>
                  <a:pt x="248" y="204"/>
                  <a:pt x="243" y="209"/>
                  <a:pt x="243" y="215"/>
                </a:cubicBezTo>
                <a:cubicBezTo>
                  <a:pt x="243" y="216"/>
                  <a:pt x="243" y="216"/>
                  <a:pt x="243" y="217"/>
                </a:cubicBezTo>
                <a:cubicBezTo>
                  <a:pt x="243" y="222"/>
                  <a:pt x="246" y="227"/>
                  <a:pt x="252" y="229"/>
                </a:cubicBezTo>
                <a:cubicBezTo>
                  <a:pt x="287" y="241"/>
                  <a:pt x="305" y="266"/>
                  <a:pt x="305" y="302"/>
                </a:cubicBezTo>
                <a:cubicBezTo>
                  <a:pt x="305" y="306"/>
                  <a:pt x="305" y="309"/>
                  <a:pt x="304" y="313"/>
                </a:cubicBezTo>
                <a:cubicBezTo>
                  <a:pt x="250" y="324"/>
                  <a:pt x="216" y="286"/>
                  <a:pt x="205" y="264"/>
                </a:cubicBezTo>
                <a:cubicBezTo>
                  <a:pt x="203" y="260"/>
                  <a:pt x="200" y="257"/>
                  <a:pt x="195" y="257"/>
                </a:cubicBezTo>
                <a:cubicBezTo>
                  <a:pt x="191" y="256"/>
                  <a:pt x="187" y="258"/>
                  <a:pt x="184" y="261"/>
                </a:cubicBezTo>
                <a:cubicBezTo>
                  <a:pt x="174" y="271"/>
                  <a:pt x="161" y="293"/>
                  <a:pt x="161" y="319"/>
                </a:cubicBezTo>
                <a:cubicBezTo>
                  <a:pt x="161" y="326"/>
                  <a:pt x="162" y="333"/>
                  <a:pt x="164" y="340"/>
                </a:cubicBezTo>
                <a:cubicBezTo>
                  <a:pt x="141" y="336"/>
                  <a:pt x="109" y="337"/>
                  <a:pt x="85" y="359"/>
                </a:cubicBezTo>
                <a:cubicBezTo>
                  <a:pt x="83" y="361"/>
                  <a:pt x="81" y="364"/>
                  <a:pt x="81" y="368"/>
                </a:cubicBezTo>
                <a:cubicBezTo>
                  <a:pt x="81" y="372"/>
                  <a:pt x="82" y="375"/>
                  <a:pt x="84" y="378"/>
                </a:cubicBezTo>
                <a:cubicBezTo>
                  <a:pt x="86" y="380"/>
                  <a:pt x="130" y="427"/>
                  <a:pt x="200" y="414"/>
                </a:cubicBezTo>
                <a:cubicBezTo>
                  <a:pt x="204" y="421"/>
                  <a:pt x="210" y="434"/>
                  <a:pt x="212" y="449"/>
                </a:cubicBezTo>
                <a:cubicBezTo>
                  <a:pt x="213" y="456"/>
                  <a:pt x="220" y="461"/>
                  <a:pt x="227" y="460"/>
                </a:cubicBezTo>
                <a:cubicBezTo>
                  <a:pt x="234" y="459"/>
                  <a:pt x="239" y="452"/>
                  <a:pt x="238" y="445"/>
                </a:cubicBezTo>
                <a:cubicBezTo>
                  <a:pt x="234" y="415"/>
                  <a:pt x="218" y="392"/>
                  <a:pt x="217" y="391"/>
                </a:cubicBezTo>
                <a:cubicBezTo>
                  <a:pt x="214" y="386"/>
                  <a:pt x="208" y="384"/>
                  <a:pt x="203" y="385"/>
                </a:cubicBezTo>
                <a:cubicBezTo>
                  <a:pt x="163" y="396"/>
                  <a:pt x="132" y="381"/>
                  <a:pt x="116" y="370"/>
                </a:cubicBezTo>
                <a:cubicBezTo>
                  <a:pt x="145" y="358"/>
                  <a:pt x="181" y="371"/>
                  <a:pt x="182" y="372"/>
                </a:cubicBezTo>
                <a:cubicBezTo>
                  <a:pt x="187" y="374"/>
                  <a:pt x="193" y="372"/>
                  <a:pt x="197" y="368"/>
                </a:cubicBezTo>
                <a:cubicBezTo>
                  <a:pt x="199" y="365"/>
                  <a:pt x="200" y="362"/>
                  <a:pt x="200" y="359"/>
                </a:cubicBezTo>
                <a:cubicBezTo>
                  <a:pt x="200" y="357"/>
                  <a:pt x="199" y="354"/>
                  <a:pt x="198" y="352"/>
                </a:cubicBezTo>
                <a:cubicBezTo>
                  <a:pt x="190" y="340"/>
                  <a:pt x="188" y="329"/>
                  <a:pt x="188" y="319"/>
                </a:cubicBezTo>
                <a:cubicBezTo>
                  <a:pt x="188" y="310"/>
                  <a:pt x="190" y="301"/>
                  <a:pt x="193" y="295"/>
                </a:cubicBezTo>
                <a:cubicBezTo>
                  <a:pt x="215" y="323"/>
                  <a:pt x="259" y="354"/>
                  <a:pt x="320" y="337"/>
                </a:cubicBezTo>
                <a:cubicBezTo>
                  <a:pt x="325" y="336"/>
                  <a:pt x="329" y="331"/>
                  <a:pt x="330" y="326"/>
                </a:cubicBezTo>
                <a:cubicBezTo>
                  <a:pt x="331" y="318"/>
                  <a:pt x="331" y="310"/>
                  <a:pt x="331" y="302"/>
                </a:cubicBezTo>
                <a:cubicBezTo>
                  <a:pt x="331" y="283"/>
                  <a:pt x="327" y="265"/>
                  <a:pt x="319" y="250"/>
                </a:cubicBezTo>
                <a:cubicBezTo>
                  <a:pt x="312" y="239"/>
                  <a:pt x="304" y="229"/>
                  <a:pt x="294" y="222"/>
                </a:cubicBezTo>
                <a:cubicBezTo>
                  <a:pt x="308" y="217"/>
                  <a:pt x="320" y="210"/>
                  <a:pt x="331" y="202"/>
                </a:cubicBezTo>
                <a:cubicBezTo>
                  <a:pt x="354" y="183"/>
                  <a:pt x="366" y="159"/>
                  <a:pt x="366" y="131"/>
                </a:cubicBezTo>
                <a:cubicBezTo>
                  <a:pt x="366" y="127"/>
                  <a:pt x="364" y="123"/>
                  <a:pt x="361" y="121"/>
                </a:cubicBezTo>
                <a:cubicBezTo>
                  <a:pt x="316" y="87"/>
                  <a:pt x="276" y="94"/>
                  <a:pt x="242" y="110"/>
                </a:cubicBezTo>
                <a:cubicBezTo>
                  <a:pt x="243" y="103"/>
                  <a:pt x="244" y="95"/>
                  <a:pt x="244" y="88"/>
                </a:cubicBezTo>
                <a:cubicBezTo>
                  <a:pt x="244" y="71"/>
                  <a:pt x="241" y="54"/>
                  <a:pt x="234" y="39"/>
                </a:cubicBezTo>
                <a:cubicBezTo>
                  <a:pt x="224" y="19"/>
                  <a:pt x="208" y="6"/>
                  <a:pt x="187" y="1"/>
                </a:cubicBezTo>
                <a:cubicBezTo>
                  <a:pt x="184" y="0"/>
                  <a:pt x="182" y="0"/>
                  <a:pt x="180" y="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Freeform 393"/>
          <p:cNvSpPr>
            <a:spLocks/>
          </p:cNvSpPr>
          <p:nvPr userDrawn="1"/>
        </p:nvSpPr>
        <p:spPr bwMode="auto">
          <a:xfrm>
            <a:off x="4424757" y="5181009"/>
            <a:ext cx="514350" cy="284163"/>
          </a:xfrm>
          <a:custGeom>
            <a:avLst/>
            <a:gdLst/>
            <a:ahLst/>
            <a:cxnLst>
              <a:cxn ang="0">
                <a:pos x="8" y="95"/>
              </a:cxn>
              <a:cxn ang="0">
                <a:pos x="0" y="107"/>
              </a:cxn>
              <a:cxn ang="0">
                <a:pos x="36" y="134"/>
              </a:cxn>
              <a:cxn ang="0">
                <a:pos x="61" y="146"/>
              </a:cxn>
              <a:cxn ang="0">
                <a:pos x="65" y="193"/>
              </a:cxn>
              <a:cxn ang="0">
                <a:pos x="65" y="193"/>
              </a:cxn>
              <a:cxn ang="0">
                <a:pos x="62" y="209"/>
              </a:cxn>
              <a:cxn ang="0">
                <a:pos x="51" y="220"/>
              </a:cxn>
              <a:cxn ang="0">
                <a:pos x="45" y="238"/>
              </a:cxn>
              <a:cxn ang="0">
                <a:pos x="59" y="251"/>
              </a:cxn>
              <a:cxn ang="0">
                <a:pos x="107" y="246"/>
              </a:cxn>
              <a:cxn ang="0">
                <a:pos x="110" y="236"/>
              </a:cxn>
              <a:cxn ang="0">
                <a:pos x="104" y="218"/>
              </a:cxn>
              <a:cxn ang="0">
                <a:pos x="92" y="206"/>
              </a:cxn>
              <a:cxn ang="0">
                <a:pos x="93" y="200"/>
              </a:cxn>
              <a:cxn ang="0">
                <a:pos x="92" y="184"/>
              </a:cxn>
              <a:cxn ang="0">
                <a:pos x="122" y="134"/>
              </a:cxn>
              <a:cxn ang="0">
                <a:pos x="265" y="109"/>
              </a:cxn>
              <a:cxn ang="0">
                <a:pos x="338" y="130"/>
              </a:cxn>
              <a:cxn ang="0">
                <a:pos x="350" y="106"/>
              </a:cxn>
              <a:cxn ang="0">
                <a:pos x="340" y="101"/>
              </a:cxn>
              <a:cxn ang="0">
                <a:pos x="110" y="110"/>
              </a:cxn>
              <a:cxn ang="0">
                <a:pos x="76" y="123"/>
              </a:cxn>
              <a:cxn ang="0">
                <a:pos x="45" y="108"/>
              </a:cxn>
              <a:cxn ang="0">
                <a:pos x="413" y="107"/>
              </a:cxn>
              <a:cxn ang="0">
                <a:pos x="329" y="160"/>
              </a:cxn>
              <a:cxn ang="0">
                <a:pos x="149" y="207"/>
              </a:cxn>
              <a:cxn ang="0">
                <a:pos x="134" y="141"/>
              </a:cxn>
              <a:cxn ang="0">
                <a:pos x="123" y="221"/>
              </a:cxn>
              <a:cxn ang="0">
                <a:pos x="343" y="234"/>
              </a:cxn>
              <a:cxn ang="0">
                <a:pos x="356" y="168"/>
              </a:cxn>
              <a:cxn ang="0">
                <a:pos x="457" y="106"/>
              </a:cxn>
              <a:cxn ang="0">
                <a:pos x="449" y="94"/>
              </a:cxn>
              <a:cxn ang="0">
                <a:pos x="235" y="1"/>
              </a:cxn>
            </a:cxnLst>
            <a:rect l="0" t="0" r="r" b="b"/>
            <a:pathLst>
              <a:path w="457" h="251">
                <a:moveTo>
                  <a:pt x="235" y="1"/>
                </a:moveTo>
                <a:cubicBezTo>
                  <a:pt x="8" y="95"/>
                  <a:pt x="8" y="95"/>
                  <a:pt x="8" y="95"/>
                </a:cubicBezTo>
                <a:cubicBezTo>
                  <a:pt x="3" y="97"/>
                  <a:pt x="0" y="101"/>
                  <a:pt x="0" y="106"/>
                </a:cubicBezTo>
                <a:cubicBezTo>
                  <a:pt x="0" y="107"/>
                  <a:pt x="0" y="107"/>
                  <a:pt x="0" y="107"/>
                </a:cubicBezTo>
                <a:cubicBezTo>
                  <a:pt x="0" y="112"/>
                  <a:pt x="3" y="116"/>
                  <a:pt x="7" y="119"/>
                </a:cubicBezTo>
                <a:cubicBezTo>
                  <a:pt x="36" y="134"/>
                  <a:pt x="36" y="134"/>
                  <a:pt x="36" y="134"/>
                </a:cubicBezTo>
                <a:cubicBezTo>
                  <a:pt x="57" y="144"/>
                  <a:pt x="57" y="144"/>
                  <a:pt x="57" y="144"/>
                </a:cubicBezTo>
                <a:cubicBezTo>
                  <a:pt x="58" y="145"/>
                  <a:pt x="60" y="146"/>
                  <a:pt x="61" y="146"/>
                </a:cubicBezTo>
                <a:cubicBezTo>
                  <a:pt x="61" y="155"/>
                  <a:pt x="62" y="171"/>
                  <a:pt x="62" y="185"/>
                </a:cubicBezTo>
                <a:cubicBezTo>
                  <a:pt x="63" y="188"/>
                  <a:pt x="63" y="191"/>
                  <a:pt x="65" y="193"/>
                </a:cubicBezTo>
                <a:cubicBezTo>
                  <a:pt x="65" y="193"/>
                  <a:pt x="65" y="193"/>
                  <a:pt x="65" y="193"/>
                </a:cubicBezTo>
                <a:cubicBezTo>
                  <a:pt x="65" y="193"/>
                  <a:pt x="65" y="193"/>
                  <a:pt x="65" y="193"/>
                </a:cubicBezTo>
                <a:cubicBezTo>
                  <a:pt x="63" y="195"/>
                  <a:pt x="62" y="198"/>
                  <a:pt x="62" y="201"/>
                </a:cubicBezTo>
                <a:cubicBezTo>
                  <a:pt x="62" y="201"/>
                  <a:pt x="62" y="205"/>
                  <a:pt x="62" y="209"/>
                </a:cubicBezTo>
                <a:cubicBezTo>
                  <a:pt x="59" y="212"/>
                  <a:pt x="55" y="215"/>
                  <a:pt x="55" y="215"/>
                </a:cubicBezTo>
                <a:cubicBezTo>
                  <a:pt x="53" y="217"/>
                  <a:pt x="52" y="218"/>
                  <a:pt x="51" y="220"/>
                </a:cubicBezTo>
                <a:cubicBezTo>
                  <a:pt x="46" y="233"/>
                  <a:pt x="46" y="233"/>
                  <a:pt x="46" y="233"/>
                </a:cubicBezTo>
                <a:cubicBezTo>
                  <a:pt x="46" y="234"/>
                  <a:pt x="45" y="236"/>
                  <a:pt x="45" y="238"/>
                </a:cubicBezTo>
                <a:cubicBezTo>
                  <a:pt x="45" y="240"/>
                  <a:pt x="46" y="243"/>
                  <a:pt x="48" y="245"/>
                </a:cubicBezTo>
                <a:cubicBezTo>
                  <a:pt x="50" y="249"/>
                  <a:pt x="54" y="251"/>
                  <a:pt x="59" y="251"/>
                </a:cubicBezTo>
                <a:cubicBezTo>
                  <a:pt x="96" y="251"/>
                  <a:pt x="96" y="251"/>
                  <a:pt x="96" y="251"/>
                </a:cubicBezTo>
                <a:cubicBezTo>
                  <a:pt x="100" y="251"/>
                  <a:pt x="104" y="249"/>
                  <a:pt x="107" y="246"/>
                </a:cubicBezTo>
                <a:cubicBezTo>
                  <a:pt x="109" y="244"/>
                  <a:pt x="110" y="241"/>
                  <a:pt x="110" y="238"/>
                </a:cubicBezTo>
                <a:cubicBezTo>
                  <a:pt x="110" y="237"/>
                  <a:pt x="110" y="236"/>
                  <a:pt x="110" y="236"/>
                </a:cubicBezTo>
                <a:cubicBezTo>
                  <a:pt x="108" y="226"/>
                  <a:pt x="108" y="226"/>
                  <a:pt x="108" y="226"/>
                </a:cubicBezTo>
                <a:cubicBezTo>
                  <a:pt x="107" y="223"/>
                  <a:pt x="106" y="220"/>
                  <a:pt x="104" y="218"/>
                </a:cubicBezTo>
                <a:cubicBezTo>
                  <a:pt x="104" y="218"/>
                  <a:pt x="97" y="212"/>
                  <a:pt x="93" y="208"/>
                </a:cubicBezTo>
                <a:cubicBezTo>
                  <a:pt x="93" y="207"/>
                  <a:pt x="93" y="207"/>
                  <a:pt x="92" y="206"/>
                </a:cubicBezTo>
                <a:cubicBezTo>
                  <a:pt x="93" y="205"/>
                  <a:pt x="93" y="203"/>
                  <a:pt x="93" y="202"/>
                </a:cubicBezTo>
                <a:cubicBezTo>
                  <a:pt x="93" y="201"/>
                  <a:pt x="93" y="200"/>
                  <a:pt x="93" y="200"/>
                </a:cubicBezTo>
                <a:cubicBezTo>
                  <a:pt x="93" y="200"/>
                  <a:pt x="92" y="191"/>
                  <a:pt x="92" y="189"/>
                </a:cubicBezTo>
                <a:cubicBezTo>
                  <a:pt x="92" y="187"/>
                  <a:pt x="92" y="186"/>
                  <a:pt x="92" y="184"/>
                </a:cubicBezTo>
                <a:cubicBezTo>
                  <a:pt x="92" y="184"/>
                  <a:pt x="93" y="157"/>
                  <a:pt x="93" y="145"/>
                </a:cubicBezTo>
                <a:cubicBezTo>
                  <a:pt x="101" y="142"/>
                  <a:pt x="113" y="138"/>
                  <a:pt x="122" y="134"/>
                </a:cubicBezTo>
                <a:cubicBezTo>
                  <a:pt x="122" y="134"/>
                  <a:pt x="122" y="134"/>
                  <a:pt x="122" y="134"/>
                </a:cubicBezTo>
                <a:cubicBezTo>
                  <a:pt x="166" y="111"/>
                  <a:pt x="214" y="103"/>
                  <a:pt x="265" y="109"/>
                </a:cubicBezTo>
                <a:cubicBezTo>
                  <a:pt x="302" y="113"/>
                  <a:pt x="327" y="124"/>
                  <a:pt x="328" y="125"/>
                </a:cubicBezTo>
                <a:cubicBezTo>
                  <a:pt x="329" y="125"/>
                  <a:pt x="338" y="130"/>
                  <a:pt x="338" y="130"/>
                </a:cubicBezTo>
                <a:cubicBezTo>
                  <a:pt x="344" y="133"/>
                  <a:pt x="352" y="130"/>
                  <a:pt x="356" y="124"/>
                </a:cubicBezTo>
                <a:cubicBezTo>
                  <a:pt x="359" y="117"/>
                  <a:pt x="356" y="109"/>
                  <a:pt x="350" y="106"/>
                </a:cubicBezTo>
                <a:cubicBezTo>
                  <a:pt x="340" y="101"/>
                  <a:pt x="340" y="101"/>
                  <a:pt x="340" y="101"/>
                </a:cubicBezTo>
                <a:cubicBezTo>
                  <a:pt x="340" y="101"/>
                  <a:pt x="340" y="101"/>
                  <a:pt x="340" y="101"/>
                </a:cubicBezTo>
                <a:cubicBezTo>
                  <a:pt x="338" y="100"/>
                  <a:pt x="311" y="88"/>
                  <a:pt x="269" y="82"/>
                </a:cubicBezTo>
                <a:cubicBezTo>
                  <a:pt x="230" y="78"/>
                  <a:pt x="171" y="79"/>
                  <a:pt x="110" y="110"/>
                </a:cubicBezTo>
                <a:cubicBezTo>
                  <a:pt x="110" y="110"/>
                  <a:pt x="110" y="110"/>
                  <a:pt x="110" y="110"/>
                </a:cubicBezTo>
                <a:cubicBezTo>
                  <a:pt x="98" y="116"/>
                  <a:pt x="76" y="123"/>
                  <a:pt x="76" y="123"/>
                </a:cubicBezTo>
                <a:cubicBezTo>
                  <a:pt x="76" y="123"/>
                  <a:pt x="75" y="123"/>
                  <a:pt x="75" y="123"/>
                </a:cubicBezTo>
                <a:cubicBezTo>
                  <a:pt x="71" y="122"/>
                  <a:pt x="59" y="116"/>
                  <a:pt x="45" y="108"/>
                </a:cubicBezTo>
                <a:cubicBezTo>
                  <a:pt x="85" y="92"/>
                  <a:pt x="231" y="32"/>
                  <a:pt x="240" y="28"/>
                </a:cubicBezTo>
                <a:cubicBezTo>
                  <a:pt x="249" y="32"/>
                  <a:pt x="376" y="90"/>
                  <a:pt x="413" y="107"/>
                </a:cubicBezTo>
                <a:cubicBezTo>
                  <a:pt x="385" y="122"/>
                  <a:pt x="336" y="148"/>
                  <a:pt x="336" y="148"/>
                </a:cubicBezTo>
                <a:cubicBezTo>
                  <a:pt x="332" y="150"/>
                  <a:pt x="329" y="155"/>
                  <a:pt x="329" y="160"/>
                </a:cubicBezTo>
                <a:cubicBezTo>
                  <a:pt x="329" y="160"/>
                  <a:pt x="329" y="191"/>
                  <a:pt x="329" y="207"/>
                </a:cubicBezTo>
                <a:cubicBezTo>
                  <a:pt x="308" y="207"/>
                  <a:pt x="170" y="207"/>
                  <a:pt x="149" y="207"/>
                </a:cubicBezTo>
                <a:cubicBezTo>
                  <a:pt x="148" y="190"/>
                  <a:pt x="148" y="154"/>
                  <a:pt x="148" y="154"/>
                </a:cubicBezTo>
                <a:cubicBezTo>
                  <a:pt x="147" y="146"/>
                  <a:pt x="141" y="140"/>
                  <a:pt x="134" y="141"/>
                </a:cubicBezTo>
                <a:cubicBezTo>
                  <a:pt x="127" y="141"/>
                  <a:pt x="121" y="147"/>
                  <a:pt x="121" y="154"/>
                </a:cubicBezTo>
                <a:cubicBezTo>
                  <a:pt x="123" y="221"/>
                  <a:pt x="123" y="221"/>
                  <a:pt x="123" y="221"/>
                </a:cubicBezTo>
                <a:cubicBezTo>
                  <a:pt x="123" y="228"/>
                  <a:pt x="129" y="234"/>
                  <a:pt x="136" y="234"/>
                </a:cubicBezTo>
                <a:cubicBezTo>
                  <a:pt x="343" y="234"/>
                  <a:pt x="343" y="234"/>
                  <a:pt x="343" y="234"/>
                </a:cubicBezTo>
                <a:cubicBezTo>
                  <a:pt x="350" y="234"/>
                  <a:pt x="356" y="228"/>
                  <a:pt x="356" y="220"/>
                </a:cubicBezTo>
                <a:cubicBezTo>
                  <a:pt x="356" y="220"/>
                  <a:pt x="356" y="180"/>
                  <a:pt x="356" y="168"/>
                </a:cubicBezTo>
                <a:cubicBezTo>
                  <a:pt x="368" y="161"/>
                  <a:pt x="450" y="118"/>
                  <a:pt x="450" y="118"/>
                </a:cubicBezTo>
                <a:cubicBezTo>
                  <a:pt x="454" y="116"/>
                  <a:pt x="457" y="111"/>
                  <a:pt x="457" y="106"/>
                </a:cubicBezTo>
                <a:cubicBezTo>
                  <a:pt x="457" y="106"/>
                  <a:pt x="457" y="106"/>
                  <a:pt x="457" y="106"/>
                </a:cubicBezTo>
                <a:cubicBezTo>
                  <a:pt x="457" y="101"/>
                  <a:pt x="453" y="96"/>
                  <a:pt x="449" y="94"/>
                </a:cubicBezTo>
                <a:cubicBezTo>
                  <a:pt x="246" y="1"/>
                  <a:pt x="246" y="1"/>
                  <a:pt x="246" y="1"/>
                </a:cubicBezTo>
                <a:cubicBezTo>
                  <a:pt x="242" y="0"/>
                  <a:pt x="239" y="0"/>
                  <a:pt x="235" y="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0" name="Freeform 433"/>
          <p:cNvSpPr>
            <a:spLocks/>
          </p:cNvSpPr>
          <p:nvPr userDrawn="1"/>
        </p:nvSpPr>
        <p:spPr bwMode="auto">
          <a:xfrm>
            <a:off x="4532707" y="3676310"/>
            <a:ext cx="298450" cy="520700"/>
          </a:xfrm>
          <a:custGeom>
            <a:avLst/>
            <a:gdLst/>
            <a:ahLst/>
            <a:cxnLst>
              <a:cxn ang="0">
                <a:pos x="251" y="293"/>
              </a:cxn>
              <a:cxn ang="0">
                <a:pos x="233" y="293"/>
              </a:cxn>
              <a:cxn ang="0">
                <a:pos x="241" y="274"/>
              </a:cxn>
              <a:cxn ang="0">
                <a:pos x="241" y="265"/>
              </a:cxn>
              <a:cxn ang="0">
                <a:pos x="195" y="115"/>
              </a:cxn>
              <a:cxn ang="0">
                <a:pos x="195" y="14"/>
              </a:cxn>
              <a:cxn ang="0">
                <a:pos x="182" y="0"/>
              </a:cxn>
              <a:cxn ang="0">
                <a:pos x="168" y="14"/>
              </a:cxn>
              <a:cxn ang="0">
                <a:pos x="168" y="36"/>
              </a:cxn>
              <a:cxn ang="0">
                <a:pos x="154" y="25"/>
              </a:cxn>
              <a:cxn ang="0">
                <a:pos x="136" y="29"/>
              </a:cxn>
              <a:cxn ang="0">
                <a:pos x="139" y="47"/>
              </a:cxn>
              <a:cxn ang="0">
                <a:pos x="168" y="68"/>
              </a:cxn>
              <a:cxn ang="0">
                <a:pos x="168" y="117"/>
              </a:cxn>
              <a:cxn ang="0">
                <a:pos x="169" y="121"/>
              </a:cxn>
              <a:cxn ang="0">
                <a:pos x="214" y="268"/>
              </a:cxn>
              <a:cxn ang="0">
                <a:pos x="169" y="384"/>
              </a:cxn>
              <a:cxn ang="0">
                <a:pos x="171" y="397"/>
              </a:cxn>
              <a:cxn ang="0">
                <a:pos x="201" y="434"/>
              </a:cxn>
              <a:cxn ang="0">
                <a:pos x="64" y="434"/>
              </a:cxn>
              <a:cxn ang="0">
                <a:pos x="94" y="397"/>
              </a:cxn>
              <a:cxn ang="0">
                <a:pos x="96" y="384"/>
              </a:cxn>
              <a:cxn ang="0">
                <a:pos x="51" y="268"/>
              </a:cxn>
              <a:cxn ang="0">
                <a:pos x="96" y="121"/>
              </a:cxn>
              <a:cxn ang="0">
                <a:pos x="96" y="117"/>
              </a:cxn>
              <a:cxn ang="0">
                <a:pos x="96" y="68"/>
              </a:cxn>
              <a:cxn ang="0">
                <a:pos x="126" y="47"/>
              </a:cxn>
              <a:cxn ang="0">
                <a:pos x="130" y="29"/>
              </a:cxn>
              <a:cxn ang="0">
                <a:pos x="111" y="25"/>
              </a:cxn>
              <a:cxn ang="0">
                <a:pos x="96" y="36"/>
              </a:cxn>
              <a:cxn ang="0">
                <a:pos x="96" y="14"/>
              </a:cxn>
              <a:cxn ang="0">
                <a:pos x="83" y="0"/>
              </a:cxn>
              <a:cxn ang="0">
                <a:pos x="70" y="14"/>
              </a:cxn>
              <a:cxn ang="0">
                <a:pos x="70" y="115"/>
              </a:cxn>
              <a:cxn ang="0">
                <a:pos x="24" y="265"/>
              </a:cxn>
              <a:cxn ang="0">
                <a:pos x="24" y="274"/>
              </a:cxn>
              <a:cxn ang="0">
                <a:pos x="32" y="293"/>
              </a:cxn>
              <a:cxn ang="0">
                <a:pos x="14" y="293"/>
              </a:cxn>
              <a:cxn ang="0">
                <a:pos x="0" y="307"/>
              </a:cxn>
              <a:cxn ang="0">
                <a:pos x="14" y="320"/>
              </a:cxn>
              <a:cxn ang="0">
                <a:pos x="42" y="320"/>
              </a:cxn>
              <a:cxn ang="0">
                <a:pos x="68" y="386"/>
              </a:cxn>
              <a:cxn ang="0">
                <a:pos x="26" y="440"/>
              </a:cxn>
              <a:cxn ang="0">
                <a:pos x="25" y="454"/>
              </a:cxn>
              <a:cxn ang="0">
                <a:pos x="37" y="461"/>
              </a:cxn>
              <a:cxn ang="0">
                <a:pos x="229" y="461"/>
              </a:cxn>
              <a:cxn ang="0">
                <a:pos x="240" y="454"/>
              </a:cxn>
              <a:cxn ang="0">
                <a:pos x="239" y="439"/>
              </a:cxn>
              <a:cxn ang="0">
                <a:pos x="197" y="386"/>
              </a:cxn>
              <a:cxn ang="0">
                <a:pos x="223" y="320"/>
              </a:cxn>
              <a:cxn ang="0">
                <a:pos x="251" y="320"/>
              </a:cxn>
              <a:cxn ang="0">
                <a:pos x="264" y="307"/>
              </a:cxn>
              <a:cxn ang="0">
                <a:pos x="251" y="293"/>
              </a:cxn>
            </a:cxnLst>
            <a:rect l="0" t="0" r="r" b="b"/>
            <a:pathLst>
              <a:path w="264" h="461">
                <a:moveTo>
                  <a:pt x="251" y="293"/>
                </a:moveTo>
                <a:cubicBezTo>
                  <a:pt x="233" y="293"/>
                  <a:pt x="233" y="293"/>
                  <a:pt x="233" y="293"/>
                </a:cubicBezTo>
                <a:cubicBezTo>
                  <a:pt x="241" y="274"/>
                  <a:pt x="241" y="274"/>
                  <a:pt x="241" y="274"/>
                </a:cubicBezTo>
                <a:cubicBezTo>
                  <a:pt x="242" y="271"/>
                  <a:pt x="242" y="268"/>
                  <a:pt x="241" y="265"/>
                </a:cubicBezTo>
                <a:cubicBezTo>
                  <a:pt x="195" y="115"/>
                  <a:pt x="195" y="115"/>
                  <a:pt x="195" y="115"/>
                </a:cubicBezTo>
                <a:cubicBezTo>
                  <a:pt x="195" y="14"/>
                  <a:pt x="195" y="14"/>
                  <a:pt x="195" y="14"/>
                </a:cubicBezTo>
                <a:cubicBezTo>
                  <a:pt x="195" y="6"/>
                  <a:pt x="189" y="0"/>
                  <a:pt x="182" y="0"/>
                </a:cubicBezTo>
                <a:cubicBezTo>
                  <a:pt x="174" y="0"/>
                  <a:pt x="168" y="6"/>
                  <a:pt x="168" y="14"/>
                </a:cubicBezTo>
                <a:cubicBezTo>
                  <a:pt x="168" y="36"/>
                  <a:pt x="168" y="36"/>
                  <a:pt x="168" y="36"/>
                </a:cubicBezTo>
                <a:cubicBezTo>
                  <a:pt x="154" y="25"/>
                  <a:pt x="154" y="25"/>
                  <a:pt x="154" y="25"/>
                </a:cubicBezTo>
                <a:cubicBezTo>
                  <a:pt x="148" y="21"/>
                  <a:pt x="140" y="23"/>
                  <a:pt x="136" y="29"/>
                </a:cubicBezTo>
                <a:cubicBezTo>
                  <a:pt x="131" y="35"/>
                  <a:pt x="133" y="43"/>
                  <a:pt x="139" y="47"/>
                </a:cubicBezTo>
                <a:cubicBezTo>
                  <a:pt x="168" y="68"/>
                  <a:pt x="168" y="68"/>
                  <a:pt x="168" y="68"/>
                </a:cubicBezTo>
                <a:cubicBezTo>
                  <a:pt x="168" y="117"/>
                  <a:pt x="168" y="117"/>
                  <a:pt x="168" y="117"/>
                </a:cubicBezTo>
                <a:cubicBezTo>
                  <a:pt x="168" y="118"/>
                  <a:pt x="169" y="120"/>
                  <a:pt x="169" y="121"/>
                </a:cubicBezTo>
                <a:cubicBezTo>
                  <a:pt x="214" y="268"/>
                  <a:pt x="214" y="268"/>
                  <a:pt x="214" y="268"/>
                </a:cubicBezTo>
                <a:cubicBezTo>
                  <a:pt x="169" y="384"/>
                  <a:pt x="169" y="384"/>
                  <a:pt x="169" y="384"/>
                </a:cubicBezTo>
                <a:cubicBezTo>
                  <a:pt x="168" y="388"/>
                  <a:pt x="168" y="393"/>
                  <a:pt x="171" y="397"/>
                </a:cubicBezTo>
                <a:cubicBezTo>
                  <a:pt x="201" y="434"/>
                  <a:pt x="201" y="434"/>
                  <a:pt x="201" y="434"/>
                </a:cubicBezTo>
                <a:cubicBezTo>
                  <a:pt x="64" y="434"/>
                  <a:pt x="64" y="434"/>
                  <a:pt x="64" y="434"/>
                </a:cubicBezTo>
                <a:cubicBezTo>
                  <a:pt x="94" y="397"/>
                  <a:pt x="94" y="397"/>
                  <a:pt x="94" y="397"/>
                </a:cubicBezTo>
                <a:cubicBezTo>
                  <a:pt x="96" y="393"/>
                  <a:pt x="97" y="388"/>
                  <a:pt x="96" y="384"/>
                </a:cubicBezTo>
                <a:cubicBezTo>
                  <a:pt x="51" y="268"/>
                  <a:pt x="51" y="268"/>
                  <a:pt x="51" y="268"/>
                </a:cubicBezTo>
                <a:cubicBezTo>
                  <a:pt x="96" y="121"/>
                  <a:pt x="96" y="121"/>
                  <a:pt x="96" y="121"/>
                </a:cubicBezTo>
                <a:cubicBezTo>
                  <a:pt x="96" y="120"/>
                  <a:pt x="96" y="118"/>
                  <a:pt x="96" y="117"/>
                </a:cubicBezTo>
                <a:cubicBezTo>
                  <a:pt x="96" y="68"/>
                  <a:pt x="96" y="68"/>
                  <a:pt x="96" y="68"/>
                </a:cubicBezTo>
                <a:cubicBezTo>
                  <a:pt x="126" y="47"/>
                  <a:pt x="126" y="47"/>
                  <a:pt x="126" y="47"/>
                </a:cubicBezTo>
                <a:cubicBezTo>
                  <a:pt x="132" y="43"/>
                  <a:pt x="134" y="35"/>
                  <a:pt x="130" y="29"/>
                </a:cubicBezTo>
                <a:cubicBezTo>
                  <a:pt x="125" y="23"/>
                  <a:pt x="117" y="21"/>
                  <a:pt x="111" y="25"/>
                </a:cubicBezTo>
                <a:cubicBezTo>
                  <a:pt x="96" y="36"/>
                  <a:pt x="96" y="36"/>
                  <a:pt x="96" y="36"/>
                </a:cubicBezTo>
                <a:cubicBezTo>
                  <a:pt x="96" y="14"/>
                  <a:pt x="96" y="14"/>
                  <a:pt x="96" y="14"/>
                </a:cubicBezTo>
                <a:cubicBezTo>
                  <a:pt x="96" y="6"/>
                  <a:pt x="90" y="0"/>
                  <a:pt x="83" y="0"/>
                </a:cubicBezTo>
                <a:cubicBezTo>
                  <a:pt x="76" y="0"/>
                  <a:pt x="70" y="6"/>
                  <a:pt x="70" y="14"/>
                </a:cubicBezTo>
                <a:cubicBezTo>
                  <a:pt x="70" y="115"/>
                  <a:pt x="70" y="115"/>
                  <a:pt x="70" y="115"/>
                </a:cubicBezTo>
                <a:cubicBezTo>
                  <a:pt x="24" y="265"/>
                  <a:pt x="24" y="265"/>
                  <a:pt x="24" y="265"/>
                </a:cubicBezTo>
                <a:cubicBezTo>
                  <a:pt x="23" y="268"/>
                  <a:pt x="23" y="271"/>
                  <a:pt x="24" y="274"/>
                </a:cubicBezTo>
                <a:cubicBezTo>
                  <a:pt x="32" y="293"/>
                  <a:pt x="32" y="293"/>
                  <a:pt x="32" y="293"/>
                </a:cubicBezTo>
                <a:cubicBezTo>
                  <a:pt x="14" y="293"/>
                  <a:pt x="14" y="293"/>
                  <a:pt x="14" y="293"/>
                </a:cubicBezTo>
                <a:cubicBezTo>
                  <a:pt x="6" y="293"/>
                  <a:pt x="0" y="299"/>
                  <a:pt x="0" y="307"/>
                </a:cubicBezTo>
                <a:cubicBezTo>
                  <a:pt x="0" y="314"/>
                  <a:pt x="6" y="320"/>
                  <a:pt x="14" y="320"/>
                </a:cubicBezTo>
                <a:cubicBezTo>
                  <a:pt x="42" y="320"/>
                  <a:pt x="42" y="320"/>
                  <a:pt x="42" y="320"/>
                </a:cubicBezTo>
                <a:cubicBezTo>
                  <a:pt x="68" y="386"/>
                  <a:pt x="68" y="386"/>
                  <a:pt x="68" y="386"/>
                </a:cubicBezTo>
                <a:cubicBezTo>
                  <a:pt x="26" y="440"/>
                  <a:pt x="26" y="440"/>
                  <a:pt x="26" y="440"/>
                </a:cubicBezTo>
                <a:cubicBezTo>
                  <a:pt x="23" y="444"/>
                  <a:pt x="23" y="449"/>
                  <a:pt x="25" y="454"/>
                </a:cubicBezTo>
                <a:cubicBezTo>
                  <a:pt x="27" y="458"/>
                  <a:pt x="32" y="461"/>
                  <a:pt x="37" y="461"/>
                </a:cubicBezTo>
                <a:cubicBezTo>
                  <a:pt x="229" y="461"/>
                  <a:pt x="229" y="461"/>
                  <a:pt x="229" y="461"/>
                </a:cubicBezTo>
                <a:cubicBezTo>
                  <a:pt x="234" y="461"/>
                  <a:pt x="238" y="458"/>
                  <a:pt x="240" y="454"/>
                </a:cubicBezTo>
                <a:cubicBezTo>
                  <a:pt x="243" y="449"/>
                  <a:pt x="242" y="443"/>
                  <a:pt x="239" y="439"/>
                </a:cubicBezTo>
                <a:cubicBezTo>
                  <a:pt x="197" y="386"/>
                  <a:pt x="197" y="386"/>
                  <a:pt x="197" y="386"/>
                </a:cubicBezTo>
                <a:cubicBezTo>
                  <a:pt x="223" y="320"/>
                  <a:pt x="223" y="320"/>
                  <a:pt x="223" y="320"/>
                </a:cubicBezTo>
                <a:cubicBezTo>
                  <a:pt x="251" y="320"/>
                  <a:pt x="251" y="320"/>
                  <a:pt x="251" y="320"/>
                </a:cubicBezTo>
                <a:cubicBezTo>
                  <a:pt x="258" y="320"/>
                  <a:pt x="264" y="314"/>
                  <a:pt x="264" y="307"/>
                </a:cubicBezTo>
                <a:cubicBezTo>
                  <a:pt x="264" y="299"/>
                  <a:pt x="258" y="293"/>
                  <a:pt x="251" y="29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Freeform 251"/>
          <p:cNvSpPr>
            <a:spLocks/>
          </p:cNvSpPr>
          <p:nvPr userDrawn="1"/>
        </p:nvSpPr>
        <p:spPr bwMode="auto">
          <a:xfrm>
            <a:off x="5070032" y="1189437"/>
            <a:ext cx="514350" cy="465138"/>
          </a:xfrm>
          <a:custGeom>
            <a:avLst/>
            <a:gdLst/>
            <a:ahLst/>
            <a:cxnLst>
              <a:cxn ang="0">
                <a:pos x="113" y="0"/>
              </a:cxn>
              <a:cxn ang="0">
                <a:pos x="69" y="44"/>
              </a:cxn>
              <a:cxn ang="0">
                <a:pos x="69" y="298"/>
              </a:cxn>
              <a:cxn ang="0">
                <a:pos x="83" y="312"/>
              </a:cxn>
              <a:cxn ang="0">
                <a:pos x="96" y="298"/>
              </a:cxn>
              <a:cxn ang="0">
                <a:pos x="96" y="44"/>
              </a:cxn>
              <a:cxn ang="0">
                <a:pos x="113" y="27"/>
              </a:cxn>
              <a:cxn ang="0">
                <a:pos x="152" y="27"/>
              </a:cxn>
              <a:cxn ang="0">
                <a:pos x="169" y="44"/>
              </a:cxn>
              <a:cxn ang="0">
                <a:pos x="169" y="298"/>
              </a:cxn>
              <a:cxn ang="0">
                <a:pos x="183" y="312"/>
              </a:cxn>
              <a:cxn ang="0">
                <a:pos x="246" y="312"/>
              </a:cxn>
              <a:cxn ang="0">
                <a:pos x="259" y="298"/>
              </a:cxn>
              <a:cxn ang="0">
                <a:pos x="259" y="194"/>
              </a:cxn>
              <a:cxn ang="0">
                <a:pos x="301" y="194"/>
              </a:cxn>
              <a:cxn ang="0">
                <a:pos x="301" y="298"/>
              </a:cxn>
              <a:cxn ang="0">
                <a:pos x="314" y="312"/>
              </a:cxn>
              <a:cxn ang="0">
                <a:pos x="375" y="312"/>
              </a:cxn>
              <a:cxn ang="0">
                <a:pos x="388" y="298"/>
              </a:cxn>
              <a:cxn ang="0">
                <a:pos x="388" y="194"/>
              </a:cxn>
              <a:cxn ang="0">
                <a:pos x="430" y="194"/>
              </a:cxn>
              <a:cxn ang="0">
                <a:pos x="430" y="340"/>
              </a:cxn>
              <a:cxn ang="0">
                <a:pos x="42" y="340"/>
              </a:cxn>
              <a:cxn ang="0">
                <a:pos x="31" y="346"/>
              </a:cxn>
              <a:cxn ang="0">
                <a:pos x="3" y="390"/>
              </a:cxn>
              <a:cxn ang="0">
                <a:pos x="0" y="397"/>
              </a:cxn>
              <a:cxn ang="0">
                <a:pos x="6" y="408"/>
              </a:cxn>
              <a:cxn ang="0">
                <a:pos x="25" y="404"/>
              </a:cxn>
              <a:cxn ang="0">
                <a:pos x="50" y="367"/>
              </a:cxn>
              <a:cxn ang="0">
                <a:pos x="443" y="367"/>
              </a:cxn>
              <a:cxn ang="0">
                <a:pos x="456" y="354"/>
              </a:cxn>
              <a:cxn ang="0">
                <a:pos x="456" y="181"/>
              </a:cxn>
              <a:cxn ang="0">
                <a:pos x="443" y="168"/>
              </a:cxn>
              <a:cxn ang="0">
                <a:pos x="375" y="168"/>
              </a:cxn>
              <a:cxn ang="0">
                <a:pos x="362" y="181"/>
              </a:cxn>
              <a:cxn ang="0">
                <a:pos x="362" y="285"/>
              </a:cxn>
              <a:cxn ang="0">
                <a:pos x="327" y="285"/>
              </a:cxn>
              <a:cxn ang="0">
                <a:pos x="327" y="181"/>
              </a:cxn>
              <a:cxn ang="0">
                <a:pos x="314" y="168"/>
              </a:cxn>
              <a:cxn ang="0">
                <a:pos x="246" y="168"/>
              </a:cxn>
              <a:cxn ang="0">
                <a:pos x="233" y="181"/>
              </a:cxn>
              <a:cxn ang="0">
                <a:pos x="233" y="285"/>
              </a:cxn>
              <a:cxn ang="0">
                <a:pos x="196" y="285"/>
              </a:cxn>
              <a:cxn ang="0">
                <a:pos x="196" y="44"/>
              </a:cxn>
              <a:cxn ang="0">
                <a:pos x="152" y="0"/>
              </a:cxn>
              <a:cxn ang="0">
                <a:pos x="113" y="0"/>
              </a:cxn>
            </a:cxnLst>
            <a:rect l="0" t="0" r="r" b="b"/>
            <a:pathLst>
              <a:path w="456" h="412">
                <a:moveTo>
                  <a:pt x="113" y="0"/>
                </a:moveTo>
                <a:cubicBezTo>
                  <a:pt x="89" y="0"/>
                  <a:pt x="69" y="20"/>
                  <a:pt x="69" y="44"/>
                </a:cubicBezTo>
                <a:cubicBezTo>
                  <a:pt x="69" y="298"/>
                  <a:pt x="69" y="298"/>
                  <a:pt x="69" y="298"/>
                </a:cubicBezTo>
                <a:cubicBezTo>
                  <a:pt x="69" y="306"/>
                  <a:pt x="75" y="312"/>
                  <a:pt x="83" y="312"/>
                </a:cubicBezTo>
                <a:cubicBezTo>
                  <a:pt x="90" y="312"/>
                  <a:pt x="96" y="306"/>
                  <a:pt x="96" y="298"/>
                </a:cubicBezTo>
                <a:cubicBezTo>
                  <a:pt x="96" y="44"/>
                  <a:pt x="96" y="44"/>
                  <a:pt x="96" y="44"/>
                </a:cubicBezTo>
                <a:cubicBezTo>
                  <a:pt x="96" y="34"/>
                  <a:pt x="104" y="27"/>
                  <a:pt x="113" y="27"/>
                </a:cubicBezTo>
                <a:cubicBezTo>
                  <a:pt x="152" y="27"/>
                  <a:pt x="152" y="27"/>
                  <a:pt x="152" y="27"/>
                </a:cubicBezTo>
                <a:cubicBezTo>
                  <a:pt x="162" y="27"/>
                  <a:pt x="169" y="34"/>
                  <a:pt x="169" y="44"/>
                </a:cubicBezTo>
                <a:cubicBezTo>
                  <a:pt x="169" y="298"/>
                  <a:pt x="169" y="298"/>
                  <a:pt x="169" y="298"/>
                </a:cubicBezTo>
                <a:cubicBezTo>
                  <a:pt x="169" y="306"/>
                  <a:pt x="175" y="312"/>
                  <a:pt x="183" y="312"/>
                </a:cubicBezTo>
                <a:cubicBezTo>
                  <a:pt x="246" y="312"/>
                  <a:pt x="246" y="312"/>
                  <a:pt x="246" y="312"/>
                </a:cubicBezTo>
                <a:cubicBezTo>
                  <a:pt x="253" y="312"/>
                  <a:pt x="259" y="306"/>
                  <a:pt x="259" y="298"/>
                </a:cubicBezTo>
                <a:cubicBezTo>
                  <a:pt x="259" y="298"/>
                  <a:pt x="259" y="215"/>
                  <a:pt x="259" y="194"/>
                </a:cubicBezTo>
                <a:cubicBezTo>
                  <a:pt x="272" y="194"/>
                  <a:pt x="288" y="194"/>
                  <a:pt x="301" y="194"/>
                </a:cubicBezTo>
                <a:cubicBezTo>
                  <a:pt x="301" y="215"/>
                  <a:pt x="301" y="298"/>
                  <a:pt x="301" y="298"/>
                </a:cubicBezTo>
                <a:cubicBezTo>
                  <a:pt x="301" y="306"/>
                  <a:pt x="307" y="312"/>
                  <a:pt x="314" y="312"/>
                </a:cubicBezTo>
                <a:cubicBezTo>
                  <a:pt x="375" y="312"/>
                  <a:pt x="375" y="312"/>
                  <a:pt x="375" y="312"/>
                </a:cubicBezTo>
                <a:cubicBezTo>
                  <a:pt x="382" y="312"/>
                  <a:pt x="388" y="306"/>
                  <a:pt x="388" y="298"/>
                </a:cubicBezTo>
                <a:cubicBezTo>
                  <a:pt x="388" y="298"/>
                  <a:pt x="388" y="215"/>
                  <a:pt x="388" y="194"/>
                </a:cubicBezTo>
                <a:cubicBezTo>
                  <a:pt x="401" y="194"/>
                  <a:pt x="417" y="194"/>
                  <a:pt x="430" y="194"/>
                </a:cubicBezTo>
                <a:cubicBezTo>
                  <a:pt x="430" y="215"/>
                  <a:pt x="430" y="320"/>
                  <a:pt x="430" y="340"/>
                </a:cubicBezTo>
                <a:cubicBezTo>
                  <a:pt x="405" y="340"/>
                  <a:pt x="42" y="340"/>
                  <a:pt x="42" y="340"/>
                </a:cubicBezTo>
                <a:cubicBezTo>
                  <a:pt x="38" y="340"/>
                  <a:pt x="34" y="343"/>
                  <a:pt x="31" y="346"/>
                </a:cubicBezTo>
                <a:cubicBezTo>
                  <a:pt x="3" y="390"/>
                  <a:pt x="3" y="390"/>
                  <a:pt x="3" y="390"/>
                </a:cubicBezTo>
                <a:cubicBezTo>
                  <a:pt x="1" y="392"/>
                  <a:pt x="0" y="394"/>
                  <a:pt x="0" y="397"/>
                </a:cubicBezTo>
                <a:cubicBezTo>
                  <a:pt x="0" y="401"/>
                  <a:pt x="2" y="406"/>
                  <a:pt x="6" y="408"/>
                </a:cubicBezTo>
                <a:cubicBezTo>
                  <a:pt x="12" y="412"/>
                  <a:pt x="21" y="411"/>
                  <a:pt x="25" y="404"/>
                </a:cubicBezTo>
                <a:cubicBezTo>
                  <a:pt x="25" y="404"/>
                  <a:pt x="44" y="376"/>
                  <a:pt x="50" y="367"/>
                </a:cubicBezTo>
                <a:cubicBezTo>
                  <a:pt x="63" y="367"/>
                  <a:pt x="443" y="367"/>
                  <a:pt x="443" y="367"/>
                </a:cubicBezTo>
                <a:cubicBezTo>
                  <a:pt x="450" y="367"/>
                  <a:pt x="456" y="361"/>
                  <a:pt x="456" y="354"/>
                </a:cubicBezTo>
                <a:cubicBezTo>
                  <a:pt x="456" y="181"/>
                  <a:pt x="456" y="181"/>
                  <a:pt x="456" y="181"/>
                </a:cubicBezTo>
                <a:cubicBezTo>
                  <a:pt x="456" y="174"/>
                  <a:pt x="450" y="168"/>
                  <a:pt x="443" y="168"/>
                </a:cubicBezTo>
                <a:cubicBezTo>
                  <a:pt x="375" y="168"/>
                  <a:pt x="375" y="168"/>
                  <a:pt x="375" y="168"/>
                </a:cubicBezTo>
                <a:cubicBezTo>
                  <a:pt x="368" y="168"/>
                  <a:pt x="362" y="174"/>
                  <a:pt x="362" y="181"/>
                </a:cubicBezTo>
                <a:cubicBezTo>
                  <a:pt x="362" y="181"/>
                  <a:pt x="362" y="264"/>
                  <a:pt x="362" y="285"/>
                </a:cubicBezTo>
                <a:cubicBezTo>
                  <a:pt x="350" y="285"/>
                  <a:pt x="339" y="285"/>
                  <a:pt x="327" y="285"/>
                </a:cubicBezTo>
                <a:cubicBezTo>
                  <a:pt x="327" y="264"/>
                  <a:pt x="327" y="181"/>
                  <a:pt x="327" y="181"/>
                </a:cubicBezTo>
                <a:cubicBezTo>
                  <a:pt x="327" y="174"/>
                  <a:pt x="321" y="168"/>
                  <a:pt x="314" y="168"/>
                </a:cubicBezTo>
                <a:cubicBezTo>
                  <a:pt x="246" y="168"/>
                  <a:pt x="246" y="168"/>
                  <a:pt x="246" y="168"/>
                </a:cubicBezTo>
                <a:cubicBezTo>
                  <a:pt x="238" y="168"/>
                  <a:pt x="233" y="174"/>
                  <a:pt x="233" y="181"/>
                </a:cubicBezTo>
                <a:cubicBezTo>
                  <a:pt x="233" y="181"/>
                  <a:pt x="233" y="264"/>
                  <a:pt x="233" y="285"/>
                </a:cubicBezTo>
                <a:cubicBezTo>
                  <a:pt x="220" y="285"/>
                  <a:pt x="208" y="285"/>
                  <a:pt x="196" y="285"/>
                </a:cubicBezTo>
                <a:cubicBezTo>
                  <a:pt x="196" y="261"/>
                  <a:pt x="196" y="44"/>
                  <a:pt x="196" y="44"/>
                </a:cubicBezTo>
                <a:cubicBezTo>
                  <a:pt x="196" y="20"/>
                  <a:pt x="176" y="0"/>
                  <a:pt x="152" y="0"/>
                </a:cubicBezTo>
                <a:lnTo>
                  <a:pt x="113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2" name="Freeform 345"/>
          <p:cNvSpPr>
            <a:spLocks/>
          </p:cNvSpPr>
          <p:nvPr userDrawn="1"/>
        </p:nvSpPr>
        <p:spPr bwMode="auto">
          <a:xfrm>
            <a:off x="5069238" y="3083033"/>
            <a:ext cx="515938" cy="330200"/>
          </a:xfrm>
          <a:custGeom>
            <a:avLst/>
            <a:gdLst/>
            <a:ahLst/>
            <a:cxnLst>
              <a:cxn ang="0">
                <a:pos x="0" y="15"/>
              </a:cxn>
              <a:cxn ang="0">
                <a:pos x="68" y="44"/>
              </a:cxn>
              <a:cxn ang="0">
                <a:pos x="21" y="69"/>
              </a:cxn>
              <a:cxn ang="0">
                <a:pos x="0" y="89"/>
              </a:cxn>
              <a:cxn ang="0">
                <a:pos x="14" y="102"/>
              </a:cxn>
              <a:cxn ang="0">
                <a:pos x="322" y="102"/>
              </a:cxn>
              <a:cxn ang="0">
                <a:pos x="430" y="213"/>
              </a:cxn>
              <a:cxn ang="0">
                <a:pos x="300" y="222"/>
              </a:cxn>
              <a:cxn ang="0">
                <a:pos x="291" y="245"/>
              </a:cxn>
              <a:cxn ang="0">
                <a:pos x="282" y="266"/>
              </a:cxn>
              <a:cxn ang="0">
                <a:pos x="274" y="245"/>
              </a:cxn>
              <a:cxn ang="0">
                <a:pos x="265" y="222"/>
              </a:cxn>
              <a:cxn ang="0">
                <a:pos x="187" y="230"/>
              </a:cxn>
              <a:cxn ang="0">
                <a:pos x="195" y="254"/>
              </a:cxn>
              <a:cxn ang="0">
                <a:pos x="170" y="254"/>
              </a:cxn>
              <a:cxn ang="0">
                <a:pos x="177" y="230"/>
              </a:cxn>
              <a:cxn ang="0">
                <a:pos x="101" y="222"/>
              </a:cxn>
              <a:cxn ang="0">
                <a:pos x="92" y="245"/>
              </a:cxn>
              <a:cxn ang="0">
                <a:pos x="83" y="266"/>
              </a:cxn>
              <a:cxn ang="0">
                <a:pos x="75" y="245"/>
              </a:cxn>
              <a:cxn ang="0">
                <a:pos x="65" y="222"/>
              </a:cxn>
              <a:cxn ang="0">
                <a:pos x="0" y="235"/>
              </a:cxn>
              <a:cxn ang="0">
                <a:pos x="45" y="248"/>
              </a:cxn>
              <a:cxn ang="0">
                <a:pos x="83" y="293"/>
              </a:cxn>
              <a:cxn ang="0">
                <a:pos x="122" y="248"/>
              </a:cxn>
              <a:cxn ang="0">
                <a:pos x="143" y="254"/>
              </a:cxn>
              <a:cxn ang="0">
                <a:pos x="221" y="254"/>
              </a:cxn>
              <a:cxn ang="0">
                <a:pos x="244" y="248"/>
              </a:cxn>
              <a:cxn ang="0">
                <a:pos x="282" y="293"/>
              </a:cxn>
              <a:cxn ang="0">
                <a:pos x="321" y="248"/>
              </a:cxn>
              <a:cxn ang="0">
                <a:pos x="434" y="248"/>
              </a:cxn>
              <a:cxn ang="0">
                <a:pos x="409" y="120"/>
              </a:cxn>
              <a:cxn ang="0">
                <a:pos x="322" y="76"/>
              </a:cxn>
              <a:cxn ang="0">
                <a:pos x="64" y="76"/>
              </a:cxn>
              <a:cxn ang="0">
                <a:pos x="118" y="40"/>
              </a:cxn>
              <a:cxn ang="0">
                <a:pos x="108" y="27"/>
              </a:cxn>
              <a:cxn ang="0">
                <a:pos x="1" y="12"/>
              </a:cxn>
            </a:cxnLst>
            <a:rect l="0" t="0" r="r" b="b"/>
            <a:pathLst>
              <a:path w="459" h="293">
                <a:moveTo>
                  <a:pt x="1" y="12"/>
                </a:moveTo>
                <a:cubicBezTo>
                  <a:pt x="1" y="13"/>
                  <a:pt x="0" y="14"/>
                  <a:pt x="0" y="15"/>
                </a:cubicBezTo>
                <a:cubicBezTo>
                  <a:pt x="0" y="21"/>
                  <a:pt x="4" y="26"/>
                  <a:pt x="10" y="28"/>
                </a:cubicBezTo>
                <a:cubicBezTo>
                  <a:pt x="10" y="28"/>
                  <a:pt x="41" y="36"/>
                  <a:pt x="68" y="44"/>
                </a:cubicBezTo>
                <a:cubicBezTo>
                  <a:pt x="63" y="46"/>
                  <a:pt x="58" y="49"/>
                  <a:pt x="53" y="52"/>
                </a:cubicBezTo>
                <a:cubicBezTo>
                  <a:pt x="39" y="59"/>
                  <a:pt x="29" y="64"/>
                  <a:pt x="21" y="69"/>
                </a:cubicBezTo>
                <a:cubicBezTo>
                  <a:pt x="10" y="75"/>
                  <a:pt x="10" y="75"/>
                  <a:pt x="10" y="75"/>
                </a:cubicBezTo>
                <a:cubicBezTo>
                  <a:pt x="7" y="77"/>
                  <a:pt x="0" y="81"/>
                  <a:pt x="0" y="89"/>
                </a:cubicBezTo>
                <a:cubicBezTo>
                  <a:pt x="0" y="89"/>
                  <a:pt x="0" y="90"/>
                  <a:pt x="0" y="90"/>
                </a:cubicBezTo>
                <a:cubicBezTo>
                  <a:pt x="1" y="97"/>
                  <a:pt x="7" y="102"/>
                  <a:pt x="14" y="102"/>
                </a:cubicBezTo>
                <a:cubicBezTo>
                  <a:pt x="27" y="102"/>
                  <a:pt x="160" y="102"/>
                  <a:pt x="249" y="102"/>
                </a:cubicBezTo>
                <a:cubicBezTo>
                  <a:pt x="249" y="102"/>
                  <a:pt x="322" y="102"/>
                  <a:pt x="322" y="102"/>
                </a:cubicBezTo>
                <a:cubicBezTo>
                  <a:pt x="367" y="102"/>
                  <a:pt x="422" y="167"/>
                  <a:pt x="429" y="206"/>
                </a:cubicBezTo>
                <a:cubicBezTo>
                  <a:pt x="430" y="209"/>
                  <a:pt x="430" y="211"/>
                  <a:pt x="430" y="213"/>
                </a:cubicBezTo>
                <a:cubicBezTo>
                  <a:pt x="430" y="219"/>
                  <a:pt x="428" y="221"/>
                  <a:pt x="426" y="222"/>
                </a:cubicBezTo>
                <a:cubicBezTo>
                  <a:pt x="421" y="222"/>
                  <a:pt x="300" y="222"/>
                  <a:pt x="300" y="222"/>
                </a:cubicBezTo>
                <a:cubicBezTo>
                  <a:pt x="295" y="222"/>
                  <a:pt x="290" y="225"/>
                  <a:pt x="288" y="230"/>
                </a:cubicBezTo>
                <a:cubicBezTo>
                  <a:pt x="286" y="235"/>
                  <a:pt x="287" y="241"/>
                  <a:pt x="291" y="245"/>
                </a:cubicBezTo>
                <a:cubicBezTo>
                  <a:pt x="293" y="247"/>
                  <a:pt x="295" y="250"/>
                  <a:pt x="295" y="254"/>
                </a:cubicBezTo>
                <a:cubicBezTo>
                  <a:pt x="295" y="261"/>
                  <a:pt x="289" y="266"/>
                  <a:pt x="282" y="266"/>
                </a:cubicBezTo>
                <a:cubicBezTo>
                  <a:pt x="276" y="266"/>
                  <a:pt x="270" y="261"/>
                  <a:pt x="270" y="254"/>
                </a:cubicBezTo>
                <a:cubicBezTo>
                  <a:pt x="270" y="250"/>
                  <a:pt x="271" y="247"/>
                  <a:pt x="274" y="245"/>
                </a:cubicBezTo>
                <a:cubicBezTo>
                  <a:pt x="278" y="241"/>
                  <a:pt x="279" y="235"/>
                  <a:pt x="277" y="230"/>
                </a:cubicBezTo>
                <a:cubicBezTo>
                  <a:pt x="275" y="225"/>
                  <a:pt x="270" y="222"/>
                  <a:pt x="265" y="222"/>
                </a:cubicBezTo>
                <a:cubicBezTo>
                  <a:pt x="200" y="222"/>
                  <a:pt x="200" y="222"/>
                  <a:pt x="200" y="222"/>
                </a:cubicBezTo>
                <a:cubicBezTo>
                  <a:pt x="194" y="222"/>
                  <a:pt x="189" y="225"/>
                  <a:pt x="187" y="230"/>
                </a:cubicBezTo>
                <a:cubicBezTo>
                  <a:pt x="185" y="235"/>
                  <a:pt x="187" y="241"/>
                  <a:pt x="191" y="245"/>
                </a:cubicBezTo>
                <a:cubicBezTo>
                  <a:pt x="193" y="247"/>
                  <a:pt x="195" y="250"/>
                  <a:pt x="195" y="254"/>
                </a:cubicBezTo>
                <a:cubicBezTo>
                  <a:pt x="195" y="261"/>
                  <a:pt x="189" y="266"/>
                  <a:pt x="182" y="266"/>
                </a:cubicBezTo>
                <a:cubicBezTo>
                  <a:pt x="175" y="266"/>
                  <a:pt x="170" y="261"/>
                  <a:pt x="170" y="254"/>
                </a:cubicBezTo>
                <a:cubicBezTo>
                  <a:pt x="170" y="250"/>
                  <a:pt x="171" y="247"/>
                  <a:pt x="173" y="245"/>
                </a:cubicBezTo>
                <a:cubicBezTo>
                  <a:pt x="177" y="241"/>
                  <a:pt x="179" y="235"/>
                  <a:pt x="177" y="230"/>
                </a:cubicBezTo>
                <a:cubicBezTo>
                  <a:pt x="174" y="225"/>
                  <a:pt x="170" y="222"/>
                  <a:pt x="164" y="222"/>
                </a:cubicBezTo>
                <a:cubicBezTo>
                  <a:pt x="101" y="222"/>
                  <a:pt x="101" y="222"/>
                  <a:pt x="101" y="222"/>
                </a:cubicBezTo>
                <a:cubicBezTo>
                  <a:pt x="96" y="222"/>
                  <a:pt x="91" y="225"/>
                  <a:pt x="89" y="230"/>
                </a:cubicBezTo>
                <a:cubicBezTo>
                  <a:pt x="87" y="235"/>
                  <a:pt x="88" y="241"/>
                  <a:pt x="92" y="245"/>
                </a:cubicBezTo>
                <a:cubicBezTo>
                  <a:pt x="94" y="247"/>
                  <a:pt x="96" y="250"/>
                  <a:pt x="96" y="254"/>
                </a:cubicBezTo>
                <a:cubicBezTo>
                  <a:pt x="96" y="261"/>
                  <a:pt x="90" y="266"/>
                  <a:pt x="83" y="266"/>
                </a:cubicBezTo>
                <a:cubicBezTo>
                  <a:pt x="76" y="266"/>
                  <a:pt x="71" y="261"/>
                  <a:pt x="71" y="254"/>
                </a:cubicBezTo>
                <a:cubicBezTo>
                  <a:pt x="71" y="250"/>
                  <a:pt x="72" y="247"/>
                  <a:pt x="75" y="245"/>
                </a:cubicBezTo>
                <a:cubicBezTo>
                  <a:pt x="79" y="241"/>
                  <a:pt x="80" y="235"/>
                  <a:pt x="78" y="230"/>
                </a:cubicBezTo>
                <a:cubicBezTo>
                  <a:pt x="76" y="225"/>
                  <a:pt x="71" y="222"/>
                  <a:pt x="65" y="222"/>
                </a:cubicBezTo>
                <a:cubicBezTo>
                  <a:pt x="14" y="222"/>
                  <a:pt x="14" y="222"/>
                  <a:pt x="14" y="222"/>
                </a:cubicBezTo>
                <a:cubicBezTo>
                  <a:pt x="6" y="222"/>
                  <a:pt x="0" y="228"/>
                  <a:pt x="0" y="235"/>
                </a:cubicBezTo>
                <a:cubicBezTo>
                  <a:pt x="0" y="243"/>
                  <a:pt x="6" y="248"/>
                  <a:pt x="14" y="248"/>
                </a:cubicBezTo>
                <a:cubicBezTo>
                  <a:pt x="14" y="248"/>
                  <a:pt x="30" y="248"/>
                  <a:pt x="45" y="248"/>
                </a:cubicBezTo>
                <a:cubicBezTo>
                  <a:pt x="44" y="250"/>
                  <a:pt x="44" y="252"/>
                  <a:pt x="44" y="254"/>
                </a:cubicBezTo>
                <a:cubicBezTo>
                  <a:pt x="44" y="275"/>
                  <a:pt x="62" y="293"/>
                  <a:pt x="83" y="293"/>
                </a:cubicBezTo>
                <a:cubicBezTo>
                  <a:pt x="105" y="293"/>
                  <a:pt x="122" y="275"/>
                  <a:pt x="122" y="254"/>
                </a:cubicBezTo>
                <a:cubicBezTo>
                  <a:pt x="122" y="252"/>
                  <a:pt x="122" y="250"/>
                  <a:pt x="122" y="248"/>
                </a:cubicBezTo>
                <a:cubicBezTo>
                  <a:pt x="131" y="248"/>
                  <a:pt x="134" y="248"/>
                  <a:pt x="143" y="248"/>
                </a:cubicBezTo>
                <a:cubicBezTo>
                  <a:pt x="143" y="250"/>
                  <a:pt x="143" y="252"/>
                  <a:pt x="143" y="254"/>
                </a:cubicBezTo>
                <a:cubicBezTo>
                  <a:pt x="143" y="275"/>
                  <a:pt x="161" y="293"/>
                  <a:pt x="182" y="293"/>
                </a:cubicBezTo>
                <a:cubicBezTo>
                  <a:pt x="204" y="293"/>
                  <a:pt x="221" y="275"/>
                  <a:pt x="221" y="254"/>
                </a:cubicBezTo>
                <a:cubicBezTo>
                  <a:pt x="221" y="252"/>
                  <a:pt x="221" y="250"/>
                  <a:pt x="221" y="248"/>
                </a:cubicBezTo>
                <a:cubicBezTo>
                  <a:pt x="231" y="248"/>
                  <a:pt x="234" y="248"/>
                  <a:pt x="244" y="248"/>
                </a:cubicBezTo>
                <a:cubicBezTo>
                  <a:pt x="243" y="250"/>
                  <a:pt x="243" y="252"/>
                  <a:pt x="243" y="254"/>
                </a:cubicBezTo>
                <a:cubicBezTo>
                  <a:pt x="243" y="275"/>
                  <a:pt x="261" y="293"/>
                  <a:pt x="282" y="293"/>
                </a:cubicBezTo>
                <a:cubicBezTo>
                  <a:pt x="304" y="293"/>
                  <a:pt x="322" y="275"/>
                  <a:pt x="322" y="254"/>
                </a:cubicBezTo>
                <a:cubicBezTo>
                  <a:pt x="322" y="252"/>
                  <a:pt x="321" y="250"/>
                  <a:pt x="321" y="248"/>
                </a:cubicBezTo>
                <a:cubicBezTo>
                  <a:pt x="351" y="248"/>
                  <a:pt x="429" y="249"/>
                  <a:pt x="429" y="249"/>
                </a:cubicBezTo>
                <a:cubicBezTo>
                  <a:pt x="431" y="249"/>
                  <a:pt x="432" y="248"/>
                  <a:pt x="434" y="248"/>
                </a:cubicBezTo>
                <a:cubicBezTo>
                  <a:pt x="451" y="241"/>
                  <a:pt x="459" y="224"/>
                  <a:pt x="455" y="201"/>
                </a:cubicBezTo>
                <a:cubicBezTo>
                  <a:pt x="451" y="177"/>
                  <a:pt x="433" y="146"/>
                  <a:pt x="409" y="120"/>
                </a:cubicBezTo>
                <a:cubicBezTo>
                  <a:pt x="392" y="103"/>
                  <a:pt x="359" y="75"/>
                  <a:pt x="322" y="76"/>
                </a:cubicBezTo>
                <a:cubicBezTo>
                  <a:pt x="322" y="76"/>
                  <a:pt x="322" y="76"/>
                  <a:pt x="322" y="76"/>
                </a:cubicBezTo>
                <a:cubicBezTo>
                  <a:pt x="249" y="76"/>
                  <a:pt x="249" y="76"/>
                  <a:pt x="249" y="76"/>
                </a:cubicBezTo>
                <a:cubicBezTo>
                  <a:pt x="191" y="76"/>
                  <a:pt x="114" y="76"/>
                  <a:pt x="64" y="76"/>
                </a:cubicBezTo>
                <a:cubicBezTo>
                  <a:pt x="79" y="68"/>
                  <a:pt x="95" y="60"/>
                  <a:pt x="110" y="51"/>
                </a:cubicBezTo>
                <a:cubicBezTo>
                  <a:pt x="115" y="49"/>
                  <a:pt x="118" y="45"/>
                  <a:pt x="118" y="40"/>
                </a:cubicBezTo>
                <a:cubicBezTo>
                  <a:pt x="118" y="39"/>
                  <a:pt x="118" y="39"/>
                  <a:pt x="118" y="38"/>
                </a:cubicBezTo>
                <a:cubicBezTo>
                  <a:pt x="117" y="33"/>
                  <a:pt x="113" y="28"/>
                  <a:pt x="108" y="27"/>
                </a:cubicBezTo>
                <a:cubicBezTo>
                  <a:pt x="17" y="2"/>
                  <a:pt x="17" y="2"/>
                  <a:pt x="17" y="2"/>
                </a:cubicBezTo>
                <a:cubicBezTo>
                  <a:pt x="10" y="0"/>
                  <a:pt x="3" y="5"/>
                  <a:pt x="1" y="1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3" name="Freeform 349"/>
          <p:cNvSpPr>
            <a:spLocks/>
          </p:cNvSpPr>
          <p:nvPr userDrawn="1"/>
        </p:nvSpPr>
        <p:spPr bwMode="auto">
          <a:xfrm>
            <a:off x="5135913" y="4398455"/>
            <a:ext cx="382588" cy="525462"/>
          </a:xfrm>
          <a:custGeom>
            <a:avLst/>
            <a:gdLst/>
            <a:ahLst/>
            <a:cxnLst>
              <a:cxn ang="0">
                <a:pos x="299" y="75"/>
              </a:cxn>
              <a:cxn ang="0">
                <a:pos x="227" y="20"/>
              </a:cxn>
              <a:cxn ang="0">
                <a:pos x="170" y="0"/>
              </a:cxn>
              <a:cxn ang="0">
                <a:pos x="102" y="30"/>
              </a:cxn>
              <a:cxn ang="0">
                <a:pos x="56" y="67"/>
              </a:cxn>
              <a:cxn ang="0">
                <a:pos x="0" y="151"/>
              </a:cxn>
              <a:cxn ang="0">
                <a:pos x="35" y="222"/>
              </a:cxn>
              <a:cxn ang="0">
                <a:pos x="39" y="274"/>
              </a:cxn>
              <a:cxn ang="0">
                <a:pos x="116" y="325"/>
              </a:cxn>
              <a:cxn ang="0">
                <a:pos x="130" y="323"/>
              </a:cxn>
              <a:cxn ang="0">
                <a:pos x="95" y="440"/>
              </a:cxn>
              <a:cxn ang="0">
                <a:pos x="95" y="466"/>
              </a:cxn>
              <a:cxn ang="0">
                <a:pos x="152" y="462"/>
              </a:cxn>
              <a:cxn ang="0">
                <a:pos x="156" y="306"/>
              </a:cxn>
              <a:cxn ang="0">
                <a:pos x="139" y="293"/>
              </a:cxn>
              <a:cxn ang="0">
                <a:pos x="130" y="296"/>
              </a:cxn>
              <a:cxn ang="0">
                <a:pos x="118" y="298"/>
              </a:cxn>
              <a:cxn ang="0">
                <a:pos x="94" y="293"/>
              </a:cxn>
              <a:cxn ang="0">
                <a:pos x="59" y="241"/>
              </a:cxn>
              <a:cxn ang="0">
                <a:pos x="57" y="206"/>
              </a:cxn>
              <a:cxn ang="0">
                <a:pos x="27" y="151"/>
              </a:cxn>
              <a:cxn ang="0">
                <a:pos x="55" y="97"/>
              </a:cxn>
              <a:cxn ang="0">
                <a:pos x="93" y="86"/>
              </a:cxn>
              <a:cxn ang="0">
                <a:pos x="129" y="41"/>
              </a:cxn>
              <a:cxn ang="0">
                <a:pos x="170" y="26"/>
              </a:cxn>
              <a:cxn ang="0">
                <a:pos x="218" y="48"/>
              </a:cxn>
              <a:cxn ang="0">
                <a:pos x="246" y="86"/>
              </a:cxn>
              <a:cxn ang="0">
                <a:pos x="273" y="91"/>
              </a:cxn>
              <a:cxn ang="0">
                <a:pos x="313" y="151"/>
              </a:cxn>
              <a:cxn ang="0">
                <a:pos x="282" y="206"/>
              </a:cxn>
              <a:cxn ang="0">
                <a:pos x="280" y="241"/>
              </a:cxn>
              <a:cxn ang="0">
                <a:pos x="255" y="288"/>
              </a:cxn>
              <a:cxn ang="0">
                <a:pos x="221" y="298"/>
              </a:cxn>
              <a:cxn ang="0">
                <a:pos x="205" y="294"/>
              </a:cxn>
              <a:cxn ang="0">
                <a:pos x="201" y="293"/>
              </a:cxn>
              <a:cxn ang="0">
                <a:pos x="200" y="293"/>
              </a:cxn>
              <a:cxn ang="0">
                <a:pos x="189" y="296"/>
              </a:cxn>
              <a:cxn ang="0">
                <a:pos x="183" y="453"/>
              </a:cxn>
              <a:cxn ang="0">
                <a:pos x="197" y="466"/>
              </a:cxn>
              <a:cxn ang="0">
                <a:pos x="258" y="453"/>
              </a:cxn>
              <a:cxn ang="0">
                <a:pos x="210" y="440"/>
              </a:cxn>
              <a:cxn ang="0">
                <a:pos x="213" y="324"/>
              </a:cxn>
              <a:cxn ang="0">
                <a:pos x="224" y="324"/>
              </a:cxn>
              <a:cxn ang="0">
                <a:pos x="293" y="288"/>
              </a:cxn>
              <a:cxn ang="0">
                <a:pos x="305" y="222"/>
              </a:cxn>
              <a:cxn ang="0">
                <a:pos x="339" y="151"/>
              </a:cxn>
            </a:cxnLst>
            <a:rect l="0" t="0" r="r" b="b"/>
            <a:pathLst>
              <a:path w="339" h="466">
                <a:moveTo>
                  <a:pt x="332" y="115"/>
                </a:moveTo>
                <a:cubicBezTo>
                  <a:pt x="325" y="99"/>
                  <a:pt x="314" y="85"/>
                  <a:pt x="299" y="75"/>
                </a:cubicBezTo>
                <a:cubicBezTo>
                  <a:pt x="287" y="67"/>
                  <a:pt x="272" y="61"/>
                  <a:pt x="255" y="60"/>
                </a:cubicBezTo>
                <a:cubicBezTo>
                  <a:pt x="250" y="44"/>
                  <a:pt x="240" y="30"/>
                  <a:pt x="227" y="20"/>
                </a:cubicBezTo>
                <a:cubicBezTo>
                  <a:pt x="219" y="14"/>
                  <a:pt x="210" y="9"/>
                  <a:pt x="200" y="5"/>
                </a:cubicBezTo>
                <a:cubicBezTo>
                  <a:pt x="191" y="2"/>
                  <a:pt x="180" y="0"/>
                  <a:pt x="170" y="0"/>
                </a:cubicBezTo>
                <a:cubicBezTo>
                  <a:pt x="159" y="0"/>
                  <a:pt x="149" y="2"/>
                  <a:pt x="139" y="5"/>
                </a:cubicBezTo>
                <a:cubicBezTo>
                  <a:pt x="125" y="10"/>
                  <a:pt x="112" y="19"/>
                  <a:pt x="102" y="30"/>
                </a:cubicBezTo>
                <a:cubicBezTo>
                  <a:pt x="94" y="39"/>
                  <a:pt x="88" y="49"/>
                  <a:pt x="84" y="60"/>
                </a:cubicBezTo>
                <a:cubicBezTo>
                  <a:pt x="74" y="61"/>
                  <a:pt x="65" y="63"/>
                  <a:pt x="56" y="67"/>
                </a:cubicBezTo>
                <a:cubicBezTo>
                  <a:pt x="39" y="74"/>
                  <a:pt x="25" y="85"/>
                  <a:pt x="16" y="100"/>
                </a:cubicBezTo>
                <a:cubicBezTo>
                  <a:pt x="6" y="114"/>
                  <a:pt x="0" y="132"/>
                  <a:pt x="0" y="151"/>
                </a:cubicBezTo>
                <a:cubicBezTo>
                  <a:pt x="0" y="167"/>
                  <a:pt x="4" y="182"/>
                  <a:pt x="12" y="196"/>
                </a:cubicBezTo>
                <a:cubicBezTo>
                  <a:pt x="18" y="206"/>
                  <a:pt x="25" y="215"/>
                  <a:pt x="35" y="222"/>
                </a:cubicBezTo>
                <a:cubicBezTo>
                  <a:pt x="33" y="228"/>
                  <a:pt x="32" y="235"/>
                  <a:pt x="32" y="241"/>
                </a:cubicBezTo>
                <a:cubicBezTo>
                  <a:pt x="32" y="253"/>
                  <a:pt x="35" y="264"/>
                  <a:pt x="39" y="274"/>
                </a:cubicBezTo>
                <a:cubicBezTo>
                  <a:pt x="45" y="289"/>
                  <a:pt x="56" y="301"/>
                  <a:pt x="69" y="310"/>
                </a:cubicBezTo>
                <a:cubicBezTo>
                  <a:pt x="82" y="319"/>
                  <a:pt x="99" y="325"/>
                  <a:pt x="116" y="325"/>
                </a:cubicBezTo>
                <a:cubicBezTo>
                  <a:pt x="118" y="325"/>
                  <a:pt x="119" y="324"/>
                  <a:pt x="121" y="324"/>
                </a:cubicBezTo>
                <a:cubicBezTo>
                  <a:pt x="124" y="324"/>
                  <a:pt x="127" y="324"/>
                  <a:pt x="130" y="323"/>
                </a:cubicBezTo>
                <a:cubicBezTo>
                  <a:pt x="130" y="440"/>
                  <a:pt x="130" y="440"/>
                  <a:pt x="130" y="440"/>
                </a:cubicBezTo>
                <a:cubicBezTo>
                  <a:pt x="95" y="440"/>
                  <a:pt x="95" y="440"/>
                  <a:pt x="95" y="440"/>
                </a:cubicBezTo>
                <a:cubicBezTo>
                  <a:pt x="88" y="440"/>
                  <a:pt x="82" y="446"/>
                  <a:pt x="82" y="453"/>
                </a:cubicBezTo>
                <a:cubicBezTo>
                  <a:pt x="82" y="460"/>
                  <a:pt x="88" y="466"/>
                  <a:pt x="95" y="466"/>
                </a:cubicBezTo>
                <a:cubicBezTo>
                  <a:pt x="143" y="466"/>
                  <a:pt x="143" y="466"/>
                  <a:pt x="143" y="466"/>
                </a:cubicBezTo>
                <a:cubicBezTo>
                  <a:pt x="146" y="466"/>
                  <a:pt x="150" y="465"/>
                  <a:pt x="152" y="462"/>
                </a:cubicBezTo>
                <a:cubicBezTo>
                  <a:pt x="155" y="460"/>
                  <a:pt x="156" y="456"/>
                  <a:pt x="156" y="453"/>
                </a:cubicBezTo>
                <a:cubicBezTo>
                  <a:pt x="156" y="306"/>
                  <a:pt x="156" y="306"/>
                  <a:pt x="156" y="306"/>
                </a:cubicBezTo>
                <a:cubicBezTo>
                  <a:pt x="156" y="302"/>
                  <a:pt x="154" y="298"/>
                  <a:pt x="151" y="296"/>
                </a:cubicBezTo>
                <a:cubicBezTo>
                  <a:pt x="148" y="293"/>
                  <a:pt x="143" y="292"/>
                  <a:pt x="139" y="293"/>
                </a:cubicBezTo>
                <a:cubicBezTo>
                  <a:pt x="139" y="293"/>
                  <a:pt x="139" y="293"/>
                  <a:pt x="139" y="293"/>
                </a:cubicBezTo>
                <a:cubicBezTo>
                  <a:pt x="139" y="293"/>
                  <a:pt x="135" y="295"/>
                  <a:pt x="130" y="296"/>
                </a:cubicBezTo>
                <a:cubicBezTo>
                  <a:pt x="127" y="296"/>
                  <a:pt x="124" y="297"/>
                  <a:pt x="122" y="297"/>
                </a:cubicBezTo>
                <a:cubicBezTo>
                  <a:pt x="121" y="297"/>
                  <a:pt x="119" y="298"/>
                  <a:pt x="118" y="298"/>
                </a:cubicBezTo>
                <a:cubicBezTo>
                  <a:pt x="117" y="298"/>
                  <a:pt x="116" y="298"/>
                  <a:pt x="116" y="298"/>
                </a:cubicBezTo>
                <a:cubicBezTo>
                  <a:pt x="108" y="298"/>
                  <a:pt x="100" y="296"/>
                  <a:pt x="94" y="293"/>
                </a:cubicBezTo>
                <a:cubicBezTo>
                  <a:pt x="84" y="289"/>
                  <a:pt x="75" y="282"/>
                  <a:pt x="69" y="273"/>
                </a:cubicBezTo>
                <a:cubicBezTo>
                  <a:pt x="63" y="264"/>
                  <a:pt x="59" y="253"/>
                  <a:pt x="59" y="241"/>
                </a:cubicBezTo>
                <a:cubicBezTo>
                  <a:pt x="59" y="234"/>
                  <a:pt x="60" y="228"/>
                  <a:pt x="63" y="221"/>
                </a:cubicBezTo>
                <a:cubicBezTo>
                  <a:pt x="65" y="216"/>
                  <a:pt x="62" y="209"/>
                  <a:pt x="57" y="206"/>
                </a:cubicBezTo>
                <a:cubicBezTo>
                  <a:pt x="48" y="200"/>
                  <a:pt x="40" y="192"/>
                  <a:pt x="35" y="183"/>
                </a:cubicBezTo>
                <a:cubicBezTo>
                  <a:pt x="30" y="173"/>
                  <a:pt x="27" y="162"/>
                  <a:pt x="27" y="151"/>
                </a:cubicBezTo>
                <a:cubicBezTo>
                  <a:pt x="27" y="142"/>
                  <a:pt x="29" y="133"/>
                  <a:pt x="32" y="126"/>
                </a:cubicBezTo>
                <a:cubicBezTo>
                  <a:pt x="37" y="114"/>
                  <a:pt x="45" y="104"/>
                  <a:pt x="55" y="97"/>
                </a:cubicBezTo>
                <a:cubicBezTo>
                  <a:pt x="65" y="90"/>
                  <a:pt x="78" y="86"/>
                  <a:pt x="91" y="86"/>
                </a:cubicBezTo>
                <a:cubicBezTo>
                  <a:pt x="92" y="86"/>
                  <a:pt x="93" y="86"/>
                  <a:pt x="93" y="86"/>
                </a:cubicBezTo>
                <a:cubicBezTo>
                  <a:pt x="100" y="87"/>
                  <a:pt x="105" y="82"/>
                  <a:pt x="107" y="76"/>
                </a:cubicBezTo>
                <a:cubicBezTo>
                  <a:pt x="110" y="62"/>
                  <a:pt x="118" y="49"/>
                  <a:pt x="129" y="41"/>
                </a:cubicBezTo>
                <a:cubicBezTo>
                  <a:pt x="135" y="36"/>
                  <a:pt x="141" y="33"/>
                  <a:pt x="148" y="30"/>
                </a:cubicBezTo>
                <a:cubicBezTo>
                  <a:pt x="155" y="28"/>
                  <a:pt x="162" y="26"/>
                  <a:pt x="170" y="26"/>
                </a:cubicBezTo>
                <a:cubicBezTo>
                  <a:pt x="177" y="26"/>
                  <a:pt x="185" y="28"/>
                  <a:pt x="191" y="30"/>
                </a:cubicBezTo>
                <a:cubicBezTo>
                  <a:pt x="202" y="34"/>
                  <a:pt x="211" y="40"/>
                  <a:pt x="218" y="48"/>
                </a:cubicBezTo>
                <a:cubicBezTo>
                  <a:pt x="225" y="56"/>
                  <a:pt x="230" y="65"/>
                  <a:pt x="232" y="76"/>
                </a:cubicBezTo>
                <a:cubicBezTo>
                  <a:pt x="234" y="82"/>
                  <a:pt x="240" y="87"/>
                  <a:pt x="246" y="86"/>
                </a:cubicBezTo>
                <a:cubicBezTo>
                  <a:pt x="247" y="86"/>
                  <a:pt x="248" y="86"/>
                  <a:pt x="248" y="86"/>
                </a:cubicBezTo>
                <a:cubicBezTo>
                  <a:pt x="257" y="86"/>
                  <a:pt x="266" y="88"/>
                  <a:pt x="273" y="91"/>
                </a:cubicBezTo>
                <a:cubicBezTo>
                  <a:pt x="285" y="96"/>
                  <a:pt x="295" y="104"/>
                  <a:pt x="302" y="115"/>
                </a:cubicBezTo>
                <a:cubicBezTo>
                  <a:pt x="309" y="125"/>
                  <a:pt x="313" y="137"/>
                  <a:pt x="313" y="151"/>
                </a:cubicBezTo>
                <a:cubicBezTo>
                  <a:pt x="313" y="162"/>
                  <a:pt x="310" y="173"/>
                  <a:pt x="304" y="183"/>
                </a:cubicBezTo>
                <a:cubicBezTo>
                  <a:pt x="299" y="192"/>
                  <a:pt x="292" y="200"/>
                  <a:pt x="282" y="206"/>
                </a:cubicBezTo>
                <a:cubicBezTo>
                  <a:pt x="277" y="209"/>
                  <a:pt x="275" y="216"/>
                  <a:pt x="277" y="221"/>
                </a:cubicBezTo>
                <a:cubicBezTo>
                  <a:pt x="279" y="228"/>
                  <a:pt x="280" y="234"/>
                  <a:pt x="280" y="241"/>
                </a:cubicBezTo>
                <a:cubicBezTo>
                  <a:pt x="280" y="249"/>
                  <a:pt x="279" y="256"/>
                  <a:pt x="276" y="263"/>
                </a:cubicBezTo>
                <a:cubicBezTo>
                  <a:pt x="272" y="273"/>
                  <a:pt x="265" y="282"/>
                  <a:pt x="255" y="288"/>
                </a:cubicBezTo>
                <a:cubicBezTo>
                  <a:pt x="246" y="294"/>
                  <a:pt x="236" y="298"/>
                  <a:pt x="224" y="298"/>
                </a:cubicBezTo>
                <a:cubicBezTo>
                  <a:pt x="223" y="298"/>
                  <a:pt x="222" y="298"/>
                  <a:pt x="221" y="298"/>
                </a:cubicBezTo>
                <a:cubicBezTo>
                  <a:pt x="219" y="297"/>
                  <a:pt x="217" y="297"/>
                  <a:pt x="215" y="297"/>
                </a:cubicBezTo>
                <a:cubicBezTo>
                  <a:pt x="211" y="296"/>
                  <a:pt x="207" y="295"/>
                  <a:pt x="205" y="294"/>
                </a:cubicBezTo>
                <a:cubicBezTo>
                  <a:pt x="203" y="294"/>
                  <a:pt x="202" y="294"/>
                  <a:pt x="202" y="294"/>
                </a:cubicBezTo>
                <a:cubicBezTo>
                  <a:pt x="201" y="294"/>
                  <a:pt x="201" y="293"/>
                  <a:pt x="201" y="293"/>
                </a:cubicBezTo>
                <a:cubicBezTo>
                  <a:pt x="200" y="293"/>
                  <a:pt x="200" y="293"/>
                  <a:pt x="200" y="293"/>
                </a:cubicBezTo>
                <a:cubicBezTo>
                  <a:pt x="200" y="293"/>
                  <a:pt x="200" y="293"/>
                  <a:pt x="200" y="293"/>
                </a:cubicBezTo>
                <a:cubicBezTo>
                  <a:pt x="200" y="293"/>
                  <a:pt x="200" y="293"/>
                  <a:pt x="200" y="293"/>
                </a:cubicBezTo>
                <a:cubicBezTo>
                  <a:pt x="196" y="292"/>
                  <a:pt x="192" y="293"/>
                  <a:pt x="189" y="296"/>
                </a:cubicBezTo>
                <a:cubicBezTo>
                  <a:pt x="185" y="298"/>
                  <a:pt x="183" y="302"/>
                  <a:pt x="183" y="306"/>
                </a:cubicBezTo>
                <a:cubicBezTo>
                  <a:pt x="183" y="453"/>
                  <a:pt x="183" y="453"/>
                  <a:pt x="183" y="453"/>
                </a:cubicBezTo>
                <a:cubicBezTo>
                  <a:pt x="183" y="456"/>
                  <a:pt x="185" y="460"/>
                  <a:pt x="187" y="462"/>
                </a:cubicBezTo>
                <a:cubicBezTo>
                  <a:pt x="190" y="465"/>
                  <a:pt x="193" y="466"/>
                  <a:pt x="197" y="466"/>
                </a:cubicBezTo>
                <a:cubicBezTo>
                  <a:pt x="244" y="466"/>
                  <a:pt x="244" y="466"/>
                  <a:pt x="244" y="466"/>
                </a:cubicBezTo>
                <a:cubicBezTo>
                  <a:pt x="252" y="466"/>
                  <a:pt x="258" y="460"/>
                  <a:pt x="258" y="453"/>
                </a:cubicBezTo>
                <a:cubicBezTo>
                  <a:pt x="258" y="446"/>
                  <a:pt x="252" y="440"/>
                  <a:pt x="244" y="440"/>
                </a:cubicBezTo>
                <a:cubicBezTo>
                  <a:pt x="210" y="440"/>
                  <a:pt x="210" y="440"/>
                  <a:pt x="210" y="440"/>
                </a:cubicBezTo>
                <a:cubicBezTo>
                  <a:pt x="210" y="323"/>
                  <a:pt x="210" y="323"/>
                  <a:pt x="210" y="323"/>
                </a:cubicBezTo>
                <a:cubicBezTo>
                  <a:pt x="211" y="323"/>
                  <a:pt x="212" y="323"/>
                  <a:pt x="213" y="324"/>
                </a:cubicBezTo>
                <a:cubicBezTo>
                  <a:pt x="215" y="324"/>
                  <a:pt x="217" y="324"/>
                  <a:pt x="219" y="324"/>
                </a:cubicBezTo>
                <a:cubicBezTo>
                  <a:pt x="220" y="324"/>
                  <a:pt x="222" y="324"/>
                  <a:pt x="224" y="324"/>
                </a:cubicBezTo>
                <a:cubicBezTo>
                  <a:pt x="235" y="324"/>
                  <a:pt x="246" y="322"/>
                  <a:pt x="256" y="318"/>
                </a:cubicBezTo>
                <a:cubicBezTo>
                  <a:pt x="271" y="312"/>
                  <a:pt x="284" y="301"/>
                  <a:pt x="293" y="288"/>
                </a:cubicBezTo>
                <a:cubicBezTo>
                  <a:pt x="302" y="274"/>
                  <a:pt x="307" y="258"/>
                  <a:pt x="307" y="241"/>
                </a:cubicBezTo>
                <a:cubicBezTo>
                  <a:pt x="307" y="235"/>
                  <a:pt x="306" y="228"/>
                  <a:pt x="305" y="222"/>
                </a:cubicBezTo>
                <a:cubicBezTo>
                  <a:pt x="314" y="215"/>
                  <a:pt x="322" y="206"/>
                  <a:pt x="328" y="196"/>
                </a:cubicBezTo>
                <a:cubicBezTo>
                  <a:pt x="335" y="182"/>
                  <a:pt x="339" y="167"/>
                  <a:pt x="339" y="151"/>
                </a:cubicBezTo>
                <a:cubicBezTo>
                  <a:pt x="339" y="138"/>
                  <a:pt x="337" y="126"/>
                  <a:pt x="332" y="11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4" name="Freeform 369"/>
          <p:cNvSpPr>
            <a:spLocks/>
          </p:cNvSpPr>
          <p:nvPr userDrawn="1"/>
        </p:nvSpPr>
        <p:spPr bwMode="auto">
          <a:xfrm>
            <a:off x="5251007" y="2397342"/>
            <a:ext cx="152400" cy="488950"/>
          </a:xfrm>
          <a:custGeom>
            <a:avLst/>
            <a:gdLst/>
            <a:ahLst/>
            <a:cxnLst>
              <a:cxn ang="0">
                <a:pos x="80" y="356"/>
              </a:cxn>
              <a:cxn ang="0">
                <a:pos x="80" y="333"/>
              </a:cxn>
              <a:cxn ang="0">
                <a:pos x="131" y="280"/>
              </a:cxn>
              <a:cxn ang="0">
                <a:pos x="131" y="53"/>
              </a:cxn>
              <a:cxn ang="0">
                <a:pos x="78" y="0"/>
              </a:cxn>
              <a:cxn ang="0">
                <a:pos x="54" y="0"/>
              </a:cxn>
              <a:cxn ang="0">
                <a:pos x="0" y="53"/>
              </a:cxn>
              <a:cxn ang="0">
                <a:pos x="0" y="280"/>
              </a:cxn>
              <a:cxn ang="0">
                <a:pos x="16" y="318"/>
              </a:cxn>
              <a:cxn ang="0">
                <a:pos x="35" y="318"/>
              </a:cxn>
              <a:cxn ang="0">
                <a:pos x="35" y="299"/>
              </a:cxn>
              <a:cxn ang="0">
                <a:pos x="27" y="280"/>
              </a:cxn>
              <a:cxn ang="0">
                <a:pos x="27" y="255"/>
              </a:cxn>
              <a:cxn ang="0">
                <a:pos x="54" y="263"/>
              </a:cxn>
              <a:cxn ang="0">
                <a:pos x="77" y="263"/>
              </a:cxn>
              <a:cxn ang="0">
                <a:pos x="91" y="249"/>
              </a:cxn>
              <a:cxn ang="0">
                <a:pos x="77" y="236"/>
              </a:cxn>
              <a:cxn ang="0">
                <a:pos x="54" y="236"/>
              </a:cxn>
              <a:cxn ang="0">
                <a:pos x="35" y="228"/>
              </a:cxn>
              <a:cxn ang="0">
                <a:pos x="27" y="209"/>
              </a:cxn>
              <a:cxn ang="0">
                <a:pos x="27" y="206"/>
              </a:cxn>
              <a:cxn ang="0">
                <a:pos x="27" y="177"/>
              </a:cxn>
              <a:cxn ang="0">
                <a:pos x="54" y="184"/>
              </a:cxn>
              <a:cxn ang="0">
                <a:pos x="77" y="184"/>
              </a:cxn>
              <a:cxn ang="0">
                <a:pos x="91" y="171"/>
              </a:cxn>
              <a:cxn ang="0">
                <a:pos x="77" y="157"/>
              </a:cxn>
              <a:cxn ang="0">
                <a:pos x="54" y="157"/>
              </a:cxn>
              <a:cxn ang="0">
                <a:pos x="35" y="149"/>
              </a:cxn>
              <a:cxn ang="0">
                <a:pos x="27" y="131"/>
              </a:cxn>
              <a:cxn ang="0">
                <a:pos x="27" y="128"/>
              </a:cxn>
              <a:cxn ang="0">
                <a:pos x="27" y="97"/>
              </a:cxn>
              <a:cxn ang="0">
                <a:pos x="54" y="104"/>
              </a:cxn>
              <a:cxn ang="0">
                <a:pos x="77" y="104"/>
              </a:cxn>
              <a:cxn ang="0">
                <a:pos x="91" y="91"/>
              </a:cxn>
              <a:cxn ang="0">
                <a:pos x="77" y="77"/>
              </a:cxn>
              <a:cxn ang="0">
                <a:pos x="54" y="77"/>
              </a:cxn>
              <a:cxn ang="0">
                <a:pos x="35" y="69"/>
              </a:cxn>
              <a:cxn ang="0">
                <a:pos x="27" y="51"/>
              </a:cxn>
              <a:cxn ang="0">
                <a:pos x="27" y="50"/>
              </a:cxn>
              <a:cxn ang="0">
                <a:pos x="54" y="27"/>
              </a:cxn>
              <a:cxn ang="0">
                <a:pos x="78" y="27"/>
              </a:cxn>
              <a:cxn ang="0">
                <a:pos x="104" y="53"/>
              </a:cxn>
              <a:cxn ang="0">
                <a:pos x="104" y="280"/>
              </a:cxn>
              <a:cxn ang="0">
                <a:pos x="78" y="307"/>
              </a:cxn>
              <a:cxn ang="0">
                <a:pos x="71" y="307"/>
              </a:cxn>
              <a:cxn ang="0">
                <a:pos x="69" y="307"/>
              </a:cxn>
              <a:cxn ang="0">
                <a:pos x="67" y="307"/>
              </a:cxn>
              <a:cxn ang="0">
                <a:pos x="53" y="320"/>
              </a:cxn>
              <a:cxn ang="0">
                <a:pos x="53" y="368"/>
              </a:cxn>
              <a:cxn ang="0">
                <a:pos x="61" y="380"/>
              </a:cxn>
              <a:cxn ang="0">
                <a:pos x="68" y="382"/>
              </a:cxn>
              <a:cxn ang="0">
                <a:pos x="107" y="394"/>
              </a:cxn>
              <a:cxn ang="0">
                <a:pos x="68" y="406"/>
              </a:cxn>
              <a:cxn ang="0">
                <a:pos x="29" y="394"/>
              </a:cxn>
              <a:cxn ang="0">
                <a:pos x="39" y="387"/>
              </a:cxn>
              <a:cxn ang="0">
                <a:pos x="46" y="370"/>
              </a:cxn>
              <a:cxn ang="0">
                <a:pos x="29" y="362"/>
              </a:cxn>
              <a:cxn ang="0">
                <a:pos x="2" y="394"/>
              </a:cxn>
              <a:cxn ang="0">
                <a:pos x="68" y="433"/>
              </a:cxn>
              <a:cxn ang="0">
                <a:pos x="134" y="394"/>
              </a:cxn>
              <a:cxn ang="0">
                <a:pos x="80" y="356"/>
              </a:cxn>
            </a:cxnLst>
            <a:rect l="0" t="0" r="r" b="b"/>
            <a:pathLst>
              <a:path w="134" h="433">
                <a:moveTo>
                  <a:pt x="80" y="356"/>
                </a:moveTo>
                <a:cubicBezTo>
                  <a:pt x="80" y="333"/>
                  <a:pt x="80" y="333"/>
                  <a:pt x="80" y="333"/>
                </a:cubicBezTo>
                <a:cubicBezTo>
                  <a:pt x="108" y="332"/>
                  <a:pt x="131" y="309"/>
                  <a:pt x="131" y="280"/>
                </a:cubicBezTo>
                <a:cubicBezTo>
                  <a:pt x="131" y="53"/>
                  <a:pt x="131" y="53"/>
                  <a:pt x="131" y="53"/>
                </a:cubicBezTo>
                <a:cubicBezTo>
                  <a:pt x="131" y="24"/>
                  <a:pt x="107" y="0"/>
                  <a:pt x="78" y="0"/>
                </a:cubicBezTo>
                <a:cubicBezTo>
                  <a:pt x="54" y="0"/>
                  <a:pt x="54" y="0"/>
                  <a:pt x="54" y="0"/>
                </a:cubicBezTo>
                <a:cubicBezTo>
                  <a:pt x="24" y="0"/>
                  <a:pt x="0" y="24"/>
                  <a:pt x="0" y="53"/>
                </a:cubicBezTo>
                <a:cubicBezTo>
                  <a:pt x="0" y="280"/>
                  <a:pt x="0" y="280"/>
                  <a:pt x="0" y="280"/>
                </a:cubicBezTo>
                <a:cubicBezTo>
                  <a:pt x="0" y="294"/>
                  <a:pt x="6" y="308"/>
                  <a:pt x="16" y="318"/>
                </a:cubicBezTo>
                <a:cubicBezTo>
                  <a:pt x="21" y="323"/>
                  <a:pt x="30" y="323"/>
                  <a:pt x="35" y="318"/>
                </a:cubicBezTo>
                <a:cubicBezTo>
                  <a:pt x="40" y="313"/>
                  <a:pt x="40" y="304"/>
                  <a:pt x="35" y="299"/>
                </a:cubicBezTo>
                <a:cubicBezTo>
                  <a:pt x="29" y="294"/>
                  <a:pt x="27" y="287"/>
                  <a:pt x="27" y="280"/>
                </a:cubicBezTo>
                <a:cubicBezTo>
                  <a:pt x="27" y="255"/>
                  <a:pt x="27" y="255"/>
                  <a:pt x="27" y="255"/>
                </a:cubicBezTo>
                <a:cubicBezTo>
                  <a:pt x="35" y="260"/>
                  <a:pt x="44" y="263"/>
                  <a:pt x="54" y="263"/>
                </a:cubicBezTo>
                <a:cubicBezTo>
                  <a:pt x="77" y="263"/>
                  <a:pt x="77" y="263"/>
                  <a:pt x="77" y="263"/>
                </a:cubicBezTo>
                <a:cubicBezTo>
                  <a:pt x="85" y="263"/>
                  <a:pt x="91" y="257"/>
                  <a:pt x="91" y="249"/>
                </a:cubicBezTo>
                <a:cubicBezTo>
                  <a:pt x="91" y="242"/>
                  <a:pt x="85" y="236"/>
                  <a:pt x="77" y="236"/>
                </a:cubicBezTo>
                <a:cubicBezTo>
                  <a:pt x="54" y="236"/>
                  <a:pt x="54" y="236"/>
                  <a:pt x="54" y="236"/>
                </a:cubicBezTo>
                <a:cubicBezTo>
                  <a:pt x="47" y="236"/>
                  <a:pt x="40" y="233"/>
                  <a:pt x="35" y="228"/>
                </a:cubicBezTo>
                <a:cubicBezTo>
                  <a:pt x="30" y="223"/>
                  <a:pt x="27" y="216"/>
                  <a:pt x="27" y="209"/>
                </a:cubicBezTo>
                <a:cubicBezTo>
                  <a:pt x="27" y="208"/>
                  <a:pt x="27" y="207"/>
                  <a:pt x="27" y="206"/>
                </a:cubicBezTo>
                <a:cubicBezTo>
                  <a:pt x="27" y="177"/>
                  <a:pt x="27" y="177"/>
                  <a:pt x="27" y="177"/>
                </a:cubicBezTo>
                <a:cubicBezTo>
                  <a:pt x="35" y="181"/>
                  <a:pt x="44" y="184"/>
                  <a:pt x="54" y="184"/>
                </a:cubicBezTo>
                <a:cubicBezTo>
                  <a:pt x="77" y="184"/>
                  <a:pt x="77" y="184"/>
                  <a:pt x="77" y="184"/>
                </a:cubicBezTo>
                <a:cubicBezTo>
                  <a:pt x="85" y="184"/>
                  <a:pt x="91" y="178"/>
                  <a:pt x="91" y="171"/>
                </a:cubicBezTo>
                <a:cubicBezTo>
                  <a:pt x="91" y="163"/>
                  <a:pt x="85" y="157"/>
                  <a:pt x="77" y="157"/>
                </a:cubicBezTo>
                <a:cubicBezTo>
                  <a:pt x="54" y="157"/>
                  <a:pt x="54" y="157"/>
                  <a:pt x="54" y="157"/>
                </a:cubicBezTo>
                <a:cubicBezTo>
                  <a:pt x="47" y="157"/>
                  <a:pt x="40" y="155"/>
                  <a:pt x="35" y="149"/>
                </a:cubicBezTo>
                <a:cubicBezTo>
                  <a:pt x="30" y="144"/>
                  <a:pt x="27" y="138"/>
                  <a:pt x="27" y="131"/>
                </a:cubicBezTo>
                <a:cubicBezTo>
                  <a:pt x="27" y="130"/>
                  <a:pt x="27" y="129"/>
                  <a:pt x="27" y="128"/>
                </a:cubicBezTo>
                <a:cubicBezTo>
                  <a:pt x="27" y="97"/>
                  <a:pt x="27" y="97"/>
                  <a:pt x="27" y="97"/>
                </a:cubicBezTo>
                <a:cubicBezTo>
                  <a:pt x="35" y="101"/>
                  <a:pt x="44" y="104"/>
                  <a:pt x="54" y="104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5" y="104"/>
                  <a:pt x="91" y="98"/>
                  <a:pt x="91" y="91"/>
                </a:cubicBezTo>
                <a:cubicBezTo>
                  <a:pt x="91" y="83"/>
                  <a:pt x="85" y="77"/>
                  <a:pt x="77" y="77"/>
                </a:cubicBezTo>
                <a:cubicBezTo>
                  <a:pt x="54" y="77"/>
                  <a:pt x="54" y="77"/>
                  <a:pt x="54" y="77"/>
                </a:cubicBezTo>
                <a:cubicBezTo>
                  <a:pt x="47" y="77"/>
                  <a:pt x="40" y="75"/>
                  <a:pt x="35" y="69"/>
                </a:cubicBezTo>
                <a:cubicBezTo>
                  <a:pt x="30" y="64"/>
                  <a:pt x="27" y="58"/>
                  <a:pt x="27" y="51"/>
                </a:cubicBezTo>
                <a:cubicBezTo>
                  <a:pt x="27" y="50"/>
                  <a:pt x="27" y="50"/>
                  <a:pt x="27" y="50"/>
                </a:cubicBezTo>
                <a:cubicBezTo>
                  <a:pt x="29" y="37"/>
                  <a:pt x="40" y="27"/>
                  <a:pt x="54" y="27"/>
                </a:cubicBezTo>
                <a:cubicBezTo>
                  <a:pt x="78" y="27"/>
                  <a:pt x="78" y="27"/>
                  <a:pt x="78" y="27"/>
                </a:cubicBezTo>
                <a:cubicBezTo>
                  <a:pt x="93" y="27"/>
                  <a:pt x="104" y="38"/>
                  <a:pt x="104" y="53"/>
                </a:cubicBezTo>
                <a:cubicBezTo>
                  <a:pt x="104" y="280"/>
                  <a:pt x="104" y="280"/>
                  <a:pt x="104" y="280"/>
                </a:cubicBezTo>
                <a:cubicBezTo>
                  <a:pt x="104" y="295"/>
                  <a:pt x="93" y="307"/>
                  <a:pt x="78" y="307"/>
                </a:cubicBezTo>
                <a:cubicBezTo>
                  <a:pt x="71" y="307"/>
                  <a:pt x="71" y="307"/>
                  <a:pt x="71" y="307"/>
                </a:cubicBezTo>
                <a:cubicBezTo>
                  <a:pt x="70" y="307"/>
                  <a:pt x="69" y="307"/>
                  <a:pt x="69" y="307"/>
                </a:cubicBezTo>
                <a:cubicBezTo>
                  <a:pt x="68" y="307"/>
                  <a:pt x="67" y="307"/>
                  <a:pt x="67" y="307"/>
                </a:cubicBezTo>
                <a:cubicBezTo>
                  <a:pt x="59" y="307"/>
                  <a:pt x="53" y="313"/>
                  <a:pt x="53" y="320"/>
                </a:cubicBezTo>
                <a:cubicBezTo>
                  <a:pt x="53" y="368"/>
                  <a:pt x="53" y="368"/>
                  <a:pt x="53" y="368"/>
                </a:cubicBezTo>
                <a:cubicBezTo>
                  <a:pt x="53" y="374"/>
                  <a:pt x="57" y="378"/>
                  <a:pt x="61" y="380"/>
                </a:cubicBezTo>
                <a:cubicBezTo>
                  <a:pt x="63" y="381"/>
                  <a:pt x="66" y="382"/>
                  <a:pt x="68" y="382"/>
                </a:cubicBezTo>
                <a:cubicBezTo>
                  <a:pt x="92" y="382"/>
                  <a:pt x="106" y="391"/>
                  <a:pt x="107" y="394"/>
                </a:cubicBezTo>
                <a:cubicBezTo>
                  <a:pt x="106" y="397"/>
                  <a:pt x="92" y="406"/>
                  <a:pt x="68" y="406"/>
                </a:cubicBezTo>
                <a:cubicBezTo>
                  <a:pt x="44" y="406"/>
                  <a:pt x="30" y="398"/>
                  <a:pt x="29" y="394"/>
                </a:cubicBezTo>
                <a:cubicBezTo>
                  <a:pt x="29" y="393"/>
                  <a:pt x="32" y="390"/>
                  <a:pt x="39" y="387"/>
                </a:cubicBezTo>
                <a:cubicBezTo>
                  <a:pt x="46" y="384"/>
                  <a:pt x="49" y="376"/>
                  <a:pt x="46" y="370"/>
                </a:cubicBezTo>
                <a:cubicBezTo>
                  <a:pt x="43" y="363"/>
                  <a:pt x="36" y="360"/>
                  <a:pt x="29" y="362"/>
                </a:cubicBezTo>
                <a:cubicBezTo>
                  <a:pt x="12" y="369"/>
                  <a:pt x="2" y="381"/>
                  <a:pt x="2" y="394"/>
                </a:cubicBezTo>
                <a:cubicBezTo>
                  <a:pt x="2" y="416"/>
                  <a:pt x="30" y="433"/>
                  <a:pt x="68" y="433"/>
                </a:cubicBezTo>
                <a:cubicBezTo>
                  <a:pt x="106" y="433"/>
                  <a:pt x="134" y="416"/>
                  <a:pt x="134" y="394"/>
                </a:cubicBezTo>
                <a:cubicBezTo>
                  <a:pt x="134" y="374"/>
                  <a:pt x="112" y="359"/>
                  <a:pt x="80" y="35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55" name="Group 54"/>
          <p:cNvGrpSpPr/>
          <p:nvPr userDrawn="1"/>
        </p:nvGrpSpPr>
        <p:grpSpPr>
          <a:xfrm>
            <a:off x="5093845" y="5090521"/>
            <a:ext cx="466725" cy="465138"/>
            <a:chOff x="5486401" y="5233988"/>
            <a:chExt cx="466725" cy="465138"/>
          </a:xfrm>
          <a:noFill/>
        </p:grpSpPr>
        <p:sp>
          <p:nvSpPr>
            <p:cNvPr id="56" name="Line 401"/>
            <p:cNvSpPr>
              <a:spLocks noChangeShapeType="1"/>
            </p:cNvSpPr>
            <p:nvPr/>
          </p:nvSpPr>
          <p:spPr bwMode="auto">
            <a:xfrm flipV="1">
              <a:off x="5943601" y="5319713"/>
              <a:ext cx="4763" cy="63500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7" name="Line 402"/>
            <p:cNvSpPr>
              <a:spLocks noChangeShapeType="1"/>
            </p:cNvSpPr>
            <p:nvPr/>
          </p:nvSpPr>
          <p:spPr bwMode="auto">
            <a:xfrm flipH="1" flipV="1">
              <a:off x="5884863" y="5362576"/>
              <a:ext cx="58738" cy="20638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8" name="Freeform 403"/>
            <p:cNvSpPr>
              <a:spLocks/>
            </p:cNvSpPr>
            <p:nvPr/>
          </p:nvSpPr>
          <p:spPr bwMode="auto">
            <a:xfrm>
              <a:off x="5486401" y="5233988"/>
              <a:ext cx="466725" cy="465138"/>
            </a:xfrm>
            <a:custGeom>
              <a:avLst/>
              <a:gdLst/>
              <a:ahLst/>
              <a:cxnLst>
                <a:cxn ang="0">
                  <a:pos x="20" y="297"/>
                </a:cxn>
                <a:cxn ang="0">
                  <a:pos x="207" y="414"/>
                </a:cxn>
                <a:cxn ang="0">
                  <a:pos x="414" y="208"/>
                </a:cxn>
                <a:cxn ang="0">
                  <a:pos x="332" y="208"/>
                </a:cxn>
                <a:cxn ang="0">
                  <a:pos x="274" y="304"/>
                </a:cxn>
                <a:cxn ang="0">
                  <a:pos x="209" y="208"/>
                </a:cxn>
                <a:cxn ang="0">
                  <a:pos x="144" y="96"/>
                </a:cxn>
                <a:cxn ang="0">
                  <a:pos x="82" y="208"/>
                </a:cxn>
                <a:cxn ang="0">
                  <a:pos x="0" y="208"/>
                </a:cxn>
                <a:cxn ang="0">
                  <a:pos x="0" y="207"/>
                </a:cxn>
                <a:cxn ang="0">
                  <a:pos x="207" y="0"/>
                </a:cxn>
                <a:cxn ang="0">
                  <a:pos x="393" y="117"/>
                </a:cxn>
              </a:cxnLst>
              <a:rect l="0" t="0" r="r" b="b"/>
              <a:pathLst>
                <a:path w="414" h="414">
                  <a:moveTo>
                    <a:pt x="20" y="297"/>
                  </a:moveTo>
                  <a:cubicBezTo>
                    <a:pt x="54" y="366"/>
                    <a:pt x="125" y="414"/>
                    <a:pt x="207" y="414"/>
                  </a:cubicBezTo>
                  <a:cubicBezTo>
                    <a:pt x="321" y="414"/>
                    <a:pt x="414" y="322"/>
                    <a:pt x="414" y="208"/>
                  </a:cubicBezTo>
                  <a:cubicBezTo>
                    <a:pt x="332" y="208"/>
                    <a:pt x="332" y="208"/>
                    <a:pt x="332" y="208"/>
                  </a:cubicBezTo>
                  <a:cubicBezTo>
                    <a:pt x="332" y="208"/>
                    <a:pt x="314" y="304"/>
                    <a:pt x="274" y="304"/>
                  </a:cubicBezTo>
                  <a:cubicBezTo>
                    <a:pt x="234" y="304"/>
                    <a:pt x="218" y="242"/>
                    <a:pt x="209" y="208"/>
                  </a:cubicBezTo>
                  <a:cubicBezTo>
                    <a:pt x="199" y="173"/>
                    <a:pt x="185" y="96"/>
                    <a:pt x="144" y="96"/>
                  </a:cubicBezTo>
                  <a:cubicBezTo>
                    <a:pt x="104" y="97"/>
                    <a:pt x="82" y="208"/>
                    <a:pt x="82" y="208"/>
                  </a:cubicBezTo>
                  <a:cubicBezTo>
                    <a:pt x="0" y="208"/>
                    <a:pt x="0" y="208"/>
                    <a:pt x="0" y="208"/>
                  </a:cubicBezTo>
                  <a:cubicBezTo>
                    <a:pt x="0" y="207"/>
                    <a:pt x="0" y="207"/>
                    <a:pt x="0" y="207"/>
                  </a:cubicBezTo>
                  <a:cubicBezTo>
                    <a:pt x="0" y="93"/>
                    <a:pt x="93" y="0"/>
                    <a:pt x="207" y="0"/>
                  </a:cubicBezTo>
                  <a:cubicBezTo>
                    <a:pt x="289" y="0"/>
                    <a:pt x="360" y="48"/>
                    <a:pt x="393" y="117"/>
                  </a:cubicBezTo>
                </a:path>
              </a:pathLst>
            </a:cu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9" name="Line 404"/>
            <p:cNvSpPr>
              <a:spLocks noChangeShapeType="1"/>
            </p:cNvSpPr>
            <p:nvPr/>
          </p:nvSpPr>
          <p:spPr bwMode="auto">
            <a:xfrm flipH="1">
              <a:off x="5492751" y="5551488"/>
              <a:ext cx="7938" cy="63500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0" name="Line 405"/>
            <p:cNvSpPr>
              <a:spLocks noChangeShapeType="1"/>
            </p:cNvSpPr>
            <p:nvPr/>
          </p:nvSpPr>
          <p:spPr bwMode="auto">
            <a:xfrm>
              <a:off x="5500688" y="5551488"/>
              <a:ext cx="57150" cy="25400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61" name="Freeform 441"/>
          <p:cNvSpPr>
            <a:spLocks/>
          </p:cNvSpPr>
          <p:nvPr userDrawn="1"/>
        </p:nvSpPr>
        <p:spPr bwMode="auto">
          <a:xfrm>
            <a:off x="5182745" y="1746154"/>
            <a:ext cx="288925" cy="515938"/>
          </a:xfrm>
          <a:custGeom>
            <a:avLst/>
            <a:gdLst/>
            <a:ahLst/>
            <a:cxnLst>
              <a:cxn ang="0">
                <a:pos x="109" y="15"/>
              </a:cxn>
              <a:cxn ang="0">
                <a:pos x="84" y="49"/>
              </a:cxn>
              <a:cxn ang="0">
                <a:pos x="3" y="118"/>
              </a:cxn>
              <a:cxn ang="0">
                <a:pos x="0" y="142"/>
              </a:cxn>
              <a:cxn ang="0">
                <a:pos x="13" y="189"/>
              </a:cxn>
              <a:cxn ang="0">
                <a:pos x="65" y="230"/>
              </a:cxn>
              <a:cxn ang="0">
                <a:pos x="77" y="274"/>
              </a:cxn>
              <a:cxn ang="0">
                <a:pos x="77" y="283"/>
              </a:cxn>
              <a:cxn ang="0">
                <a:pos x="31" y="439"/>
              </a:cxn>
              <a:cxn ang="0">
                <a:pos x="30" y="445"/>
              </a:cxn>
              <a:cxn ang="0">
                <a:pos x="32" y="452"/>
              </a:cxn>
              <a:cxn ang="0">
                <a:pos x="43" y="458"/>
              </a:cxn>
              <a:cxn ang="0">
                <a:pos x="241" y="458"/>
              </a:cxn>
              <a:cxn ang="0">
                <a:pos x="252" y="452"/>
              </a:cxn>
              <a:cxn ang="0">
                <a:pos x="253" y="439"/>
              </a:cxn>
              <a:cxn ang="0">
                <a:pos x="221" y="226"/>
              </a:cxn>
              <a:cxn ang="0">
                <a:pos x="223" y="216"/>
              </a:cxn>
              <a:cxn ang="0">
                <a:pos x="217" y="208"/>
              </a:cxn>
              <a:cxn ang="0">
                <a:pos x="107" y="195"/>
              </a:cxn>
              <a:cxn ang="0">
                <a:pos x="97" y="210"/>
              </a:cxn>
              <a:cxn ang="0">
                <a:pos x="112" y="221"/>
              </a:cxn>
              <a:cxn ang="0">
                <a:pos x="192" y="225"/>
              </a:cxn>
              <a:cxn ang="0">
                <a:pos x="180" y="283"/>
              </a:cxn>
              <a:cxn ang="0">
                <a:pos x="219" y="432"/>
              </a:cxn>
              <a:cxn ang="0">
                <a:pos x="64" y="432"/>
              </a:cxn>
              <a:cxn ang="0">
                <a:pos x="104" y="284"/>
              </a:cxn>
              <a:cxn ang="0">
                <a:pos x="103" y="268"/>
              </a:cxn>
              <a:cxn ang="0">
                <a:pos x="85" y="213"/>
              </a:cxn>
              <a:cxn ang="0">
                <a:pos x="77" y="206"/>
              </a:cxn>
              <a:cxn ang="0">
                <a:pos x="36" y="175"/>
              </a:cxn>
              <a:cxn ang="0">
                <a:pos x="27" y="142"/>
              </a:cxn>
              <a:cxn ang="0">
                <a:pos x="29" y="125"/>
              </a:cxn>
              <a:cxn ang="0">
                <a:pos x="94" y="75"/>
              </a:cxn>
              <a:cxn ang="0">
                <a:pos x="98" y="75"/>
              </a:cxn>
              <a:cxn ang="0">
                <a:pos x="98" y="75"/>
              </a:cxn>
              <a:cxn ang="0">
                <a:pos x="108" y="64"/>
              </a:cxn>
              <a:cxn ang="0">
                <a:pos x="125" y="37"/>
              </a:cxn>
              <a:cxn ang="0">
                <a:pos x="156" y="30"/>
              </a:cxn>
              <a:cxn ang="0">
                <a:pos x="184" y="47"/>
              </a:cxn>
              <a:cxn ang="0">
                <a:pos x="191" y="78"/>
              </a:cxn>
              <a:cxn ang="0">
                <a:pos x="202" y="93"/>
              </a:cxn>
              <a:cxn ang="0">
                <a:pos x="217" y="83"/>
              </a:cxn>
              <a:cxn ang="0">
                <a:pos x="205" y="31"/>
              </a:cxn>
              <a:cxn ang="0">
                <a:pos x="161" y="3"/>
              </a:cxn>
              <a:cxn ang="0">
                <a:pos x="109" y="15"/>
              </a:cxn>
            </a:cxnLst>
            <a:rect l="0" t="0" r="r" b="b"/>
            <a:pathLst>
              <a:path w="255" h="458">
                <a:moveTo>
                  <a:pt x="109" y="15"/>
                </a:moveTo>
                <a:cubicBezTo>
                  <a:pt x="97" y="23"/>
                  <a:pt x="89" y="35"/>
                  <a:pt x="84" y="49"/>
                </a:cubicBezTo>
                <a:cubicBezTo>
                  <a:pt x="46" y="53"/>
                  <a:pt x="13" y="80"/>
                  <a:pt x="3" y="118"/>
                </a:cubicBezTo>
                <a:cubicBezTo>
                  <a:pt x="1" y="126"/>
                  <a:pt x="0" y="134"/>
                  <a:pt x="0" y="142"/>
                </a:cubicBezTo>
                <a:cubicBezTo>
                  <a:pt x="0" y="158"/>
                  <a:pt x="5" y="174"/>
                  <a:pt x="13" y="189"/>
                </a:cubicBezTo>
                <a:cubicBezTo>
                  <a:pt x="25" y="209"/>
                  <a:pt x="43" y="223"/>
                  <a:pt x="65" y="230"/>
                </a:cubicBezTo>
                <a:cubicBezTo>
                  <a:pt x="68" y="235"/>
                  <a:pt x="75" y="249"/>
                  <a:pt x="77" y="274"/>
                </a:cubicBezTo>
                <a:cubicBezTo>
                  <a:pt x="77" y="277"/>
                  <a:pt x="77" y="280"/>
                  <a:pt x="77" y="283"/>
                </a:cubicBezTo>
                <a:cubicBezTo>
                  <a:pt x="77" y="315"/>
                  <a:pt x="68" y="366"/>
                  <a:pt x="31" y="439"/>
                </a:cubicBezTo>
                <a:cubicBezTo>
                  <a:pt x="30" y="441"/>
                  <a:pt x="30" y="443"/>
                  <a:pt x="30" y="445"/>
                </a:cubicBezTo>
                <a:cubicBezTo>
                  <a:pt x="30" y="448"/>
                  <a:pt x="30" y="450"/>
                  <a:pt x="32" y="452"/>
                </a:cubicBezTo>
                <a:cubicBezTo>
                  <a:pt x="34" y="456"/>
                  <a:pt x="38" y="458"/>
                  <a:pt x="43" y="458"/>
                </a:cubicBezTo>
                <a:cubicBezTo>
                  <a:pt x="241" y="458"/>
                  <a:pt x="241" y="458"/>
                  <a:pt x="241" y="458"/>
                </a:cubicBezTo>
                <a:cubicBezTo>
                  <a:pt x="246" y="458"/>
                  <a:pt x="250" y="456"/>
                  <a:pt x="252" y="452"/>
                </a:cubicBezTo>
                <a:cubicBezTo>
                  <a:pt x="255" y="448"/>
                  <a:pt x="255" y="443"/>
                  <a:pt x="253" y="439"/>
                </a:cubicBezTo>
                <a:cubicBezTo>
                  <a:pt x="252" y="437"/>
                  <a:pt x="176" y="295"/>
                  <a:pt x="221" y="226"/>
                </a:cubicBezTo>
                <a:cubicBezTo>
                  <a:pt x="223" y="223"/>
                  <a:pt x="224" y="220"/>
                  <a:pt x="223" y="216"/>
                </a:cubicBezTo>
                <a:cubicBezTo>
                  <a:pt x="222" y="213"/>
                  <a:pt x="220" y="210"/>
                  <a:pt x="217" y="208"/>
                </a:cubicBezTo>
                <a:cubicBezTo>
                  <a:pt x="215" y="207"/>
                  <a:pt x="175" y="181"/>
                  <a:pt x="107" y="195"/>
                </a:cubicBezTo>
                <a:cubicBezTo>
                  <a:pt x="100" y="196"/>
                  <a:pt x="95" y="203"/>
                  <a:pt x="97" y="210"/>
                </a:cubicBezTo>
                <a:cubicBezTo>
                  <a:pt x="98" y="217"/>
                  <a:pt x="105" y="222"/>
                  <a:pt x="112" y="221"/>
                </a:cubicBezTo>
                <a:cubicBezTo>
                  <a:pt x="150" y="213"/>
                  <a:pt x="177" y="220"/>
                  <a:pt x="192" y="225"/>
                </a:cubicBezTo>
                <a:cubicBezTo>
                  <a:pt x="184" y="243"/>
                  <a:pt x="180" y="262"/>
                  <a:pt x="180" y="283"/>
                </a:cubicBezTo>
                <a:cubicBezTo>
                  <a:pt x="180" y="339"/>
                  <a:pt x="205" y="401"/>
                  <a:pt x="219" y="432"/>
                </a:cubicBezTo>
                <a:cubicBezTo>
                  <a:pt x="189" y="432"/>
                  <a:pt x="94" y="432"/>
                  <a:pt x="64" y="432"/>
                </a:cubicBezTo>
                <a:cubicBezTo>
                  <a:pt x="91" y="376"/>
                  <a:pt x="104" y="326"/>
                  <a:pt x="104" y="284"/>
                </a:cubicBezTo>
                <a:cubicBezTo>
                  <a:pt x="104" y="279"/>
                  <a:pt x="104" y="273"/>
                  <a:pt x="103" y="268"/>
                </a:cubicBezTo>
                <a:cubicBezTo>
                  <a:pt x="100" y="237"/>
                  <a:pt x="90" y="219"/>
                  <a:pt x="85" y="213"/>
                </a:cubicBezTo>
                <a:cubicBezTo>
                  <a:pt x="84" y="210"/>
                  <a:pt x="81" y="207"/>
                  <a:pt x="77" y="206"/>
                </a:cubicBezTo>
                <a:cubicBezTo>
                  <a:pt x="60" y="202"/>
                  <a:pt x="45" y="191"/>
                  <a:pt x="36" y="175"/>
                </a:cubicBezTo>
                <a:cubicBezTo>
                  <a:pt x="30" y="165"/>
                  <a:pt x="27" y="154"/>
                  <a:pt x="27" y="142"/>
                </a:cubicBezTo>
                <a:cubicBezTo>
                  <a:pt x="27" y="136"/>
                  <a:pt x="28" y="131"/>
                  <a:pt x="29" y="125"/>
                </a:cubicBezTo>
                <a:cubicBezTo>
                  <a:pt x="37" y="95"/>
                  <a:pt x="64" y="75"/>
                  <a:pt x="94" y="75"/>
                </a:cubicBezTo>
                <a:cubicBezTo>
                  <a:pt x="95" y="75"/>
                  <a:pt x="97" y="75"/>
                  <a:pt x="98" y="75"/>
                </a:cubicBezTo>
                <a:cubicBezTo>
                  <a:pt x="98" y="75"/>
                  <a:pt x="98" y="75"/>
                  <a:pt x="98" y="75"/>
                </a:cubicBezTo>
                <a:cubicBezTo>
                  <a:pt x="103" y="73"/>
                  <a:pt x="107" y="69"/>
                  <a:pt x="108" y="64"/>
                </a:cubicBezTo>
                <a:cubicBezTo>
                  <a:pt x="110" y="53"/>
                  <a:pt x="116" y="43"/>
                  <a:pt x="125" y="37"/>
                </a:cubicBezTo>
                <a:cubicBezTo>
                  <a:pt x="134" y="30"/>
                  <a:pt x="145" y="28"/>
                  <a:pt x="156" y="30"/>
                </a:cubicBezTo>
                <a:cubicBezTo>
                  <a:pt x="167" y="31"/>
                  <a:pt x="177" y="37"/>
                  <a:pt x="184" y="47"/>
                </a:cubicBezTo>
                <a:cubicBezTo>
                  <a:pt x="190" y="56"/>
                  <a:pt x="193" y="67"/>
                  <a:pt x="191" y="78"/>
                </a:cubicBezTo>
                <a:cubicBezTo>
                  <a:pt x="189" y="85"/>
                  <a:pt x="194" y="92"/>
                  <a:pt x="202" y="93"/>
                </a:cubicBezTo>
                <a:cubicBezTo>
                  <a:pt x="209" y="95"/>
                  <a:pt x="216" y="90"/>
                  <a:pt x="217" y="83"/>
                </a:cubicBezTo>
                <a:cubicBezTo>
                  <a:pt x="220" y="64"/>
                  <a:pt x="216" y="46"/>
                  <a:pt x="205" y="31"/>
                </a:cubicBezTo>
                <a:cubicBezTo>
                  <a:pt x="195" y="16"/>
                  <a:pt x="179" y="6"/>
                  <a:pt x="161" y="3"/>
                </a:cubicBezTo>
                <a:cubicBezTo>
                  <a:pt x="143" y="0"/>
                  <a:pt x="124" y="4"/>
                  <a:pt x="109" y="1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2" name="Freeform 497"/>
          <p:cNvSpPr>
            <a:spLocks noEditPoints="1"/>
          </p:cNvSpPr>
          <p:nvPr userDrawn="1"/>
        </p:nvSpPr>
        <p:spPr bwMode="auto">
          <a:xfrm>
            <a:off x="5073207" y="3772354"/>
            <a:ext cx="508000" cy="328613"/>
          </a:xfrm>
          <a:custGeom>
            <a:avLst/>
            <a:gdLst/>
            <a:ahLst/>
            <a:cxnLst>
              <a:cxn ang="0">
                <a:pos x="25" y="33"/>
              </a:cxn>
              <a:cxn ang="0">
                <a:pos x="0" y="87"/>
              </a:cxn>
              <a:cxn ang="0">
                <a:pos x="51" y="166"/>
              </a:cxn>
              <a:cxn ang="0">
                <a:pos x="12" y="178"/>
              </a:cxn>
              <a:cxn ang="0">
                <a:pos x="24" y="231"/>
              </a:cxn>
              <a:cxn ang="0">
                <a:pos x="32" y="241"/>
              </a:cxn>
              <a:cxn ang="0">
                <a:pos x="131" y="241"/>
              </a:cxn>
              <a:cxn ang="0">
                <a:pos x="140" y="231"/>
              </a:cxn>
              <a:cxn ang="0">
                <a:pos x="188" y="290"/>
              </a:cxn>
              <a:cxn ang="0">
                <a:pos x="205" y="194"/>
              </a:cxn>
              <a:cxn ang="0">
                <a:pos x="189" y="202"/>
              </a:cxn>
              <a:cxn ang="0">
                <a:pos x="213" y="241"/>
              </a:cxn>
              <a:cxn ang="0">
                <a:pos x="163" y="241"/>
              </a:cxn>
              <a:cxn ang="0">
                <a:pos x="169" y="213"/>
              </a:cxn>
              <a:cxn ang="0">
                <a:pos x="111" y="207"/>
              </a:cxn>
              <a:cxn ang="0">
                <a:pos x="101" y="226"/>
              </a:cxn>
              <a:cxn ang="0">
                <a:pos x="81" y="266"/>
              </a:cxn>
              <a:cxn ang="0">
                <a:pos x="61" y="226"/>
              </a:cxn>
              <a:cxn ang="0">
                <a:pos x="51" y="206"/>
              </a:cxn>
              <a:cxn ang="0">
                <a:pos x="36" y="207"/>
              </a:cxn>
              <a:cxn ang="0">
                <a:pos x="78" y="190"/>
              </a:cxn>
              <a:cxn ang="0">
                <a:pos x="89" y="183"/>
              </a:cxn>
              <a:cxn ang="0">
                <a:pos x="87" y="168"/>
              </a:cxn>
              <a:cxn ang="0">
                <a:pos x="44" y="49"/>
              </a:cxn>
              <a:cxn ang="0">
                <a:pos x="230" y="88"/>
              </a:cxn>
              <a:cxn ang="0">
                <a:pos x="229" y="138"/>
              </a:cxn>
              <a:cxn ang="0">
                <a:pos x="211" y="170"/>
              </a:cxn>
              <a:cxn ang="0">
                <a:pos x="220" y="190"/>
              </a:cxn>
              <a:cxn ang="0">
                <a:pos x="302" y="178"/>
              </a:cxn>
              <a:cxn ang="0">
                <a:pos x="339" y="105"/>
              </a:cxn>
              <a:cxn ang="0">
                <a:pos x="364" y="153"/>
              </a:cxn>
              <a:cxn ang="0">
                <a:pos x="425" y="207"/>
              </a:cxn>
              <a:cxn ang="0">
                <a:pos x="391" y="207"/>
              </a:cxn>
              <a:cxn ang="0">
                <a:pos x="378" y="213"/>
              </a:cxn>
              <a:cxn ang="0">
                <a:pos x="384" y="241"/>
              </a:cxn>
              <a:cxn ang="0">
                <a:pos x="334" y="241"/>
              </a:cxn>
              <a:cxn ang="0">
                <a:pos x="357" y="211"/>
              </a:cxn>
              <a:cxn ang="0">
                <a:pos x="351" y="195"/>
              </a:cxn>
              <a:cxn ang="0">
                <a:pos x="309" y="241"/>
              </a:cxn>
              <a:cxn ang="0">
                <a:pos x="408" y="241"/>
              </a:cxn>
              <a:cxn ang="0">
                <a:pos x="437" y="231"/>
              </a:cxn>
              <a:cxn ang="0">
                <a:pos x="449" y="157"/>
              </a:cxn>
              <a:cxn ang="0">
                <a:pos x="376" y="131"/>
              </a:cxn>
              <a:cxn ang="0">
                <a:pos x="348" y="81"/>
              </a:cxn>
              <a:cxn ang="0">
                <a:pos x="278" y="93"/>
              </a:cxn>
              <a:cxn ang="0">
                <a:pos x="243" y="166"/>
              </a:cxn>
              <a:cxn ang="0">
                <a:pos x="252" y="147"/>
              </a:cxn>
              <a:cxn ang="0">
                <a:pos x="260" y="105"/>
              </a:cxn>
              <a:cxn ang="0">
                <a:pos x="247" y="71"/>
              </a:cxn>
              <a:cxn ang="0">
                <a:pos x="33" y="26"/>
              </a:cxn>
              <a:cxn ang="0">
                <a:pos x="33" y="26"/>
              </a:cxn>
            </a:cxnLst>
            <a:rect l="0" t="0" r="r" b="b"/>
            <a:pathLst>
              <a:path w="449" h="290">
                <a:moveTo>
                  <a:pt x="33" y="26"/>
                </a:moveTo>
                <a:cubicBezTo>
                  <a:pt x="30" y="27"/>
                  <a:pt x="26" y="30"/>
                  <a:pt x="25" y="33"/>
                </a:cubicBezTo>
                <a:cubicBezTo>
                  <a:pt x="1" y="82"/>
                  <a:pt x="1" y="82"/>
                  <a:pt x="1" y="82"/>
                </a:cubicBezTo>
                <a:cubicBezTo>
                  <a:pt x="0" y="84"/>
                  <a:pt x="0" y="85"/>
                  <a:pt x="0" y="87"/>
                </a:cubicBezTo>
                <a:cubicBezTo>
                  <a:pt x="0" y="89"/>
                  <a:pt x="0" y="91"/>
                  <a:pt x="1" y="93"/>
                </a:cubicBezTo>
                <a:cubicBezTo>
                  <a:pt x="2" y="95"/>
                  <a:pt x="23" y="133"/>
                  <a:pt x="51" y="166"/>
                </a:cubicBezTo>
                <a:cubicBezTo>
                  <a:pt x="45" y="166"/>
                  <a:pt x="24" y="166"/>
                  <a:pt x="24" y="166"/>
                </a:cubicBezTo>
                <a:cubicBezTo>
                  <a:pt x="17" y="166"/>
                  <a:pt x="12" y="171"/>
                  <a:pt x="12" y="178"/>
                </a:cubicBezTo>
                <a:cubicBezTo>
                  <a:pt x="12" y="219"/>
                  <a:pt x="12" y="219"/>
                  <a:pt x="12" y="219"/>
                </a:cubicBezTo>
                <a:cubicBezTo>
                  <a:pt x="12" y="226"/>
                  <a:pt x="17" y="231"/>
                  <a:pt x="24" y="231"/>
                </a:cubicBezTo>
                <a:cubicBezTo>
                  <a:pt x="24" y="231"/>
                  <a:pt x="30" y="231"/>
                  <a:pt x="33" y="231"/>
                </a:cubicBezTo>
                <a:cubicBezTo>
                  <a:pt x="32" y="234"/>
                  <a:pt x="32" y="238"/>
                  <a:pt x="32" y="241"/>
                </a:cubicBezTo>
                <a:cubicBezTo>
                  <a:pt x="32" y="268"/>
                  <a:pt x="54" y="290"/>
                  <a:pt x="81" y="290"/>
                </a:cubicBezTo>
                <a:cubicBezTo>
                  <a:pt x="108" y="290"/>
                  <a:pt x="131" y="268"/>
                  <a:pt x="131" y="241"/>
                </a:cubicBezTo>
                <a:cubicBezTo>
                  <a:pt x="131" y="238"/>
                  <a:pt x="130" y="234"/>
                  <a:pt x="129" y="231"/>
                </a:cubicBezTo>
                <a:cubicBezTo>
                  <a:pt x="131" y="231"/>
                  <a:pt x="137" y="231"/>
                  <a:pt x="140" y="231"/>
                </a:cubicBezTo>
                <a:cubicBezTo>
                  <a:pt x="139" y="234"/>
                  <a:pt x="139" y="238"/>
                  <a:pt x="139" y="241"/>
                </a:cubicBezTo>
                <a:cubicBezTo>
                  <a:pt x="139" y="268"/>
                  <a:pt x="161" y="290"/>
                  <a:pt x="188" y="290"/>
                </a:cubicBezTo>
                <a:cubicBezTo>
                  <a:pt x="215" y="290"/>
                  <a:pt x="237" y="268"/>
                  <a:pt x="237" y="241"/>
                </a:cubicBezTo>
                <a:cubicBezTo>
                  <a:pt x="237" y="220"/>
                  <a:pt x="224" y="201"/>
                  <a:pt x="205" y="194"/>
                </a:cubicBezTo>
                <a:cubicBezTo>
                  <a:pt x="201" y="193"/>
                  <a:pt x="198" y="194"/>
                  <a:pt x="195" y="195"/>
                </a:cubicBezTo>
                <a:cubicBezTo>
                  <a:pt x="192" y="196"/>
                  <a:pt x="190" y="199"/>
                  <a:pt x="189" y="202"/>
                </a:cubicBezTo>
                <a:cubicBezTo>
                  <a:pt x="187" y="208"/>
                  <a:pt x="190" y="215"/>
                  <a:pt x="196" y="217"/>
                </a:cubicBezTo>
                <a:cubicBezTo>
                  <a:pt x="206" y="221"/>
                  <a:pt x="213" y="230"/>
                  <a:pt x="213" y="241"/>
                </a:cubicBezTo>
                <a:cubicBezTo>
                  <a:pt x="213" y="255"/>
                  <a:pt x="202" y="266"/>
                  <a:pt x="188" y="266"/>
                </a:cubicBezTo>
                <a:cubicBezTo>
                  <a:pt x="174" y="266"/>
                  <a:pt x="163" y="255"/>
                  <a:pt x="163" y="241"/>
                </a:cubicBezTo>
                <a:cubicBezTo>
                  <a:pt x="163" y="235"/>
                  <a:pt x="165" y="230"/>
                  <a:pt x="168" y="226"/>
                </a:cubicBezTo>
                <a:cubicBezTo>
                  <a:pt x="170" y="222"/>
                  <a:pt x="171" y="217"/>
                  <a:pt x="169" y="213"/>
                </a:cubicBezTo>
                <a:cubicBezTo>
                  <a:pt x="167" y="209"/>
                  <a:pt x="163" y="207"/>
                  <a:pt x="158" y="207"/>
                </a:cubicBezTo>
                <a:cubicBezTo>
                  <a:pt x="111" y="207"/>
                  <a:pt x="111" y="207"/>
                  <a:pt x="111" y="207"/>
                </a:cubicBezTo>
                <a:cubicBezTo>
                  <a:pt x="107" y="207"/>
                  <a:pt x="102" y="209"/>
                  <a:pt x="100" y="213"/>
                </a:cubicBezTo>
                <a:cubicBezTo>
                  <a:pt x="98" y="217"/>
                  <a:pt x="99" y="222"/>
                  <a:pt x="101" y="226"/>
                </a:cubicBezTo>
                <a:cubicBezTo>
                  <a:pt x="105" y="230"/>
                  <a:pt x="106" y="235"/>
                  <a:pt x="106" y="241"/>
                </a:cubicBezTo>
                <a:cubicBezTo>
                  <a:pt x="106" y="255"/>
                  <a:pt x="95" y="266"/>
                  <a:pt x="81" y="266"/>
                </a:cubicBezTo>
                <a:cubicBezTo>
                  <a:pt x="67" y="266"/>
                  <a:pt x="56" y="255"/>
                  <a:pt x="56" y="241"/>
                </a:cubicBezTo>
                <a:cubicBezTo>
                  <a:pt x="56" y="235"/>
                  <a:pt x="58" y="230"/>
                  <a:pt x="61" y="226"/>
                </a:cubicBezTo>
                <a:cubicBezTo>
                  <a:pt x="64" y="222"/>
                  <a:pt x="64" y="217"/>
                  <a:pt x="62" y="213"/>
                </a:cubicBezTo>
                <a:cubicBezTo>
                  <a:pt x="60" y="209"/>
                  <a:pt x="56" y="206"/>
                  <a:pt x="51" y="206"/>
                </a:cubicBezTo>
                <a:cubicBezTo>
                  <a:pt x="43" y="207"/>
                  <a:pt x="43" y="207"/>
                  <a:pt x="43" y="207"/>
                </a:cubicBezTo>
                <a:cubicBezTo>
                  <a:pt x="43" y="207"/>
                  <a:pt x="38" y="207"/>
                  <a:pt x="36" y="207"/>
                </a:cubicBezTo>
                <a:cubicBezTo>
                  <a:pt x="36" y="204"/>
                  <a:pt x="36" y="193"/>
                  <a:pt x="36" y="190"/>
                </a:cubicBezTo>
                <a:cubicBezTo>
                  <a:pt x="40" y="190"/>
                  <a:pt x="78" y="190"/>
                  <a:pt x="78" y="190"/>
                </a:cubicBezTo>
                <a:cubicBezTo>
                  <a:pt x="83" y="190"/>
                  <a:pt x="86" y="188"/>
                  <a:pt x="89" y="184"/>
                </a:cubicBezTo>
                <a:cubicBezTo>
                  <a:pt x="89" y="184"/>
                  <a:pt x="89" y="183"/>
                  <a:pt x="89" y="183"/>
                </a:cubicBezTo>
                <a:cubicBezTo>
                  <a:pt x="90" y="181"/>
                  <a:pt x="91" y="179"/>
                  <a:pt x="91" y="177"/>
                </a:cubicBezTo>
                <a:cubicBezTo>
                  <a:pt x="91" y="174"/>
                  <a:pt x="90" y="170"/>
                  <a:pt x="87" y="168"/>
                </a:cubicBezTo>
                <a:cubicBezTo>
                  <a:pt x="59" y="143"/>
                  <a:pt x="33" y="101"/>
                  <a:pt x="25" y="87"/>
                </a:cubicBezTo>
                <a:cubicBezTo>
                  <a:pt x="26" y="85"/>
                  <a:pt x="43" y="51"/>
                  <a:pt x="44" y="49"/>
                </a:cubicBezTo>
                <a:cubicBezTo>
                  <a:pt x="109" y="39"/>
                  <a:pt x="156" y="49"/>
                  <a:pt x="183" y="60"/>
                </a:cubicBezTo>
                <a:cubicBezTo>
                  <a:pt x="214" y="72"/>
                  <a:pt x="230" y="88"/>
                  <a:pt x="230" y="88"/>
                </a:cubicBezTo>
                <a:cubicBezTo>
                  <a:pt x="230" y="88"/>
                  <a:pt x="231" y="89"/>
                  <a:pt x="231" y="89"/>
                </a:cubicBezTo>
                <a:cubicBezTo>
                  <a:pt x="239" y="96"/>
                  <a:pt x="235" y="122"/>
                  <a:pt x="229" y="138"/>
                </a:cubicBezTo>
                <a:cubicBezTo>
                  <a:pt x="229" y="137"/>
                  <a:pt x="229" y="139"/>
                  <a:pt x="229" y="139"/>
                </a:cubicBezTo>
                <a:cubicBezTo>
                  <a:pt x="229" y="140"/>
                  <a:pt x="222" y="158"/>
                  <a:pt x="211" y="170"/>
                </a:cubicBezTo>
                <a:cubicBezTo>
                  <a:pt x="208" y="174"/>
                  <a:pt x="207" y="179"/>
                  <a:pt x="209" y="183"/>
                </a:cubicBezTo>
                <a:cubicBezTo>
                  <a:pt x="211" y="187"/>
                  <a:pt x="216" y="190"/>
                  <a:pt x="220" y="190"/>
                </a:cubicBezTo>
                <a:cubicBezTo>
                  <a:pt x="290" y="190"/>
                  <a:pt x="290" y="190"/>
                  <a:pt x="290" y="190"/>
                </a:cubicBezTo>
                <a:cubicBezTo>
                  <a:pt x="297" y="190"/>
                  <a:pt x="302" y="185"/>
                  <a:pt x="302" y="178"/>
                </a:cubicBezTo>
                <a:cubicBezTo>
                  <a:pt x="302" y="178"/>
                  <a:pt x="302" y="109"/>
                  <a:pt x="302" y="105"/>
                </a:cubicBezTo>
                <a:cubicBezTo>
                  <a:pt x="306" y="105"/>
                  <a:pt x="337" y="105"/>
                  <a:pt x="339" y="105"/>
                </a:cubicBezTo>
                <a:cubicBezTo>
                  <a:pt x="340" y="108"/>
                  <a:pt x="356" y="146"/>
                  <a:pt x="356" y="146"/>
                </a:cubicBezTo>
                <a:cubicBezTo>
                  <a:pt x="357" y="150"/>
                  <a:pt x="360" y="152"/>
                  <a:pt x="364" y="153"/>
                </a:cubicBezTo>
                <a:cubicBezTo>
                  <a:pt x="364" y="153"/>
                  <a:pt x="415" y="165"/>
                  <a:pt x="425" y="167"/>
                </a:cubicBezTo>
                <a:cubicBezTo>
                  <a:pt x="425" y="170"/>
                  <a:pt x="425" y="203"/>
                  <a:pt x="425" y="207"/>
                </a:cubicBezTo>
                <a:cubicBezTo>
                  <a:pt x="421" y="207"/>
                  <a:pt x="391" y="207"/>
                  <a:pt x="391" y="207"/>
                </a:cubicBezTo>
                <a:cubicBezTo>
                  <a:pt x="391" y="207"/>
                  <a:pt x="391" y="207"/>
                  <a:pt x="391" y="207"/>
                </a:cubicBezTo>
                <a:cubicBezTo>
                  <a:pt x="391" y="207"/>
                  <a:pt x="390" y="207"/>
                  <a:pt x="389" y="207"/>
                </a:cubicBezTo>
                <a:cubicBezTo>
                  <a:pt x="384" y="207"/>
                  <a:pt x="380" y="209"/>
                  <a:pt x="378" y="213"/>
                </a:cubicBezTo>
                <a:cubicBezTo>
                  <a:pt x="376" y="217"/>
                  <a:pt x="376" y="222"/>
                  <a:pt x="379" y="226"/>
                </a:cubicBezTo>
                <a:cubicBezTo>
                  <a:pt x="382" y="230"/>
                  <a:pt x="384" y="236"/>
                  <a:pt x="384" y="241"/>
                </a:cubicBezTo>
                <a:cubicBezTo>
                  <a:pt x="384" y="255"/>
                  <a:pt x="373" y="266"/>
                  <a:pt x="359" y="266"/>
                </a:cubicBezTo>
                <a:cubicBezTo>
                  <a:pt x="345" y="266"/>
                  <a:pt x="334" y="255"/>
                  <a:pt x="334" y="241"/>
                </a:cubicBezTo>
                <a:cubicBezTo>
                  <a:pt x="334" y="230"/>
                  <a:pt x="340" y="221"/>
                  <a:pt x="350" y="217"/>
                </a:cubicBezTo>
                <a:cubicBezTo>
                  <a:pt x="353" y="216"/>
                  <a:pt x="355" y="214"/>
                  <a:pt x="357" y="211"/>
                </a:cubicBezTo>
                <a:cubicBezTo>
                  <a:pt x="358" y="208"/>
                  <a:pt x="358" y="205"/>
                  <a:pt x="357" y="202"/>
                </a:cubicBezTo>
                <a:cubicBezTo>
                  <a:pt x="356" y="199"/>
                  <a:pt x="354" y="196"/>
                  <a:pt x="351" y="195"/>
                </a:cubicBezTo>
                <a:cubicBezTo>
                  <a:pt x="348" y="194"/>
                  <a:pt x="345" y="194"/>
                  <a:pt x="342" y="195"/>
                </a:cubicBezTo>
                <a:cubicBezTo>
                  <a:pt x="322" y="202"/>
                  <a:pt x="309" y="220"/>
                  <a:pt x="309" y="241"/>
                </a:cubicBezTo>
                <a:cubicBezTo>
                  <a:pt x="309" y="268"/>
                  <a:pt x="332" y="290"/>
                  <a:pt x="359" y="290"/>
                </a:cubicBezTo>
                <a:cubicBezTo>
                  <a:pt x="386" y="290"/>
                  <a:pt x="408" y="268"/>
                  <a:pt x="408" y="241"/>
                </a:cubicBezTo>
                <a:cubicBezTo>
                  <a:pt x="408" y="238"/>
                  <a:pt x="408" y="234"/>
                  <a:pt x="407" y="231"/>
                </a:cubicBezTo>
                <a:cubicBezTo>
                  <a:pt x="411" y="231"/>
                  <a:pt x="437" y="231"/>
                  <a:pt x="437" y="231"/>
                </a:cubicBezTo>
                <a:cubicBezTo>
                  <a:pt x="444" y="231"/>
                  <a:pt x="449" y="226"/>
                  <a:pt x="449" y="219"/>
                </a:cubicBezTo>
                <a:cubicBezTo>
                  <a:pt x="449" y="157"/>
                  <a:pt x="449" y="157"/>
                  <a:pt x="449" y="157"/>
                </a:cubicBezTo>
                <a:cubicBezTo>
                  <a:pt x="449" y="152"/>
                  <a:pt x="445" y="147"/>
                  <a:pt x="440" y="146"/>
                </a:cubicBezTo>
                <a:cubicBezTo>
                  <a:pt x="440" y="146"/>
                  <a:pt x="378" y="132"/>
                  <a:pt x="376" y="131"/>
                </a:cubicBezTo>
                <a:cubicBezTo>
                  <a:pt x="375" y="129"/>
                  <a:pt x="359" y="89"/>
                  <a:pt x="359" y="89"/>
                </a:cubicBezTo>
                <a:cubicBezTo>
                  <a:pt x="357" y="84"/>
                  <a:pt x="353" y="81"/>
                  <a:pt x="348" y="81"/>
                </a:cubicBezTo>
                <a:cubicBezTo>
                  <a:pt x="290" y="81"/>
                  <a:pt x="290" y="81"/>
                  <a:pt x="290" y="81"/>
                </a:cubicBezTo>
                <a:cubicBezTo>
                  <a:pt x="283" y="81"/>
                  <a:pt x="278" y="87"/>
                  <a:pt x="278" y="93"/>
                </a:cubicBezTo>
                <a:cubicBezTo>
                  <a:pt x="278" y="93"/>
                  <a:pt x="278" y="162"/>
                  <a:pt x="278" y="166"/>
                </a:cubicBezTo>
                <a:cubicBezTo>
                  <a:pt x="275" y="166"/>
                  <a:pt x="248" y="166"/>
                  <a:pt x="243" y="166"/>
                </a:cubicBezTo>
                <a:cubicBezTo>
                  <a:pt x="249" y="156"/>
                  <a:pt x="252" y="147"/>
                  <a:pt x="252" y="147"/>
                </a:cubicBezTo>
                <a:cubicBezTo>
                  <a:pt x="252" y="147"/>
                  <a:pt x="252" y="147"/>
                  <a:pt x="252" y="147"/>
                </a:cubicBezTo>
                <a:cubicBezTo>
                  <a:pt x="252" y="147"/>
                  <a:pt x="252" y="146"/>
                  <a:pt x="252" y="146"/>
                </a:cubicBezTo>
                <a:cubicBezTo>
                  <a:pt x="253" y="142"/>
                  <a:pt x="260" y="124"/>
                  <a:pt x="260" y="105"/>
                </a:cubicBezTo>
                <a:cubicBezTo>
                  <a:pt x="260" y="93"/>
                  <a:pt x="257" y="80"/>
                  <a:pt x="247" y="71"/>
                </a:cubicBezTo>
                <a:cubicBezTo>
                  <a:pt x="247" y="71"/>
                  <a:pt x="247" y="71"/>
                  <a:pt x="247" y="71"/>
                </a:cubicBezTo>
                <a:cubicBezTo>
                  <a:pt x="247" y="71"/>
                  <a:pt x="247" y="71"/>
                  <a:pt x="247" y="71"/>
                </a:cubicBezTo>
                <a:cubicBezTo>
                  <a:pt x="244" y="68"/>
                  <a:pt x="176" y="0"/>
                  <a:pt x="33" y="26"/>
                </a:cubicBezTo>
                <a:moveTo>
                  <a:pt x="33" y="26"/>
                </a:moveTo>
                <a:cubicBezTo>
                  <a:pt x="33" y="26"/>
                  <a:pt x="33" y="26"/>
                  <a:pt x="33" y="2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3" name="Freeform 263"/>
          <p:cNvSpPr>
            <a:spLocks/>
          </p:cNvSpPr>
          <p:nvPr userDrawn="1"/>
        </p:nvSpPr>
        <p:spPr bwMode="auto">
          <a:xfrm>
            <a:off x="5732770" y="1160862"/>
            <a:ext cx="409575" cy="522288"/>
          </a:xfrm>
          <a:custGeom>
            <a:avLst/>
            <a:gdLst/>
            <a:ahLst/>
            <a:cxnLst>
              <a:cxn ang="0">
                <a:pos x="269" y="4"/>
              </a:cxn>
              <a:cxn ang="0">
                <a:pos x="259" y="0"/>
              </a:cxn>
              <a:cxn ang="0">
                <a:pos x="250" y="4"/>
              </a:cxn>
              <a:cxn ang="0">
                <a:pos x="184" y="70"/>
              </a:cxn>
              <a:cxn ang="0">
                <a:pos x="180" y="80"/>
              </a:cxn>
              <a:cxn ang="0">
                <a:pos x="184" y="89"/>
              </a:cxn>
              <a:cxn ang="0">
                <a:pos x="243" y="231"/>
              </a:cxn>
              <a:cxn ang="0">
                <a:pos x="193" y="362"/>
              </a:cxn>
              <a:cxn ang="0">
                <a:pos x="148" y="316"/>
              </a:cxn>
              <a:cxn ang="0">
                <a:pos x="178" y="230"/>
              </a:cxn>
              <a:cxn ang="0">
                <a:pos x="139" y="135"/>
              </a:cxn>
              <a:cxn ang="0">
                <a:pos x="120" y="134"/>
              </a:cxn>
              <a:cxn ang="0">
                <a:pos x="54" y="195"/>
              </a:cxn>
              <a:cxn ang="0">
                <a:pos x="44" y="193"/>
              </a:cxn>
              <a:cxn ang="0">
                <a:pos x="15" y="202"/>
              </a:cxn>
              <a:cxn ang="0">
                <a:pos x="2" y="229"/>
              </a:cxn>
              <a:cxn ang="0">
                <a:pos x="37" y="271"/>
              </a:cxn>
              <a:cxn ang="0">
                <a:pos x="66" y="262"/>
              </a:cxn>
              <a:cxn ang="0">
                <a:pos x="80" y="236"/>
              </a:cxn>
              <a:cxn ang="0">
                <a:pos x="74" y="213"/>
              </a:cxn>
              <a:cxn ang="0">
                <a:pos x="128" y="163"/>
              </a:cxn>
              <a:cxn ang="0">
                <a:pos x="152" y="230"/>
              </a:cxn>
              <a:cxn ang="0">
                <a:pos x="120" y="307"/>
              </a:cxn>
              <a:cxn ang="0">
                <a:pos x="116" y="317"/>
              </a:cxn>
              <a:cxn ang="0">
                <a:pos x="120" y="326"/>
              </a:cxn>
              <a:cxn ang="0">
                <a:pos x="184" y="391"/>
              </a:cxn>
              <a:cxn ang="0">
                <a:pos x="193" y="395"/>
              </a:cxn>
              <a:cxn ang="0">
                <a:pos x="203" y="391"/>
              </a:cxn>
              <a:cxn ang="0">
                <a:pos x="269" y="231"/>
              </a:cxn>
              <a:cxn ang="0">
                <a:pos x="269" y="231"/>
              </a:cxn>
              <a:cxn ang="0">
                <a:pos x="212" y="80"/>
              </a:cxn>
              <a:cxn ang="0">
                <a:pos x="259" y="32"/>
              </a:cxn>
              <a:cxn ang="0">
                <a:pos x="336" y="230"/>
              </a:cxn>
              <a:cxn ang="0">
                <a:pos x="336" y="230"/>
              </a:cxn>
              <a:cxn ang="0">
                <a:pos x="250" y="438"/>
              </a:cxn>
              <a:cxn ang="0">
                <a:pos x="246" y="448"/>
              </a:cxn>
              <a:cxn ang="0">
                <a:pos x="250" y="457"/>
              </a:cxn>
              <a:cxn ang="0">
                <a:pos x="269" y="457"/>
              </a:cxn>
              <a:cxn ang="0">
                <a:pos x="363" y="230"/>
              </a:cxn>
              <a:cxn ang="0">
                <a:pos x="269" y="4"/>
              </a:cxn>
            </a:cxnLst>
            <a:rect l="0" t="0" r="r" b="b"/>
            <a:pathLst>
              <a:path w="363" h="462">
                <a:moveTo>
                  <a:pt x="269" y="4"/>
                </a:moveTo>
                <a:cubicBezTo>
                  <a:pt x="266" y="1"/>
                  <a:pt x="263" y="0"/>
                  <a:pt x="259" y="0"/>
                </a:cubicBezTo>
                <a:cubicBezTo>
                  <a:pt x="255" y="0"/>
                  <a:pt x="252" y="1"/>
                  <a:pt x="250" y="4"/>
                </a:cubicBezTo>
                <a:cubicBezTo>
                  <a:pt x="184" y="70"/>
                  <a:pt x="184" y="70"/>
                  <a:pt x="184" y="70"/>
                </a:cubicBezTo>
                <a:cubicBezTo>
                  <a:pt x="181" y="73"/>
                  <a:pt x="180" y="76"/>
                  <a:pt x="180" y="80"/>
                </a:cubicBezTo>
                <a:cubicBezTo>
                  <a:pt x="180" y="83"/>
                  <a:pt x="181" y="87"/>
                  <a:pt x="184" y="89"/>
                </a:cubicBezTo>
                <a:cubicBezTo>
                  <a:pt x="222" y="127"/>
                  <a:pt x="243" y="177"/>
                  <a:pt x="243" y="231"/>
                </a:cubicBezTo>
                <a:cubicBezTo>
                  <a:pt x="243" y="280"/>
                  <a:pt x="225" y="326"/>
                  <a:pt x="193" y="362"/>
                </a:cubicBezTo>
                <a:cubicBezTo>
                  <a:pt x="181" y="350"/>
                  <a:pt x="158" y="327"/>
                  <a:pt x="148" y="316"/>
                </a:cubicBezTo>
                <a:cubicBezTo>
                  <a:pt x="168" y="291"/>
                  <a:pt x="178" y="261"/>
                  <a:pt x="178" y="230"/>
                </a:cubicBezTo>
                <a:cubicBezTo>
                  <a:pt x="178" y="196"/>
                  <a:pt x="165" y="161"/>
                  <a:pt x="139" y="135"/>
                </a:cubicBezTo>
                <a:cubicBezTo>
                  <a:pt x="134" y="130"/>
                  <a:pt x="126" y="129"/>
                  <a:pt x="120" y="134"/>
                </a:cubicBezTo>
                <a:cubicBezTo>
                  <a:pt x="54" y="195"/>
                  <a:pt x="54" y="195"/>
                  <a:pt x="54" y="195"/>
                </a:cubicBezTo>
                <a:cubicBezTo>
                  <a:pt x="51" y="194"/>
                  <a:pt x="48" y="193"/>
                  <a:pt x="44" y="193"/>
                </a:cubicBezTo>
                <a:cubicBezTo>
                  <a:pt x="33" y="193"/>
                  <a:pt x="24" y="195"/>
                  <a:pt x="15" y="202"/>
                </a:cubicBezTo>
                <a:cubicBezTo>
                  <a:pt x="8" y="209"/>
                  <a:pt x="3" y="218"/>
                  <a:pt x="2" y="229"/>
                </a:cubicBezTo>
                <a:cubicBezTo>
                  <a:pt x="0" y="248"/>
                  <a:pt x="16" y="271"/>
                  <a:pt x="37" y="271"/>
                </a:cubicBezTo>
                <a:cubicBezTo>
                  <a:pt x="48" y="271"/>
                  <a:pt x="57" y="269"/>
                  <a:pt x="66" y="262"/>
                </a:cubicBezTo>
                <a:cubicBezTo>
                  <a:pt x="74" y="256"/>
                  <a:pt x="79" y="246"/>
                  <a:pt x="80" y="236"/>
                </a:cubicBezTo>
                <a:cubicBezTo>
                  <a:pt x="80" y="228"/>
                  <a:pt x="78" y="220"/>
                  <a:pt x="74" y="213"/>
                </a:cubicBezTo>
                <a:cubicBezTo>
                  <a:pt x="84" y="203"/>
                  <a:pt x="116" y="174"/>
                  <a:pt x="128" y="163"/>
                </a:cubicBezTo>
                <a:cubicBezTo>
                  <a:pt x="144" y="183"/>
                  <a:pt x="152" y="207"/>
                  <a:pt x="152" y="230"/>
                </a:cubicBezTo>
                <a:cubicBezTo>
                  <a:pt x="152" y="258"/>
                  <a:pt x="141" y="286"/>
                  <a:pt x="120" y="307"/>
                </a:cubicBezTo>
                <a:cubicBezTo>
                  <a:pt x="117" y="310"/>
                  <a:pt x="116" y="313"/>
                  <a:pt x="116" y="317"/>
                </a:cubicBezTo>
                <a:cubicBezTo>
                  <a:pt x="116" y="320"/>
                  <a:pt x="117" y="323"/>
                  <a:pt x="120" y="326"/>
                </a:cubicBezTo>
                <a:cubicBezTo>
                  <a:pt x="184" y="391"/>
                  <a:pt x="184" y="391"/>
                  <a:pt x="184" y="391"/>
                </a:cubicBezTo>
                <a:cubicBezTo>
                  <a:pt x="186" y="394"/>
                  <a:pt x="190" y="395"/>
                  <a:pt x="193" y="395"/>
                </a:cubicBezTo>
                <a:cubicBezTo>
                  <a:pt x="197" y="395"/>
                  <a:pt x="200" y="394"/>
                  <a:pt x="203" y="391"/>
                </a:cubicBezTo>
                <a:cubicBezTo>
                  <a:pt x="246" y="348"/>
                  <a:pt x="269" y="291"/>
                  <a:pt x="269" y="231"/>
                </a:cubicBezTo>
                <a:cubicBezTo>
                  <a:pt x="269" y="231"/>
                  <a:pt x="269" y="231"/>
                  <a:pt x="269" y="231"/>
                </a:cubicBezTo>
                <a:cubicBezTo>
                  <a:pt x="269" y="175"/>
                  <a:pt x="249" y="122"/>
                  <a:pt x="212" y="80"/>
                </a:cubicBezTo>
                <a:cubicBezTo>
                  <a:pt x="223" y="69"/>
                  <a:pt x="247" y="44"/>
                  <a:pt x="259" y="32"/>
                </a:cubicBezTo>
                <a:cubicBezTo>
                  <a:pt x="309" y="86"/>
                  <a:pt x="336" y="156"/>
                  <a:pt x="336" y="230"/>
                </a:cubicBezTo>
                <a:cubicBezTo>
                  <a:pt x="336" y="230"/>
                  <a:pt x="336" y="230"/>
                  <a:pt x="336" y="230"/>
                </a:cubicBezTo>
                <a:cubicBezTo>
                  <a:pt x="336" y="309"/>
                  <a:pt x="305" y="383"/>
                  <a:pt x="250" y="438"/>
                </a:cubicBezTo>
                <a:cubicBezTo>
                  <a:pt x="247" y="441"/>
                  <a:pt x="246" y="444"/>
                  <a:pt x="246" y="448"/>
                </a:cubicBezTo>
                <a:cubicBezTo>
                  <a:pt x="246" y="451"/>
                  <a:pt x="247" y="454"/>
                  <a:pt x="250" y="457"/>
                </a:cubicBezTo>
                <a:cubicBezTo>
                  <a:pt x="255" y="462"/>
                  <a:pt x="263" y="462"/>
                  <a:pt x="269" y="457"/>
                </a:cubicBezTo>
                <a:cubicBezTo>
                  <a:pt x="329" y="396"/>
                  <a:pt x="363" y="316"/>
                  <a:pt x="363" y="230"/>
                </a:cubicBezTo>
                <a:cubicBezTo>
                  <a:pt x="363" y="145"/>
                  <a:pt x="329" y="64"/>
                  <a:pt x="269" y="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4" name="Freeform 357"/>
          <p:cNvSpPr>
            <a:spLocks/>
          </p:cNvSpPr>
          <p:nvPr userDrawn="1"/>
        </p:nvSpPr>
        <p:spPr bwMode="auto">
          <a:xfrm>
            <a:off x="5670857" y="4389724"/>
            <a:ext cx="533400" cy="542925"/>
          </a:xfrm>
          <a:custGeom>
            <a:avLst/>
            <a:gdLst/>
            <a:ahLst/>
            <a:cxnLst>
              <a:cxn ang="0">
                <a:pos x="470" y="225"/>
              </a:cxn>
              <a:cxn ang="0">
                <a:pos x="376" y="221"/>
              </a:cxn>
              <a:cxn ang="0">
                <a:pos x="392" y="271"/>
              </a:cxn>
              <a:cxn ang="0">
                <a:pos x="404" y="280"/>
              </a:cxn>
              <a:cxn ang="0">
                <a:pos x="362" y="365"/>
              </a:cxn>
              <a:cxn ang="0">
                <a:pos x="349" y="345"/>
              </a:cxn>
              <a:cxn ang="0">
                <a:pos x="302" y="280"/>
              </a:cxn>
              <a:cxn ang="0">
                <a:pos x="320" y="245"/>
              </a:cxn>
              <a:cxn ang="0">
                <a:pos x="361" y="188"/>
              </a:cxn>
              <a:cxn ang="0">
                <a:pos x="293" y="188"/>
              </a:cxn>
              <a:cxn ang="0">
                <a:pos x="320" y="146"/>
              </a:cxn>
              <a:cxn ang="0">
                <a:pos x="362" y="161"/>
              </a:cxn>
              <a:cxn ang="0">
                <a:pos x="404" y="143"/>
              </a:cxn>
              <a:cxn ang="0">
                <a:pos x="377" y="138"/>
              </a:cxn>
              <a:cxn ang="0">
                <a:pos x="354" y="129"/>
              </a:cxn>
              <a:cxn ang="0">
                <a:pos x="266" y="187"/>
              </a:cxn>
              <a:cxn ang="0">
                <a:pos x="340" y="205"/>
              </a:cxn>
              <a:cxn ang="0">
                <a:pos x="336" y="218"/>
              </a:cxn>
              <a:cxn ang="0">
                <a:pos x="261" y="260"/>
              </a:cxn>
              <a:cxn ang="0">
                <a:pos x="321" y="338"/>
              </a:cxn>
              <a:cxn ang="0">
                <a:pos x="353" y="394"/>
              </a:cxn>
              <a:cxn ang="0">
                <a:pos x="427" y="295"/>
              </a:cxn>
              <a:cxn ang="0">
                <a:pos x="409" y="251"/>
              </a:cxn>
              <a:cxn ang="0">
                <a:pos x="440" y="221"/>
              </a:cxn>
              <a:cxn ang="0">
                <a:pos x="445" y="245"/>
              </a:cxn>
              <a:cxn ang="0">
                <a:pos x="215" y="448"/>
              </a:cxn>
              <a:cxn ang="0">
                <a:pos x="266" y="335"/>
              </a:cxn>
              <a:cxn ang="0">
                <a:pos x="191" y="271"/>
              </a:cxn>
              <a:cxn ang="0">
                <a:pos x="148" y="236"/>
              </a:cxn>
              <a:cxn ang="0">
                <a:pos x="216" y="176"/>
              </a:cxn>
              <a:cxn ang="0">
                <a:pos x="102" y="117"/>
              </a:cxn>
              <a:cxn ang="0">
                <a:pos x="55" y="221"/>
              </a:cxn>
              <a:cxn ang="0">
                <a:pos x="126" y="313"/>
              </a:cxn>
              <a:cxn ang="0">
                <a:pos x="133" y="366"/>
              </a:cxn>
              <a:cxn ang="0">
                <a:pos x="127" y="416"/>
              </a:cxn>
              <a:cxn ang="0">
                <a:pos x="266" y="42"/>
              </a:cxn>
              <a:cxn ang="0">
                <a:pos x="316" y="86"/>
              </a:cxn>
              <a:cxn ang="0">
                <a:pos x="383" y="90"/>
              </a:cxn>
              <a:cxn ang="0">
                <a:pos x="384" y="24"/>
              </a:cxn>
              <a:cxn ang="0">
                <a:pos x="358" y="29"/>
              </a:cxn>
              <a:cxn ang="0">
                <a:pos x="269" y="16"/>
              </a:cxn>
              <a:cxn ang="0">
                <a:pos x="138" y="443"/>
              </a:cxn>
              <a:cxn ang="0">
                <a:pos x="144" y="334"/>
              </a:cxn>
              <a:cxn ang="0">
                <a:pos x="142" y="292"/>
              </a:cxn>
              <a:cxn ang="0">
                <a:pos x="85" y="194"/>
              </a:cxn>
              <a:cxn ang="0">
                <a:pos x="131" y="142"/>
              </a:cxn>
              <a:cxn ang="0">
                <a:pos x="186" y="188"/>
              </a:cxn>
              <a:cxn ang="0">
                <a:pos x="112" y="230"/>
              </a:cxn>
              <a:cxn ang="0">
                <a:pos x="176" y="294"/>
              </a:cxn>
              <a:cxn ang="0">
                <a:pos x="239" y="334"/>
              </a:cxn>
              <a:cxn ang="0">
                <a:pos x="184" y="393"/>
              </a:cxn>
              <a:cxn ang="0">
                <a:pos x="164" y="463"/>
              </a:cxn>
              <a:cxn ang="0">
                <a:pos x="470" y="274"/>
              </a:cxn>
            </a:cxnLst>
            <a:rect l="0" t="0" r="r" b="b"/>
            <a:pathLst>
              <a:path w="472" h="481">
                <a:moveTo>
                  <a:pt x="471" y="235"/>
                </a:moveTo>
                <a:cubicBezTo>
                  <a:pt x="471" y="234"/>
                  <a:pt x="471" y="234"/>
                  <a:pt x="471" y="234"/>
                </a:cubicBezTo>
                <a:cubicBezTo>
                  <a:pt x="470" y="225"/>
                  <a:pt x="470" y="225"/>
                  <a:pt x="470" y="225"/>
                </a:cubicBezTo>
                <a:cubicBezTo>
                  <a:pt x="470" y="224"/>
                  <a:pt x="470" y="224"/>
                  <a:pt x="470" y="224"/>
                </a:cubicBezTo>
                <a:cubicBezTo>
                  <a:pt x="467" y="207"/>
                  <a:pt x="458" y="200"/>
                  <a:pt x="450" y="197"/>
                </a:cubicBezTo>
                <a:cubicBezTo>
                  <a:pt x="426" y="187"/>
                  <a:pt x="390" y="210"/>
                  <a:pt x="376" y="221"/>
                </a:cubicBezTo>
                <a:cubicBezTo>
                  <a:pt x="370" y="225"/>
                  <a:pt x="367" y="231"/>
                  <a:pt x="367" y="238"/>
                </a:cubicBezTo>
                <a:cubicBezTo>
                  <a:pt x="367" y="238"/>
                  <a:pt x="367" y="238"/>
                  <a:pt x="367" y="238"/>
                </a:cubicBezTo>
                <a:cubicBezTo>
                  <a:pt x="367" y="252"/>
                  <a:pt x="380" y="262"/>
                  <a:pt x="392" y="271"/>
                </a:cubicBezTo>
                <a:cubicBezTo>
                  <a:pt x="393" y="272"/>
                  <a:pt x="393" y="272"/>
                  <a:pt x="393" y="272"/>
                </a:cubicBezTo>
                <a:cubicBezTo>
                  <a:pt x="393" y="272"/>
                  <a:pt x="400" y="277"/>
                  <a:pt x="400" y="277"/>
                </a:cubicBezTo>
                <a:cubicBezTo>
                  <a:pt x="401" y="278"/>
                  <a:pt x="403" y="279"/>
                  <a:pt x="404" y="280"/>
                </a:cubicBezTo>
                <a:cubicBezTo>
                  <a:pt x="404" y="280"/>
                  <a:pt x="404" y="281"/>
                  <a:pt x="403" y="282"/>
                </a:cubicBezTo>
                <a:cubicBezTo>
                  <a:pt x="397" y="293"/>
                  <a:pt x="393" y="305"/>
                  <a:pt x="388" y="316"/>
                </a:cubicBezTo>
                <a:cubicBezTo>
                  <a:pt x="381" y="334"/>
                  <a:pt x="374" y="352"/>
                  <a:pt x="362" y="365"/>
                </a:cubicBezTo>
                <a:cubicBezTo>
                  <a:pt x="360" y="367"/>
                  <a:pt x="357" y="368"/>
                  <a:pt x="356" y="368"/>
                </a:cubicBezTo>
                <a:cubicBezTo>
                  <a:pt x="355" y="368"/>
                  <a:pt x="355" y="367"/>
                  <a:pt x="354" y="366"/>
                </a:cubicBezTo>
                <a:cubicBezTo>
                  <a:pt x="351" y="361"/>
                  <a:pt x="350" y="353"/>
                  <a:pt x="349" y="345"/>
                </a:cubicBezTo>
                <a:cubicBezTo>
                  <a:pt x="348" y="341"/>
                  <a:pt x="348" y="337"/>
                  <a:pt x="347" y="333"/>
                </a:cubicBezTo>
                <a:cubicBezTo>
                  <a:pt x="342" y="305"/>
                  <a:pt x="323" y="294"/>
                  <a:pt x="305" y="282"/>
                </a:cubicBezTo>
                <a:cubicBezTo>
                  <a:pt x="302" y="280"/>
                  <a:pt x="302" y="280"/>
                  <a:pt x="302" y="280"/>
                </a:cubicBezTo>
                <a:cubicBezTo>
                  <a:pt x="294" y="275"/>
                  <a:pt x="288" y="266"/>
                  <a:pt x="287" y="259"/>
                </a:cubicBezTo>
                <a:cubicBezTo>
                  <a:pt x="287" y="255"/>
                  <a:pt x="289" y="252"/>
                  <a:pt x="292" y="250"/>
                </a:cubicBezTo>
                <a:cubicBezTo>
                  <a:pt x="299" y="245"/>
                  <a:pt x="307" y="245"/>
                  <a:pt x="320" y="245"/>
                </a:cubicBezTo>
                <a:cubicBezTo>
                  <a:pt x="326" y="245"/>
                  <a:pt x="333" y="245"/>
                  <a:pt x="340" y="245"/>
                </a:cubicBezTo>
                <a:cubicBezTo>
                  <a:pt x="350" y="243"/>
                  <a:pt x="359" y="235"/>
                  <a:pt x="364" y="224"/>
                </a:cubicBezTo>
                <a:cubicBezTo>
                  <a:pt x="370" y="211"/>
                  <a:pt x="368" y="197"/>
                  <a:pt x="361" y="188"/>
                </a:cubicBezTo>
                <a:cubicBezTo>
                  <a:pt x="349" y="172"/>
                  <a:pt x="327" y="179"/>
                  <a:pt x="312" y="184"/>
                </a:cubicBezTo>
                <a:cubicBezTo>
                  <a:pt x="306" y="186"/>
                  <a:pt x="298" y="188"/>
                  <a:pt x="296" y="188"/>
                </a:cubicBezTo>
                <a:cubicBezTo>
                  <a:pt x="294" y="188"/>
                  <a:pt x="293" y="188"/>
                  <a:pt x="293" y="188"/>
                </a:cubicBezTo>
                <a:cubicBezTo>
                  <a:pt x="293" y="187"/>
                  <a:pt x="293" y="187"/>
                  <a:pt x="293" y="186"/>
                </a:cubicBezTo>
                <a:cubicBezTo>
                  <a:pt x="293" y="184"/>
                  <a:pt x="294" y="179"/>
                  <a:pt x="297" y="173"/>
                </a:cubicBezTo>
                <a:cubicBezTo>
                  <a:pt x="304" y="158"/>
                  <a:pt x="316" y="147"/>
                  <a:pt x="320" y="146"/>
                </a:cubicBezTo>
                <a:cubicBezTo>
                  <a:pt x="325" y="145"/>
                  <a:pt x="332" y="148"/>
                  <a:pt x="339" y="152"/>
                </a:cubicBezTo>
                <a:cubicBezTo>
                  <a:pt x="342" y="153"/>
                  <a:pt x="342" y="153"/>
                  <a:pt x="342" y="153"/>
                </a:cubicBezTo>
                <a:cubicBezTo>
                  <a:pt x="348" y="156"/>
                  <a:pt x="355" y="159"/>
                  <a:pt x="362" y="161"/>
                </a:cubicBezTo>
                <a:cubicBezTo>
                  <a:pt x="362" y="161"/>
                  <a:pt x="365" y="162"/>
                  <a:pt x="365" y="162"/>
                </a:cubicBezTo>
                <a:cubicBezTo>
                  <a:pt x="371" y="164"/>
                  <a:pt x="382" y="168"/>
                  <a:pt x="391" y="162"/>
                </a:cubicBezTo>
                <a:cubicBezTo>
                  <a:pt x="398" y="157"/>
                  <a:pt x="401" y="150"/>
                  <a:pt x="404" y="143"/>
                </a:cubicBezTo>
                <a:cubicBezTo>
                  <a:pt x="406" y="136"/>
                  <a:pt x="403" y="129"/>
                  <a:pt x="396" y="126"/>
                </a:cubicBezTo>
                <a:cubicBezTo>
                  <a:pt x="389" y="123"/>
                  <a:pt x="381" y="127"/>
                  <a:pt x="379" y="134"/>
                </a:cubicBezTo>
                <a:cubicBezTo>
                  <a:pt x="378" y="136"/>
                  <a:pt x="377" y="137"/>
                  <a:pt x="377" y="138"/>
                </a:cubicBezTo>
                <a:cubicBezTo>
                  <a:pt x="376" y="138"/>
                  <a:pt x="375" y="137"/>
                  <a:pt x="374" y="137"/>
                </a:cubicBezTo>
                <a:cubicBezTo>
                  <a:pt x="371" y="136"/>
                  <a:pt x="371" y="136"/>
                  <a:pt x="371" y="136"/>
                </a:cubicBezTo>
                <a:cubicBezTo>
                  <a:pt x="364" y="134"/>
                  <a:pt x="359" y="131"/>
                  <a:pt x="354" y="129"/>
                </a:cubicBezTo>
                <a:cubicBezTo>
                  <a:pt x="350" y="128"/>
                  <a:pt x="350" y="128"/>
                  <a:pt x="350" y="128"/>
                </a:cubicBezTo>
                <a:cubicBezTo>
                  <a:pt x="341" y="123"/>
                  <a:pt x="329" y="117"/>
                  <a:pt x="314" y="120"/>
                </a:cubicBezTo>
                <a:cubicBezTo>
                  <a:pt x="293" y="125"/>
                  <a:pt x="266" y="162"/>
                  <a:pt x="266" y="187"/>
                </a:cubicBezTo>
                <a:cubicBezTo>
                  <a:pt x="267" y="202"/>
                  <a:pt x="276" y="212"/>
                  <a:pt x="292" y="215"/>
                </a:cubicBezTo>
                <a:cubicBezTo>
                  <a:pt x="300" y="216"/>
                  <a:pt x="310" y="213"/>
                  <a:pt x="320" y="209"/>
                </a:cubicBezTo>
                <a:cubicBezTo>
                  <a:pt x="326" y="208"/>
                  <a:pt x="337" y="204"/>
                  <a:pt x="340" y="205"/>
                </a:cubicBezTo>
                <a:cubicBezTo>
                  <a:pt x="341" y="205"/>
                  <a:pt x="341" y="206"/>
                  <a:pt x="341" y="207"/>
                </a:cubicBezTo>
                <a:cubicBezTo>
                  <a:pt x="341" y="209"/>
                  <a:pt x="341" y="212"/>
                  <a:pt x="340" y="214"/>
                </a:cubicBezTo>
                <a:cubicBezTo>
                  <a:pt x="338" y="217"/>
                  <a:pt x="337" y="218"/>
                  <a:pt x="336" y="218"/>
                </a:cubicBezTo>
                <a:cubicBezTo>
                  <a:pt x="332" y="219"/>
                  <a:pt x="326" y="218"/>
                  <a:pt x="321" y="218"/>
                </a:cubicBezTo>
                <a:cubicBezTo>
                  <a:pt x="307" y="218"/>
                  <a:pt x="290" y="217"/>
                  <a:pt x="276" y="229"/>
                </a:cubicBezTo>
                <a:cubicBezTo>
                  <a:pt x="265" y="237"/>
                  <a:pt x="260" y="248"/>
                  <a:pt x="261" y="260"/>
                </a:cubicBezTo>
                <a:cubicBezTo>
                  <a:pt x="262" y="279"/>
                  <a:pt x="275" y="295"/>
                  <a:pt x="288" y="303"/>
                </a:cubicBezTo>
                <a:cubicBezTo>
                  <a:pt x="290" y="305"/>
                  <a:pt x="290" y="305"/>
                  <a:pt x="290" y="305"/>
                </a:cubicBezTo>
                <a:cubicBezTo>
                  <a:pt x="308" y="316"/>
                  <a:pt x="318" y="323"/>
                  <a:pt x="321" y="338"/>
                </a:cubicBezTo>
                <a:cubicBezTo>
                  <a:pt x="321" y="341"/>
                  <a:pt x="322" y="345"/>
                  <a:pt x="322" y="348"/>
                </a:cubicBezTo>
                <a:cubicBezTo>
                  <a:pt x="324" y="358"/>
                  <a:pt x="325" y="370"/>
                  <a:pt x="331" y="380"/>
                </a:cubicBezTo>
                <a:cubicBezTo>
                  <a:pt x="336" y="388"/>
                  <a:pt x="344" y="393"/>
                  <a:pt x="353" y="394"/>
                </a:cubicBezTo>
                <a:cubicBezTo>
                  <a:pt x="363" y="395"/>
                  <a:pt x="374" y="391"/>
                  <a:pt x="381" y="383"/>
                </a:cubicBezTo>
                <a:cubicBezTo>
                  <a:pt x="397" y="366"/>
                  <a:pt x="405" y="345"/>
                  <a:pt x="413" y="325"/>
                </a:cubicBezTo>
                <a:cubicBezTo>
                  <a:pt x="418" y="315"/>
                  <a:pt x="422" y="304"/>
                  <a:pt x="427" y="295"/>
                </a:cubicBezTo>
                <a:cubicBezTo>
                  <a:pt x="430" y="288"/>
                  <a:pt x="432" y="283"/>
                  <a:pt x="432" y="279"/>
                </a:cubicBezTo>
                <a:cubicBezTo>
                  <a:pt x="432" y="266"/>
                  <a:pt x="421" y="259"/>
                  <a:pt x="415" y="254"/>
                </a:cubicBezTo>
                <a:cubicBezTo>
                  <a:pt x="409" y="251"/>
                  <a:pt x="409" y="251"/>
                  <a:pt x="409" y="251"/>
                </a:cubicBezTo>
                <a:cubicBezTo>
                  <a:pt x="407" y="249"/>
                  <a:pt x="407" y="249"/>
                  <a:pt x="407" y="249"/>
                </a:cubicBezTo>
                <a:cubicBezTo>
                  <a:pt x="401" y="245"/>
                  <a:pt x="398" y="242"/>
                  <a:pt x="396" y="240"/>
                </a:cubicBezTo>
                <a:cubicBezTo>
                  <a:pt x="414" y="227"/>
                  <a:pt x="434" y="219"/>
                  <a:pt x="440" y="221"/>
                </a:cubicBezTo>
                <a:cubicBezTo>
                  <a:pt x="442" y="222"/>
                  <a:pt x="443" y="225"/>
                  <a:pt x="444" y="228"/>
                </a:cubicBezTo>
                <a:cubicBezTo>
                  <a:pt x="444" y="229"/>
                  <a:pt x="445" y="235"/>
                  <a:pt x="445" y="236"/>
                </a:cubicBezTo>
                <a:cubicBezTo>
                  <a:pt x="445" y="239"/>
                  <a:pt x="445" y="242"/>
                  <a:pt x="445" y="245"/>
                </a:cubicBezTo>
                <a:cubicBezTo>
                  <a:pt x="445" y="254"/>
                  <a:pt x="444" y="262"/>
                  <a:pt x="443" y="271"/>
                </a:cubicBezTo>
                <a:cubicBezTo>
                  <a:pt x="436" y="325"/>
                  <a:pt x="409" y="373"/>
                  <a:pt x="366" y="406"/>
                </a:cubicBezTo>
                <a:cubicBezTo>
                  <a:pt x="323" y="439"/>
                  <a:pt x="269" y="454"/>
                  <a:pt x="215" y="448"/>
                </a:cubicBezTo>
                <a:cubicBezTo>
                  <a:pt x="201" y="447"/>
                  <a:pt x="188" y="443"/>
                  <a:pt x="180" y="440"/>
                </a:cubicBezTo>
                <a:cubicBezTo>
                  <a:pt x="185" y="431"/>
                  <a:pt x="203" y="409"/>
                  <a:pt x="246" y="372"/>
                </a:cubicBezTo>
                <a:cubicBezTo>
                  <a:pt x="259" y="360"/>
                  <a:pt x="266" y="347"/>
                  <a:pt x="266" y="335"/>
                </a:cubicBezTo>
                <a:cubicBezTo>
                  <a:pt x="266" y="333"/>
                  <a:pt x="266" y="332"/>
                  <a:pt x="266" y="330"/>
                </a:cubicBezTo>
                <a:cubicBezTo>
                  <a:pt x="262" y="304"/>
                  <a:pt x="229" y="289"/>
                  <a:pt x="202" y="276"/>
                </a:cubicBezTo>
                <a:cubicBezTo>
                  <a:pt x="191" y="271"/>
                  <a:pt x="191" y="271"/>
                  <a:pt x="191" y="271"/>
                </a:cubicBezTo>
                <a:cubicBezTo>
                  <a:pt x="185" y="269"/>
                  <a:pt x="185" y="269"/>
                  <a:pt x="185" y="269"/>
                </a:cubicBezTo>
                <a:cubicBezTo>
                  <a:pt x="147" y="255"/>
                  <a:pt x="137" y="247"/>
                  <a:pt x="135" y="244"/>
                </a:cubicBezTo>
                <a:cubicBezTo>
                  <a:pt x="137" y="242"/>
                  <a:pt x="140" y="239"/>
                  <a:pt x="148" y="236"/>
                </a:cubicBezTo>
                <a:cubicBezTo>
                  <a:pt x="152" y="235"/>
                  <a:pt x="157" y="233"/>
                  <a:pt x="161" y="232"/>
                </a:cubicBezTo>
                <a:cubicBezTo>
                  <a:pt x="178" y="227"/>
                  <a:pt x="199" y="220"/>
                  <a:pt x="210" y="200"/>
                </a:cubicBezTo>
                <a:cubicBezTo>
                  <a:pt x="214" y="192"/>
                  <a:pt x="216" y="184"/>
                  <a:pt x="216" y="176"/>
                </a:cubicBezTo>
                <a:cubicBezTo>
                  <a:pt x="216" y="161"/>
                  <a:pt x="209" y="147"/>
                  <a:pt x="196" y="138"/>
                </a:cubicBezTo>
                <a:cubicBezTo>
                  <a:pt x="178" y="126"/>
                  <a:pt x="157" y="118"/>
                  <a:pt x="134" y="115"/>
                </a:cubicBezTo>
                <a:cubicBezTo>
                  <a:pt x="122" y="114"/>
                  <a:pt x="111" y="114"/>
                  <a:pt x="102" y="117"/>
                </a:cubicBezTo>
                <a:cubicBezTo>
                  <a:pt x="74" y="123"/>
                  <a:pt x="65" y="161"/>
                  <a:pt x="60" y="184"/>
                </a:cubicBezTo>
                <a:cubicBezTo>
                  <a:pt x="59" y="188"/>
                  <a:pt x="59" y="188"/>
                  <a:pt x="59" y="188"/>
                </a:cubicBezTo>
                <a:cubicBezTo>
                  <a:pt x="56" y="200"/>
                  <a:pt x="55" y="211"/>
                  <a:pt x="55" y="221"/>
                </a:cubicBezTo>
                <a:cubicBezTo>
                  <a:pt x="55" y="237"/>
                  <a:pt x="58" y="250"/>
                  <a:pt x="65" y="261"/>
                </a:cubicBezTo>
                <a:cubicBezTo>
                  <a:pt x="77" y="281"/>
                  <a:pt x="97" y="294"/>
                  <a:pt x="114" y="306"/>
                </a:cubicBezTo>
                <a:cubicBezTo>
                  <a:pt x="114" y="306"/>
                  <a:pt x="125" y="313"/>
                  <a:pt x="126" y="313"/>
                </a:cubicBezTo>
                <a:cubicBezTo>
                  <a:pt x="122" y="318"/>
                  <a:pt x="118" y="324"/>
                  <a:pt x="118" y="334"/>
                </a:cubicBezTo>
                <a:cubicBezTo>
                  <a:pt x="118" y="334"/>
                  <a:pt x="118" y="334"/>
                  <a:pt x="118" y="335"/>
                </a:cubicBezTo>
                <a:cubicBezTo>
                  <a:pt x="118" y="349"/>
                  <a:pt x="126" y="358"/>
                  <a:pt x="133" y="366"/>
                </a:cubicBezTo>
                <a:cubicBezTo>
                  <a:pt x="139" y="373"/>
                  <a:pt x="142" y="377"/>
                  <a:pt x="142" y="384"/>
                </a:cubicBezTo>
                <a:cubicBezTo>
                  <a:pt x="142" y="385"/>
                  <a:pt x="142" y="385"/>
                  <a:pt x="142" y="386"/>
                </a:cubicBezTo>
                <a:cubicBezTo>
                  <a:pt x="142" y="397"/>
                  <a:pt x="134" y="408"/>
                  <a:pt x="127" y="416"/>
                </a:cubicBezTo>
                <a:cubicBezTo>
                  <a:pt x="70" y="377"/>
                  <a:pt x="36" y="313"/>
                  <a:pt x="36" y="245"/>
                </a:cubicBezTo>
                <a:cubicBezTo>
                  <a:pt x="36" y="237"/>
                  <a:pt x="36" y="228"/>
                  <a:pt x="37" y="220"/>
                </a:cubicBezTo>
                <a:cubicBezTo>
                  <a:pt x="52" y="108"/>
                  <a:pt x="154" y="28"/>
                  <a:pt x="266" y="42"/>
                </a:cubicBezTo>
                <a:cubicBezTo>
                  <a:pt x="294" y="46"/>
                  <a:pt x="321" y="55"/>
                  <a:pt x="345" y="70"/>
                </a:cubicBezTo>
                <a:cubicBezTo>
                  <a:pt x="335" y="72"/>
                  <a:pt x="327" y="73"/>
                  <a:pt x="327" y="73"/>
                </a:cubicBezTo>
                <a:cubicBezTo>
                  <a:pt x="320" y="74"/>
                  <a:pt x="316" y="80"/>
                  <a:pt x="316" y="86"/>
                </a:cubicBezTo>
                <a:cubicBezTo>
                  <a:pt x="316" y="87"/>
                  <a:pt x="316" y="88"/>
                  <a:pt x="316" y="89"/>
                </a:cubicBezTo>
                <a:cubicBezTo>
                  <a:pt x="317" y="96"/>
                  <a:pt x="324" y="101"/>
                  <a:pt x="332" y="99"/>
                </a:cubicBezTo>
                <a:cubicBezTo>
                  <a:pt x="383" y="90"/>
                  <a:pt x="383" y="90"/>
                  <a:pt x="383" y="90"/>
                </a:cubicBezTo>
                <a:cubicBezTo>
                  <a:pt x="386" y="89"/>
                  <a:pt x="389" y="87"/>
                  <a:pt x="391" y="84"/>
                </a:cubicBezTo>
                <a:cubicBezTo>
                  <a:pt x="393" y="81"/>
                  <a:pt x="394" y="78"/>
                  <a:pt x="394" y="74"/>
                </a:cubicBezTo>
                <a:cubicBezTo>
                  <a:pt x="384" y="24"/>
                  <a:pt x="384" y="24"/>
                  <a:pt x="384" y="24"/>
                </a:cubicBezTo>
                <a:cubicBezTo>
                  <a:pt x="383" y="16"/>
                  <a:pt x="376" y="12"/>
                  <a:pt x="368" y="13"/>
                </a:cubicBezTo>
                <a:cubicBezTo>
                  <a:pt x="362" y="14"/>
                  <a:pt x="357" y="20"/>
                  <a:pt x="357" y="26"/>
                </a:cubicBezTo>
                <a:cubicBezTo>
                  <a:pt x="357" y="27"/>
                  <a:pt x="358" y="28"/>
                  <a:pt x="358" y="29"/>
                </a:cubicBezTo>
                <a:cubicBezTo>
                  <a:pt x="358" y="29"/>
                  <a:pt x="360" y="38"/>
                  <a:pt x="362" y="48"/>
                </a:cubicBezTo>
                <a:cubicBezTo>
                  <a:pt x="361" y="48"/>
                  <a:pt x="361" y="48"/>
                  <a:pt x="361" y="48"/>
                </a:cubicBezTo>
                <a:cubicBezTo>
                  <a:pt x="333" y="31"/>
                  <a:pt x="302" y="20"/>
                  <a:pt x="269" y="16"/>
                </a:cubicBezTo>
                <a:cubicBezTo>
                  <a:pt x="143" y="0"/>
                  <a:pt x="27" y="90"/>
                  <a:pt x="11" y="216"/>
                </a:cubicBezTo>
                <a:cubicBezTo>
                  <a:pt x="0" y="307"/>
                  <a:pt x="43" y="397"/>
                  <a:pt x="122" y="444"/>
                </a:cubicBezTo>
                <a:cubicBezTo>
                  <a:pt x="127" y="447"/>
                  <a:pt x="133" y="447"/>
                  <a:pt x="138" y="443"/>
                </a:cubicBezTo>
                <a:cubicBezTo>
                  <a:pt x="141" y="440"/>
                  <a:pt x="167" y="417"/>
                  <a:pt x="169" y="388"/>
                </a:cubicBezTo>
                <a:cubicBezTo>
                  <a:pt x="171" y="368"/>
                  <a:pt x="160" y="356"/>
                  <a:pt x="153" y="348"/>
                </a:cubicBezTo>
                <a:cubicBezTo>
                  <a:pt x="147" y="342"/>
                  <a:pt x="144" y="339"/>
                  <a:pt x="144" y="334"/>
                </a:cubicBezTo>
                <a:cubicBezTo>
                  <a:pt x="144" y="333"/>
                  <a:pt x="145" y="332"/>
                  <a:pt x="148" y="329"/>
                </a:cubicBezTo>
                <a:cubicBezTo>
                  <a:pt x="151" y="325"/>
                  <a:pt x="156" y="319"/>
                  <a:pt x="155" y="310"/>
                </a:cubicBezTo>
                <a:cubicBezTo>
                  <a:pt x="154" y="302"/>
                  <a:pt x="147" y="296"/>
                  <a:pt x="142" y="292"/>
                </a:cubicBezTo>
                <a:cubicBezTo>
                  <a:pt x="142" y="292"/>
                  <a:pt x="129" y="283"/>
                  <a:pt x="129" y="283"/>
                </a:cubicBezTo>
                <a:cubicBezTo>
                  <a:pt x="113" y="273"/>
                  <a:pt x="97" y="262"/>
                  <a:pt x="88" y="248"/>
                </a:cubicBezTo>
                <a:cubicBezTo>
                  <a:pt x="81" y="235"/>
                  <a:pt x="80" y="218"/>
                  <a:pt x="85" y="194"/>
                </a:cubicBezTo>
                <a:cubicBezTo>
                  <a:pt x="86" y="190"/>
                  <a:pt x="86" y="190"/>
                  <a:pt x="86" y="190"/>
                </a:cubicBezTo>
                <a:cubicBezTo>
                  <a:pt x="89" y="178"/>
                  <a:pt x="96" y="145"/>
                  <a:pt x="108" y="142"/>
                </a:cubicBezTo>
                <a:cubicBezTo>
                  <a:pt x="115" y="141"/>
                  <a:pt x="122" y="141"/>
                  <a:pt x="131" y="142"/>
                </a:cubicBezTo>
                <a:cubicBezTo>
                  <a:pt x="150" y="144"/>
                  <a:pt x="166" y="150"/>
                  <a:pt x="181" y="160"/>
                </a:cubicBezTo>
                <a:cubicBezTo>
                  <a:pt x="188" y="165"/>
                  <a:pt x="190" y="170"/>
                  <a:pt x="190" y="175"/>
                </a:cubicBezTo>
                <a:cubicBezTo>
                  <a:pt x="190" y="180"/>
                  <a:pt x="188" y="185"/>
                  <a:pt x="186" y="188"/>
                </a:cubicBezTo>
                <a:cubicBezTo>
                  <a:pt x="181" y="198"/>
                  <a:pt x="168" y="202"/>
                  <a:pt x="153" y="206"/>
                </a:cubicBezTo>
                <a:cubicBezTo>
                  <a:pt x="148" y="208"/>
                  <a:pt x="143" y="210"/>
                  <a:pt x="138" y="211"/>
                </a:cubicBezTo>
                <a:cubicBezTo>
                  <a:pt x="125" y="217"/>
                  <a:pt x="117" y="222"/>
                  <a:pt x="112" y="230"/>
                </a:cubicBezTo>
                <a:cubicBezTo>
                  <a:pt x="109" y="234"/>
                  <a:pt x="108" y="239"/>
                  <a:pt x="108" y="243"/>
                </a:cubicBezTo>
                <a:cubicBezTo>
                  <a:pt x="108" y="246"/>
                  <a:pt x="108" y="248"/>
                  <a:pt x="109" y="251"/>
                </a:cubicBezTo>
                <a:cubicBezTo>
                  <a:pt x="114" y="266"/>
                  <a:pt x="134" y="279"/>
                  <a:pt x="176" y="294"/>
                </a:cubicBezTo>
                <a:cubicBezTo>
                  <a:pt x="176" y="294"/>
                  <a:pt x="179" y="295"/>
                  <a:pt x="179" y="295"/>
                </a:cubicBezTo>
                <a:cubicBezTo>
                  <a:pt x="181" y="296"/>
                  <a:pt x="191" y="301"/>
                  <a:pt x="191" y="301"/>
                </a:cubicBezTo>
                <a:cubicBezTo>
                  <a:pt x="208" y="309"/>
                  <a:pt x="238" y="322"/>
                  <a:pt x="239" y="334"/>
                </a:cubicBezTo>
                <a:cubicBezTo>
                  <a:pt x="239" y="334"/>
                  <a:pt x="239" y="335"/>
                  <a:pt x="239" y="335"/>
                </a:cubicBezTo>
                <a:cubicBezTo>
                  <a:pt x="239" y="339"/>
                  <a:pt x="235" y="345"/>
                  <a:pt x="228" y="352"/>
                </a:cubicBezTo>
                <a:cubicBezTo>
                  <a:pt x="211" y="367"/>
                  <a:pt x="196" y="381"/>
                  <a:pt x="184" y="393"/>
                </a:cubicBezTo>
                <a:cubicBezTo>
                  <a:pt x="157" y="422"/>
                  <a:pt x="151" y="435"/>
                  <a:pt x="151" y="444"/>
                </a:cubicBezTo>
                <a:cubicBezTo>
                  <a:pt x="151" y="446"/>
                  <a:pt x="151" y="447"/>
                  <a:pt x="151" y="448"/>
                </a:cubicBezTo>
                <a:cubicBezTo>
                  <a:pt x="152" y="455"/>
                  <a:pt x="157" y="461"/>
                  <a:pt x="164" y="463"/>
                </a:cubicBezTo>
                <a:cubicBezTo>
                  <a:pt x="165" y="464"/>
                  <a:pt x="189" y="472"/>
                  <a:pt x="212" y="475"/>
                </a:cubicBezTo>
                <a:cubicBezTo>
                  <a:pt x="273" y="481"/>
                  <a:pt x="334" y="464"/>
                  <a:pt x="382" y="427"/>
                </a:cubicBezTo>
                <a:cubicBezTo>
                  <a:pt x="431" y="389"/>
                  <a:pt x="462" y="335"/>
                  <a:pt x="470" y="274"/>
                </a:cubicBezTo>
                <a:cubicBezTo>
                  <a:pt x="471" y="261"/>
                  <a:pt x="472" y="248"/>
                  <a:pt x="471" y="23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5" name="Freeform 373"/>
          <p:cNvSpPr>
            <a:spLocks/>
          </p:cNvSpPr>
          <p:nvPr userDrawn="1"/>
        </p:nvSpPr>
        <p:spPr bwMode="auto">
          <a:xfrm>
            <a:off x="5751820" y="2381467"/>
            <a:ext cx="371475" cy="520700"/>
          </a:xfrm>
          <a:custGeom>
            <a:avLst/>
            <a:gdLst/>
            <a:ahLst/>
            <a:cxnLst>
              <a:cxn ang="0">
                <a:pos x="162" y="17"/>
              </a:cxn>
              <a:cxn ang="0">
                <a:pos x="162" y="19"/>
              </a:cxn>
              <a:cxn ang="0">
                <a:pos x="150" y="136"/>
              </a:cxn>
              <a:cxn ang="0">
                <a:pos x="47" y="205"/>
              </a:cxn>
              <a:cxn ang="0">
                <a:pos x="45" y="207"/>
              </a:cxn>
              <a:cxn ang="0">
                <a:pos x="38" y="223"/>
              </a:cxn>
              <a:cxn ang="0">
                <a:pos x="41" y="234"/>
              </a:cxn>
              <a:cxn ang="0">
                <a:pos x="67" y="244"/>
              </a:cxn>
              <a:cxn ang="0">
                <a:pos x="68" y="243"/>
              </a:cxn>
              <a:cxn ang="0">
                <a:pos x="152" y="210"/>
              </a:cxn>
              <a:cxn ang="0">
                <a:pos x="142" y="391"/>
              </a:cxn>
              <a:cxn ang="0">
                <a:pos x="142" y="392"/>
              </a:cxn>
              <a:cxn ang="0">
                <a:pos x="155" y="405"/>
              </a:cxn>
              <a:cxn ang="0">
                <a:pos x="169" y="393"/>
              </a:cxn>
              <a:cxn ang="0">
                <a:pos x="179" y="190"/>
              </a:cxn>
              <a:cxn ang="0">
                <a:pos x="174" y="179"/>
              </a:cxn>
              <a:cxn ang="0">
                <a:pos x="161" y="177"/>
              </a:cxn>
              <a:cxn ang="0">
                <a:pos x="99" y="202"/>
              </a:cxn>
              <a:cxn ang="0">
                <a:pos x="170" y="154"/>
              </a:cxn>
              <a:cxn ang="0">
                <a:pos x="176" y="145"/>
              </a:cxn>
              <a:cxn ang="0">
                <a:pos x="183" y="68"/>
              </a:cxn>
              <a:cxn ang="0">
                <a:pos x="191" y="144"/>
              </a:cxn>
              <a:cxn ang="0">
                <a:pos x="197" y="154"/>
              </a:cxn>
              <a:cxn ang="0">
                <a:pos x="268" y="203"/>
              </a:cxn>
              <a:cxn ang="0">
                <a:pos x="207" y="178"/>
              </a:cxn>
              <a:cxn ang="0">
                <a:pos x="194" y="179"/>
              </a:cxn>
              <a:cxn ang="0">
                <a:pos x="189" y="190"/>
              </a:cxn>
              <a:cxn ang="0">
                <a:pos x="189" y="191"/>
              </a:cxn>
              <a:cxn ang="0">
                <a:pos x="204" y="418"/>
              </a:cxn>
              <a:cxn ang="0">
                <a:pos x="42" y="418"/>
              </a:cxn>
              <a:cxn ang="0">
                <a:pos x="36" y="420"/>
              </a:cxn>
              <a:cxn ang="0">
                <a:pos x="7" y="434"/>
              </a:cxn>
              <a:cxn ang="0">
                <a:pos x="0" y="446"/>
              </a:cxn>
              <a:cxn ang="0">
                <a:pos x="1" y="451"/>
              </a:cxn>
              <a:cxn ang="0">
                <a:pos x="19" y="457"/>
              </a:cxn>
              <a:cxn ang="0">
                <a:pos x="45" y="445"/>
              </a:cxn>
              <a:cxn ang="0">
                <a:pos x="219" y="445"/>
              </a:cxn>
              <a:cxn ang="0">
                <a:pos x="228" y="440"/>
              </a:cxn>
              <a:cxn ang="0">
                <a:pos x="232" y="431"/>
              </a:cxn>
              <a:cxn ang="0">
                <a:pos x="232" y="430"/>
              </a:cxn>
              <a:cxn ang="0">
                <a:pos x="217" y="211"/>
              </a:cxn>
              <a:cxn ang="0">
                <a:pos x="299" y="245"/>
              </a:cxn>
              <a:cxn ang="0">
                <a:pos x="300" y="245"/>
              </a:cxn>
              <a:cxn ang="0">
                <a:pos x="326" y="235"/>
              </a:cxn>
              <a:cxn ang="0">
                <a:pos x="329" y="224"/>
              </a:cxn>
              <a:cxn ang="0">
                <a:pos x="322" y="208"/>
              </a:cxn>
              <a:cxn ang="0">
                <a:pos x="320" y="207"/>
              </a:cxn>
              <a:cxn ang="0">
                <a:pos x="217" y="135"/>
              </a:cxn>
              <a:cxn ang="0">
                <a:pos x="205" y="19"/>
              </a:cxn>
              <a:cxn ang="0">
                <a:pos x="205" y="17"/>
              </a:cxn>
              <a:cxn ang="0">
                <a:pos x="183" y="0"/>
              </a:cxn>
              <a:cxn ang="0">
                <a:pos x="162" y="17"/>
              </a:cxn>
            </a:cxnLst>
            <a:rect l="0" t="0" r="r" b="b"/>
            <a:pathLst>
              <a:path w="329" h="461">
                <a:moveTo>
                  <a:pt x="162" y="17"/>
                </a:moveTo>
                <a:cubicBezTo>
                  <a:pt x="162" y="18"/>
                  <a:pt x="162" y="18"/>
                  <a:pt x="162" y="19"/>
                </a:cubicBezTo>
                <a:cubicBezTo>
                  <a:pt x="162" y="19"/>
                  <a:pt x="151" y="124"/>
                  <a:pt x="150" y="136"/>
                </a:cubicBezTo>
                <a:cubicBezTo>
                  <a:pt x="140" y="142"/>
                  <a:pt x="47" y="205"/>
                  <a:pt x="47" y="205"/>
                </a:cubicBezTo>
                <a:cubicBezTo>
                  <a:pt x="46" y="206"/>
                  <a:pt x="46" y="206"/>
                  <a:pt x="45" y="207"/>
                </a:cubicBezTo>
                <a:cubicBezTo>
                  <a:pt x="41" y="210"/>
                  <a:pt x="38" y="216"/>
                  <a:pt x="38" y="223"/>
                </a:cubicBezTo>
                <a:cubicBezTo>
                  <a:pt x="38" y="226"/>
                  <a:pt x="39" y="230"/>
                  <a:pt x="41" y="234"/>
                </a:cubicBezTo>
                <a:cubicBezTo>
                  <a:pt x="47" y="244"/>
                  <a:pt x="59" y="246"/>
                  <a:pt x="67" y="244"/>
                </a:cubicBezTo>
                <a:cubicBezTo>
                  <a:pt x="67" y="243"/>
                  <a:pt x="68" y="243"/>
                  <a:pt x="68" y="243"/>
                </a:cubicBezTo>
                <a:cubicBezTo>
                  <a:pt x="68" y="243"/>
                  <a:pt x="126" y="220"/>
                  <a:pt x="152" y="210"/>
                </a:cubicBezTo>
                <a:cubicBezTo>
                  <a:pt x="150" y="243"/>
                  <a:pt x="142" y="391"/>
                  <a:pt x="142" y="391"/>
                </a:cubicBezTo>
                <a:cubicBezTo>
                  <a:pt x="142" y="391"/>
                  <a:pt x="142" y="392"/>
                  <a:pt x="142" y="392"/>
                </a:cubicBezTo>
                <a:cubicBezTo>
                  <a:pt x="142" y="399"/>
                  <a:pt x="148" y="405"/>
                  <a:pt x="155" y="405"/>
                </a:cubicBezTo>
                <a:cubicBezTo>
                  <a:pt x="162" y="406"/>
                  <a:pt x="168" y="400"/>
                  <a:pt x="169" y="393"/>
                </a:cubicBezTo>
                <a:cubicBezTo>
                  <a:pt x="179" y="190"/>
                  <a:pt x="179" y="190"/>
                  <a:pt x="179" y="190"/>
                </a:cubicBezTo>
                <a:cubicBezTo>
                  <a:pt x="180" y="186"/>
                  <a:pt x="178" y="181"/>
                  <a:pt x="174" y="179"/>
                </a:cubicBezTo>
                <a:cubicBezTo>
                  <a:pt x="170" y="176"/>
                  <a:pt x="165" y="176"/>
                  <a:pt x="161" y="177"/>
                </a:cubicBezTo>
                <a:cubicBezTo>
                  <a:pt x="161" y="177"/>
                  <a:pt x="129" y="190"/>
                  <a:pt x="99" y="202"/>
                </a:cubicBezTo>
                <a:cubicBezTo>
                  <a:pt x="131" y="181"/>
                  <a:pt x="170" y="154"/>
                  <a:pt x="170" y="154"/>
                </a:cubicBezTo>
                <a:cubicBezTo>
                  <a:pt x="173" y="152"/>
                  <a:pt x="175" y="148"/>
                  <a:pt x="176" y="145"/>
                </a:cubicBezTo>
                <a:cubicBezTo>
                  <a:pt x="176" y="145"/>
                  <a:pt x="180" y="104"/>
                  <a:pt x="183" y="68"/>
                </a:cubicBezTo>
                <a:cubicBezTo>
                  <a:pt x="187" y="104"/>
                  <a:pt x="191" y="144"/>
                  <a:pt x="191" y="144"/>
                </a:cubicBezTo>
                <a:cubicBezTo>
                  <a:pt x="192" y="148"/>
                  <a:pt x="194" y="152"/>
                  <a:pt x="197" y="154"/>
                </a:cubicBezTo>
                <a:cubicBezTo>
                  <a:pt x="197" y="154"/>
                  <a:pt x="236" y="181"/>
                  <a:pt x="268" y="203"/>
                </a:cubicBezTo>
                <a:cubicBezTo>
                  <a:pt x="239" y="191"/>
                  <a:pt x="207" y="178"/>
                  <a:pt x="207" y="178"/>
                </a:cubicBezTo>
                <a:cubicBezTo>
                  <a:pt x="203" y="176"/>
                  <a:pt x="198" y="177"/>
                  <a:pt x="194" y="179"/>
                </a:cubicBezTo>
                <a:cubicBezTo>
                  <a:pt x="191" y="182"/>
                  <a:pt x="189" y="186"/>
                  <a:pt x="189" y="190"/>
                </a:cubicBezTo>
                <a:cubicBezTo>
                  <a:pt x="189" y="191"/>
                  <a:pt x="189" y="191"/>
                  <a:pt x="189" y="191"/>
                </a:cubicBezTo>
                <a:cubicBezTo>
                  <a:pt x="189" y="191"/>
                  <a:pt x="203" y="393"/>
                  <a:pt x="204" y="418"/>
                </a:cubicBezTo>
                <a:cubicBezTo>
                  <a:pt x="180" y="418"/>
                  <a:pt x="42" y="418"/>
                  <a:pt x="42" y="418"/>
                </a:cubicBezTo>
                <a:cubicBezTo>
                  <a:pt x="40" y="418"/>
                  <a:pt x="38" y="419"/>
                  <a:pt x="36" y="420"/>
                </a:cubicBezTo>
                <a:cubicBezTo>
                  <a:pt x="7" y="434"/>
                  <a:pt x="7" y="434"/>
                  <a:pt x="7" y="434"/>
                </a:cubicBezTo>
                <a:cubicBezTo>
                  <a:pt x="3" y="436"/>
                  <a:pt x="0" y="441"/>
                  <a:pt x="0" y="446"/>
                </a:cubicBezTo>
                <a:cubicBezTo>
                  <a:pt x="0" y="447"/>
                  <a:pt x="0" y="449"/>
                  <a:pt x="1" y="451"/>
                </a:cubicBezTo>
                <a:cubicBezTo>
                  <a:pt x="4" y="458"/>
                  <a:pt x="12" y="461"/>
                  <a:pt x="19" y="457"/>
                </a:cubicBezTo>
                <a:cubicBezTo>
                  <a:pt x="19" y="457"/>
                  <a:pt x="40" y="447"/>
                  <a:pt x="45" y="445"/>
                </a:cubicBezTo>
                <a:cubicBezTo>
                  <a:pt x="51" y="445"/>
                  <a:pt x="219" y="445"/>
                  <a:pt x="219" y="445"/>
                </a:cubicBezTo>
                <a:cubicBezTo>
                  <a:pt x="222" y="445"/>
                  <a:pt x="226" y="443"/>
                  <a:pt x="228" y="440"/>
                </a:cubicBezTo>
                <a:cubicBezTo>
                  <a:pt x="231" y="438"/>
                  <a:pt x="232" y="435"/>
                  <a:pt x="232" y="431"/>
                </a:cubicBezTo>
                <a:cubicBezTo>
                  <a:pt x="232" y="431"/>
                  <a:pt x="232" y="431"/>
                  <a:pt x="232" y="430"/>
                </a:cubicBezTo>
                <a:cubicBezTo>
                  <a:pt x="232" y="430"/>
                  <a:pt x="219" y="246"/>
                  <a:pt x="217" y="211"/>
                </a:cubicBezTo>
                <a:cubicBezTo>
                  <a:pt x="243" y="221"/>
                  <a:pt x="299" y="245"/>
                  <a:pt x="299" y="245"/>
                </a:cubicBezTo>
                <a:cubicBezTo>
                  <a:pt x="299" y="245"/>
                  <a:pt x="300" y="245"/>
                  <a:pt x="300" y="245"/>
                </a:cubicBezTo>
                <a:cubicBezTo>
                  <a:pt x="308" y="248"/>
                  <a:pt x="320" y="246"/>
                  <a:pt x="326" y="235"/>
                </a:cubicBezTo>
                <a:cubicBezTo>
                  <a:pt x="328" y="232"/>
                  <a:pt x="329" y="228"/>
                  <a:pt x="329" y="224"/>
                </a:cubicBezTo>
                <a:cubicBezTo>
                  <a:pt x="329" y="218"/>
                  <a:pt x="326" y="212"/>
                  <a:pt x="322" y="208"/>
                </a:cubicBezTo>
                <a:cubicBezTo>
                  <a:pt x="321" y="208"/>
                  <a:pt x="321" y="207"/>
                  <a:pt x="320" y="207"/>
                </a:cubicBezTo>
                <a:cubicBezTo>
                  <a:pt x="320" y="207"/>
                  <a:pt x="226" y="142"/>
                  <a:pt x="217" y="135"/>
                </a:cubicBezTo>
                <a:cubicBezTo>
                  <a:pt x="216" y="124"/>
                  <a:pt x="205" y="19"/>
                  <a:pt x="205" y="19"/>
                </a:cubicBezTo>
                <a:cubicBezTo>
                  <a:pt x="205" y="18"/>
                  <a:pt x="205" y="17"/>
                  <a:pt x="205" y="17"/>
                </a:cubicBezTo>
                <a:cubicBezTo>
                  <a:pt x="203" y="9"/>
                  <a:pt x="195" y="0"/>
                  <a:pt x="183" y="0"/>
                </a:cubicBezTo>
                <a:cubicBezTo>
                  <a:pt x="171" y="0"/>
                  <a:pt x="164" y="9"/>
                  <a:pt x="162" y="1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6" name="Freeform 429"/>
          <p:cNvSpPr>
            <a:spLocks/>
          </p:cNvSpPr>
          <p:nvPr userDrawn="1"/>
        </p:nvSpPr>
        <p:spPr bwMode="auto">
          <a:xfrm>
            <a:off x="5722451" y="3090971"/>
            <a:ext cx="430213" cy="314325"/>
          </a:xfrm>
          <a:custGeom>
            <a:avLst/>
            <a:gdLst/>
            <a:ahLst/>
            <a:cxnLst>
              <a:cxn ang="0">
                <a:pos x="72" y="39"/>
              </a:cxn>
              <a:cxn ang="0">
                <a:pos x="3" y="134"/>
              </a:cxn>
              <a:cxn ang="0">
                <a:pos x="47" y="230"/>
              </a:cxn>
              <a:cxn ang="0">
                <a:pos x="172" y="276"/>
              </a:cxn>
              <a:cxn ang="0">
                <a:pos x="307" y="247"/>
              </a:cxn>
              <a:cxn ang="0">
                <a:pos x="365" y="188"/>
              </a:cxn>
              <a:cxn ang="0">
                <a:pos x="371" y="115"/>
              </a:cxn>
              <a:cxn ang="0">
                <a:pos x="356" y="106"/>
              </a:cxn>
              <a:cxn ang="0">
                <a:pos x="347" y="122"/>
              </a:cxn>
              <a:cxn ang="0">
                <a:pos x="294" y="225"/>
              </a:cxn>
              <a:cxn ang="0">
                <a:pos x="64" y="211"/>
              </a:cxn>
              <a:cxn ang="0">
                <a:pos x="28" y="137"/>
              </a:cxn>
              <a:cxn ang="0">
                <a:pos x="84" y="61"/>
              </a:cxn>
              <a:cxn ang="0">
                <a:pos x="297" y="63"/>
              </a:cxn>
              <a:cxn ang="0">
                <a:pos x="297" y="63"/>
              </a:cxn>
              <a:cxn ang="0">
                <a:pos x="311" y="64"/>
              </a:cxn>
              <a:cxn ang="0">
                <a:pos x="334" y="51"/>
              </a:cxn>
              <a:cxn ang="0">
                <a:pos x="346" y="61"/>
              </a:cxn>
              <a:cxn ang="0">
                <a:pos x="237" y="124"/>
              </a:cxn>
              <a:cxn ang="0">
                <a:pos x="230" y="135"/>
              </a:cxn>
              <a:cxn ang="0">
                <a:pos x="231" y="139"/>
              </a:cxn>
              <a:cxn ang="0">
                <a:pos x="232" y="143"/>
              </a:cxn>
              <a:cxn ang="0">
                <a:pos x="218" y="162"/>
              </a:cxn>
              <a:cxn ang="0">
                <a:pos x="171" y="166"/>
              </a:cxn>
              <a:cxn ang="0">
                <a:pos x="162" y="168"/>
              </a:cxn>
              <a:cxn ang="0">
                <a:pos x="154" y="172"/>
              </a:cxn>
              <a:cxn ang="0">
                <a:pos x="142" y="161"/>
              </a:cxn>
              <a:cxn ang="0">
                <a:pos x="148" y="151"/>
              </a:cxn>
              <a:cxn ang="0">
                <a:pos x="147" y="147"/>
              </a:cxn>
              <a:cxn ang="0">
                <a:pos x="147" y="143"/>
              </a:cxn>
              <a:cxn ang="0">
                <a:pos x="160" y="124"/>
              </a:cxn>
              <a:cxn ang="0">
                <a:pos x="206" y="120"/>
              </a:cxn>
              <a:cxn ang="0">
                <a:pos x="216" y="119"/>
              </a:cxn>
              <a:cxn ang="0">
                <a:pos x="241" y="104"/>
              </a:cxn>
              <a:cxn ang="0">
                <a:pos x="246" y="87"/>
              </a:cxn>
              <a:cxn ang="0">
                <a:pos x="228" y="82"/>
              </a:cxn>
              <a:cxn ang="0">
                <a:pos x="208" y="94"/>
              </a:cxn>
              <a:cxn ang="0">
                <a:pos x="148" y="103"/>
              </a:cxn>
              <a:cxn ang="0">
                <a:pos x="121" y="143"/>
              </a:cxn>
              <a:cxn ang="0">
                <a:pos x="121" y="144"/>
              </a:cxn>
              <a:cxn ang="0">
                <a:pos x="114" y="149"/>
              </a:cxn>
              <a:cxn ang="0">
                <a:pos x="107" y="158"/>
              </a:cxn>
              <a:cxn ang="0">
                <a:pos x="107" y="159"/>
              </a:cxn>
              <a:cxn ang="0">
                <a:pos x="112" y="169"/>
              </a:cxn>
              <a:cxn ang="0">
                <a:pos x="145" y="197"/>
              </a:cxn>
              <a:cxn ang="0">
                <a:pos x="159" y="198"/>
              </a:cxn>
              <a:cxn ang="0">
                <a:pos x="170" y="192"/>
              </a:cxn>
              <a:cxn ang="0">
                <a:pos x="231" y="184"/>
              </a:cxn>
              <a:cxn ang="0">
                <a:pos x="257" y="143"/>
              </a:cxn>
              <a:cxn ang="0">
                <a:pos x="257" y="142"/>
              </a:cxn>
              <a:cxn ang="0">
                <a:pos x="375" y="74"/>
              </a:cxn>
              <a:cxn ang="0">
                <a:pos x="381" y="64"/>
              </a:cxn>
              <a:cxn ang="0">
                <a:pos x="381" y="63"/>
              </a:cxn>
              <a:cxn ang="0">
                <a:pos x="376" y="53"/>
              </a:cxn>
              <a:cxn ang="0">
                <a:pos x="344" y="25"/>
              </a:cxn>
              <a:cxn ang="0">
                <a:pos x="329" y="24"/>
              </a:cxn>
              <a:cxn ang="0">
                <a:pos x="305" y="38"/>
              </a:cxn>
              <a:cxn ang="0">
                <a:pos x="72" y="39"/>
              </a:cxn>
            </a:cxnLst>
            <a:rect l="0" t="0" r="r" b="b"/>
            <a:pathLst>
              <a:path w="381" h="279">
                <a:moveTo>
                  <a:pt x="72" y="39"/>
                </a:moveTo>
                <a:cubicBezTo>
                  <a:pt x="31" y="62"/>
                  <a:pt x="6" y="97"/>
                  <a:pt x="3" y="134"/>
                </a:cubicBezTo>
                <a:cubicBezTo>
                  <a:pt x="0" y="169"/>
                  <a:pt x="16" y="203"/>
                  <a:pt x="47" y="230"/>
                </a:cubicBezTo>
                <a:cubicBezTo>
                  <a:pt x="79" y="257"/>
                  <a:pt x="123" y="273"/>
                  <a:pt x="172" y="276"/>
                </a:cubicBezTo>
                <a:cubicBezTo>
                  <a:pt x="221" y="279"/>
                  <a:pt x="269" y="269"/>
                  <a:pt x="307" y="247"/>
                </a:cubicBezTo>
                <a:cubicBezTo>
                  <a:pt x="334" y="232"/>
                  <a:pt x="354" y="211"/>
                  <a:pt x="365" y="188"/>
                </a:cubicBezTo>
                <a:cubicBezTo>
                  <a:pt x="377" y="164"/>
                  <a:pt x="379" y="139"/>
                  <a:pt x="371" y="115"/>
                </a:cubicBezTo>
                <a:cubicBezTo>
                  <a:pt x="369" y="108"/>
                  <a:pt x="362" y="104"/>
                  <a:pt x="356" y="106"/>
                </a:cubicBezTo>
                <a:cubicBezTo>
                  <a:pt x="349" y="108"/>
                  <a:pt x="345" y="115"/>
                  <a:pt x="347" y="122"/>
                </a:cubicBezTo>
                <a:cubicBezTo>
                  <a:pt x="359" y="160"/>
                  <a:pt x="338" y="200"/>
                  <a:pt x="294" y="225"/>
                </a:cubicBezTo>
                <a:cubicBezTo>
                  <a:pt x="224" y="266"/>
                  <a:pt x="121" y="259"/>
                  <a:pt x="64" y="211"/>
                </a:cubicBezTo>
                <a:cubicBezTo>
                  <a:pt x="38" y="190"/>
                  <a:pt x="26" y="163"/>
                  <a:pt x="28" y="137"/>
                </a:cubicBezTo>
                <a:cubicBezTo>
                  <a:pt x="31" y="107"/>
                  <a:pt x="51" y="80"/>
                  <a:pt x="84" y="61"/>
                </a:cubicBezTo>
                <a:cubicBezTo>
                  <a:pt x="146" y="25"/>
                  <a:pt x="237" y="26"/>
                  <a:pt x="297" y="63"/>
                </a:cubicBezTo>
                <a:cubicBezTo>
                  <a:pt x="297" y="63"/>
                  <a:pt x="297" y="63"/>
                  <a:pt x="297" y="63"/>
                </a:cubicBezTo>
                <a:cubicBezTo>
                  <a:pt x="301" y="66"/>
                  <a:pt x="307" y="66"/>
                  <a:pt x="311" y="64"/>
                </a:cubicBezTo>
                <a:cubicBezTo>
                  <a:pt x="311" y="64"/>
                  <a:pt x="325" y="56"/>
                  <a:pt x="334" y="51"/>
                </a:cubicBezTo>
                <a:cubicBezTo>
                  <a:pt x="338" y="54"/>
                  <a:pt x="340" y="56"/>
                  <a:pt x="346" y="61"/>
                </a:cubicBezTo>
                <a:cubicBezTo>
                  <a:pt x="322" y="75"/>
                  <a:pt x="237" y="124"/>
                  <a:pt x="237" y="124"/>
                </a:cubicBezTo>
                <a:cubicBezTo>
                  <a:pt x="233" y="126"/>
                  <a:pt x="230" y="131"/>
                  <a:pt x="230" y="135"/>
                </a:cubicBezTo>
                <a:cubicBezTo>
                  <a:pt x="230" y="136"/>
                  <a:pt x="231" y="138"/>
                  <a:pt x="231" y="139"/>
                </a:cubicBezTo>
                <a:cubicBezTo>
                  <a:pt x="231" y="140"/>
                  <a:pt x="232" y="142"/>
                  <a:pt x="232" y="143"/>
                </a:cubicBezTo>
                <a:cubicBezTo>
                  <a:pt x="232" y="150"/>
                  <a:pt x="227" y="157"/>
                  <a:pt x="218" y="162"/>
                </a:cubicBezTo>
                <a:cubicBezTo>
                  <a:pt x="205" y="169"/>
                  <a:pt x="187" y="171"/>
                  <a:pt x="171" y="166"/>
                </a:cubicBezTo>
                <a:cubicBezTo>
                  <a:pt x="168" y="165"/>
                  <a:pt x="165" y="166"/>
                  <a:pt x="162" y="168"/>
                </a:cubicBezTo>
                <a:cubicBezTo>
                  <a:pt x="162" y="168"/>
                  <a:pt x="158" y="170"/>
                  <a:pt x="154" y="172"/>
                </a:cubicBezTo>
                <a:cubicBezTo>
                  <a:pt x="150" y="168"/>
                  <a:pt x="148" y="166"/>
                  <a:pt x="142" y="161"/>
                </a:cubicBezTo>
                <a:cubicBezTo>
                  <a:pt x="146" y="159"/>
                  <a:pt x="148" y="155"/>
                  <a:pt x="148" y="151"/>
                </a:cubicBezTo>
                <a:cubicBezTo>
                  <a:pt x="148" y="150"/>
                  <a:pt x="148" y="148"/>
                  <a:pt x="147" y="147"/>
                </a:cubicBezTo>
                <a:cubicBezTo>
                  <a:pt x="147" y="146"/>
                  <a:pt x="147" y="144"/>
                  <a:pt x="147" y="143"/>
                </a:cubicBezTo>
                <a:cubicBezTo>
                  <a:pt x="147" y="136"/>
                  <a:pt x="152" y="130"/>
                  <a:pt x="160" y="124"/>
                </a:cubicBezTo>
                <a:cubicBezTo>
                  <a:pt x="173" y="117"/>
                  <a:pt x="191" y="115"/>
                  <a:pt x="206" y="120"/>
                </a:cubicBezTo>
                <a:cubicBezTo>
                  <a:pt x="210" y="121"/>
                  <a:pt x="213" y="120"/>
                  <a:pt x="216" y="119"/>
                </a:cubicBezTo>
                <a:cubicBezTo>
                  <a:pt x="241" y="104"/>
                  <a:pt x="241" y="104"/>
                  <a:pt x="241" y="104"/>
                </a:cubicBezTo>
                <a:cubicBezTo>
                  <a:pt x="247" y="101"/>
                  <a:pt x="249" y="93"/>
                  <a:pt x="246" y="87"/>
                </a:cubicBezTo>
                <a:cubicBezTo>
                  <a:pt x="242" y="81"/>
                  <a:pt x="234" y="79"/>
                  <a:pt x="228" y="82"/>
                </a:cubicBezTo>
                <a:cubicBezTo>
                  <a:pt x="228" y="82"/>
                  <a:pt x="214" y="91"/>
                  <a:pt x="208" y="94"/>
                </a:cubicBezTo>
                <a:cubicBezTo>
                  <a:pt x="187" y="90"/>
                  <a:pt x="165" y="93"/>
                  <a:pt x="148" y="103"/>
                </a:cubicBezTo>
                <a:cubicBezTo>
                  <a:pt x="131" y="112"/>
                  <a:pt x="121" y="127"/>
                  <a:pt x="121" y="143"/>
                </a:cubicBezTo>
                <a:cubicBezTo>
                  <a:pt x="121" y="143"/>
                  <a:pt x="121" y="144"/>
                  <a:pt x="121" y="144"/>
                </a:cubicBezTo>
                <a:cubicBezTo>
                  <a:pt x="118" y="146"/>
                  <a:pt x="114" y="149"/>
                  <a:pt x="114" y="149"/>
                </a:cubicBezTo>
                <a:cubicBezTo>
                  <a:pt x="110" y="151"/>
                  <a:pt x="108" y="154"/>
                  <a:pt x="107" y="158"/>
                </a:cubicBezTo>
                <a:cubicBezTo>
                  <a:pt x="107" y="159"/>
                  <a:pt x="107" y="159"/>
                  <a:pt x="107" y="159"/>
                </a:cubicBezTo>
                <a:cubicBezTo>
                  <a:pt x="107" y="163"/>
                  <a:pt x="109" y="167"/>
                  <a:pt x="112" y="169"/>
                </a:cubicBezTo>
                <a:cubicBezTo>
                  <a:pt x="145" y="197"/>
                  <a:pt x="145" y="197"/>
                  <a:pt x="145" y="197"/>
                </a:cubicBezTo>
                <a:cubicBezTo>
                  <a:pt x="149" y="200"/>
                  <a:pt x="155" y="201"/>
                  <a:pt x="159" y="198"/>
                </a:cubicBezTo>
                <a:cubicBezTo>
                  <a:pt x="159" y="198"/>
                  <a:pt x="165" y="195"/>
                  <a:pt x="170" y="192"/>
                </a:cubicBezTo>
                <a:cubicBezTo>
                  <a:pt x="191" y="197"/>
                  <a:pt x="214" y="194"/>
                  <a:pt x="231" y="184"/>
                </a:cubicBezTo>
                <a:cubicBezTo>
                  <a:pt x="247" y="174"/>
                  <a:pt x="257" y="159"/>
                  <a:pt x="257" y="143"/>
                </a:cubicBezTo>
                <a:cubicBezTo>
                  <a:pt x="257" y="143"/>
                  <a:pt x="257" y="142"/>
                  <a:pt x="257" y="142"/>
                </a:cubicBezTo>
                <a:cubicBezTo>
                  <a:pt x="270" y="134"/>
                  <a:pt x="375" y="74"/>
                  <a:pt x="375" y="74"/>
                </a:cubicBezTo>
                <a:cubicBezTo>
                  <a:pt x="378" y="72"/>
                  <a:pt x="381" y="68"/>
                  <a:pt x="381" y="64"/>
                </a:cubicBezTo>
                <a:cubicBezTo>
                  <a:pt x="381" y="63"/>
                  <a:pt x="381" y="63"/>
                  <a:pt x="381" y="63"/>
                </a:cubicBezTo>
                <a:cubicBezTo>
                  <a:pt x="381" y="59"/>
                  <a:pt x="379" y="55"/>
                  <a:pt x="376" y="53"/>
                </a:cubicBezTo>
                <a:cubicBezTo>
                  <a:pt x="344" y="25"/>
                  <a:pt x="344" y="25"/>
                  <a:pt x="344" y="25"/>
                </a:cubicBezTo>
                <a:cubicBezTo>
                  <a:pt x="339" y="22"/>
                  <a:pt x="334" y="21"/>
                  <a:pt x="329" y="24"/>
                </a:cubicBezTo>
                <a:cubicBezTo>
                  <a:pt x="329" y="24"/>
                  <a:pt x="313" y="34"/>
                  <a:pt x="305" y="38"/>
                </a:cubicBezTo>
                <a:cubicBezTo>
                  <a:pt x="237" y="0"/>
                  <a:pt x="140" y="0"/>
                  <a:pt x="72" y="3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7" name="Freeform 445"/>
          <p:cNvSpPr>
            <a:spLocks noEditPoints="1"/>
          </p:cNvSpPr>
          <p:nvPr userDrawn="1"/>
        </p:nvSpPr>
        <p:spPr bwMode="auto">
          <a:xfrm>
            <a:off x="5685938" y="1744567"/>
            <a:ext cx="503238" cy="519113"/>
          </a:xfrm>
          <a:custGeom>
            <a:avLst/>
            <a:gdLst/>
            <a:ahLst/>
            <a:cxnLst>
              <a:cxn ang="0">
                <a:pos x="388" y="238"/>
              </a:cxn>
              <a:cxn ang="0">
                <a:pos x="429" y="217"/>
              </a:cxn>
              <a:cxn ang="0">
                <a:pos x="406" y="201"/>
              </a:cxn>
              <a:cxn ang="0">
                <a:pos x="388" y="161"/>
              </a:cxn>
              <a:cxn ang="0">
                <a:pos x="388" y="154"/>
              </a:cxn>
              <a:cxn ang="0">
                <a:pos x="366" y="147"/>
              </a:cxn>
              <a:cxn ang="0">
                <a:pos x="205" y="148"/>
              </a:cxn>
              <a:cxn ang="0">
                <a:pos x="283" y="139"/>
              </a:cxn>
              <a:cxn ang="0">
                <a:pos x="446" y="69"/>
              </a:cxn>
              <a:cxn ang="0">
                <a:pos x="283" y="0"/>
              </a:cxn>
              <a:cxn ang="0">
                <a:pos x="120" y="69"/>
              </a:cxn>
              <a:cxn ang="0">
                <a:pos x="178" y="123"/>
              </a:cxn>
              <a:cxn ang="0">
                <a:pos x="178" y="158"/>
              </a:cxn>
              <a:cxn ang="0">
                <a:pos x="178" y="243"/>
              </a:cxn>
              <a:cxn ang="0">
                <a:pos x="0" y="348"/>
              </a:cxn>
              <a:cxn ang="0">
                <a:pos x="157" y="449"/>
              </a:cxn>
              <a:cxn ang="0">
                <a:pos x="150" y="432"/>
              </a:cxn>
              <a:cxn ang="0">
                <a:pos x="27" y="347"/>
              </a:cxn>
              <a:cxn ang="0">
                <a:pos x="178" y="271"/>
              </a:cxn>
              <a:cxn ang="0">
                <a:pos x="120" y="331"/>
              </a:cxn>
              <a:cxn ang="0">
                <a:pos x="283" y="400"/>
              </a:cxn>
              <a:cxn ang="0">
                <a:pos x="446" y="331"/>
              </a:cxn>
              <a:cxn ang="0">
                <a:pos x="147" y="69"/>
              </a:cxn>
              <a:cxn ang="0">
                <a:pos x="283" y="27"/>
              </a:cxn>
              <a:cxn ang="0">
                <a:pos x="420" y="69"/>
              </a:cxn>
              <a:cxn ang="0">
                <a:pos x="283" y="112"/>
              </a:cxn>
              <a:cxn ang="0">
                <a:pos x="147" y="69"/>
              </a:cxn>
              <a:cxn ang="0">
                <a:pos x="361" y="175"/>
              </a:cxn>
              <a:cxn ang="0">
                <a:pos x="251" y="182"/>
              </a:cxn>
              <a:cxn ang="0">
                <a:pos x="221" y="198"/>
              </a:cxn>
              <a:cxn ang="0">
                <a:pos x="292" y="225"/>
              </a:cxn>
              <a:cxn ang="0">
                <a:pos x="205" y="189"/>
              </a:cxn>
              <a:cxn ang="0">
                <a:pos x="384" y="358"/>
              </a:cxn>
              <a:cxn ang="0">
                <a:pos x="182" y="358"/>
              </a:cxn>
              <a:cxn ang="0">
                <a:pos x="195" y="299"/>
              </a:cxn>
              <a:cxn ang="0">
                <a:pos x="205" y="265"/>
              </a:cxn>
              <a:cxn ang="0">
                <a:pos x="361" y="242"/>
              </a:cxn>
              <a:cxn ang="0">
                <a:pos x="371" y="299"/>
              </a:cxn>
              <a:cxn ang="0">
                <a:pos x="384" y="358"/>
              </a:cxn>
            </a:cxnLst>
            <a:rect l="0" t="0" r="r" b="b"/>
            <a:pathLst>
              <a:path w="446" h="459">
                <a:moveTo>
                  <a:pt x="388" y="277"/>
                </a:moveTo>
                <a:cubicBezTo>
                  <a:pt x="388" y="238"/>
                  <a:pt x="388" y="238"/>
                  <a:pt x="388" y="238"/>
                </a:cubicBezTo>
                <a:cubicBezTo>
                  <a:pt x="396" y="236"/>
                  <a:pt x="403" y="235"/>
                  <a:pt x="408" y="234"/>
                </a:cubicBezTo>
                <a:cubicBezTo>
                  <a:pt x="415" y="232"/>
                  <a:pt x="429" y="229"/>
                  <a:pt x="429" y="217"/>
                </a:cubicBezTo>
                <a:cubicBezTo>
                  <a:pt x="429" y="217"/>
                  <a:pt x="429" y="216"/>
                  <a:pt x="429" y="216"/>
                </a:cubicBezTo>
                <a:cubicBezTo>
                  <a:pt x="428" y="203"/>
                  <a:pt x="413" y="202"/>
                  <a:pt x="406" y="201"/>
                </a:cubicBezTo>
                <a:cubicBezTo>
                  <a:pt x="402" y="201"/>
                  <a:pt x="396" y="201"/>
                  <a:pt x="388" y="201"/>
                </a:cubicBezTo>
                <a:cubicBezTo>
                  <a:pt x="388" y="161"/>
                  <a:pt x="388" y="161"/>
                  <a:pt x="388" y="161"/>
                </a:cubicBezTo>
                <a:cubicBezTo>
                  <a:pt x="388" y="159"/>
                  <a:pt x="388" y="157"/>
                  <a:pt x="388" y="154"/>
                </a:cubicBezTo>
                <a:cubicBezTo>
                  <a:pt x="388" y="154"/>
                  <a:pt x="388" y="154"/>
                  <a:pt x="388" y="154"/>
                </a:cubicBezTo>
                <a:cubicBezTo>
                  <a:pt x="386" y="148"/>
                  <a:pt x="381" y="143"/>
                  <a:pt x="375" y="143"/>
                </a:cubicBezTo>
                <a:cubicBezTo>
                  <a:pt x="371" y="143"/>
                  <a:pt x="368" y="145"/>
                  <a:pt x="366" y="147"/>
                </a:cubicBezTo>
                <a:cubicBezTo>
                  <a:pt x="342" y="153"/>
                  <a:pt x="313" y="156"/>
                  <a:pt x="283" y="156"/>
                </a:cubicBezTo>
                <a:cubicBezTo>
                  <a:pt x="255" y="156"/>
                  <a:pt x="228" y="154"/>
                  <a:pt x="205" y="148"/>
                </a:cubicBezTo>
                <a:cubicBezTo>
                  <a:pt x="205" y="131"/>
                  <a:pt x="205" y="131"/>
                  <a:pt x="205" y="131"/>
                </a:cubicBezTo>
                <a:cubicBezTo>
                  <a:pt x="229" y="136"/>
                  <a:pt x="255" y="139"/>
                  <a:pt x="283" y="139"/>
                </a:cubicBezTo>
                <a:cubicBezTo>
                  <a:pt x="325" y="139"/>
                  <a:pt x="364" y="133"/>
                  <a:pt x="394" y="121"/>
                </a:cubicBezTo>
                <a:cubicBezTo>
                  <a:pt x="418" y="112"/>
                  <a:pt x="446" y="96"/>
                  <a:pt x="446" y="69"/>
                </a:cubicBezTo>
                <a:cubicBezTo>
                  <a:pt x="446" y="54"/>
                  <a:pt x="437" y="33"/>
                  <a:pt x="394" y="17"/>
                </a:cubicBezTo>
                <a:cubicBezTo>
                  <a:pt x="364" y="6"/>
                  <a:pt x="325" y="0"/>
                  <a:pt x="283" y="0"/>
                </a:cubicBezTo>
                <a:cubicBezTo>
                  <a:pt x="242" y="0"/>
                  <a:pt x="202" y="6"/>
                  <a:pt x="172" y="17"/>
                </a:cubicBezTo>
                <a:cubicBezTo>
                  <a:pt x="148" y="26"/>
                  <a:pt x="120" y="42"/>
                  <a:pt x="120" y="69"/>
                </a:cubicBezTo>
                <a:cubicBezTo>
                  <a:pt x="120" y="84"/>
                  <a:pt x="129" y="105"/>
                  <a:pt x="172" y="121"/>
                </a:cubicBezTo>
                <a:cubicBezTo>
                  <a:pt x="174" y="122"/>
                  <a:pt x="176" y="123"/>
                  <a:pt x="178" y="123"/>
                </a:cubicBezTo>
                <a:cubicBezTo>
                  <a:pt x="178" y="156"/>
                  <a:pt x="178" y="156"/>
                  <a:pt x="178" y="156"/>
                </a:cubicBezTo>
                <a:cubicBezTo>
                  <a:pt x="178" y="157"/>
                  <a:pt x="178" y="157"/>
                  <a:pt x="178" y="158"/>
                </a:cubicBezTo>
                <a:cubicBezTo>
                  <a:pt x="178" y="159"/>
                  <a:pt x="178" y="160"/>
                  <a:pt x="178" y="160"/>
                </a:cubicBezTo>
                <a:cubicBezTo>
                  <a:pt x="178" y="243"/>
                  <a:pt x="178" y="243"/>
                  <a:pt x="178" y="243"/>
                </a:cubicBezTo>
                <a:cubicBezTo>
                  <a:pt x="97" y="263"/>
                  <a:pt x="4" y="293"/>
                  <a:pt x="0" y="345"/>
                </a:cubicBezTo>
                <a:cubicBezTo>
                  <a:pt x="0" y="346"/>
                  <a:pt x="0" y="347"/>
                  <a:pt x="0" y="348"/>
                </a:cubicBezTo>
                <a:cubicBezTo>
                  <a:pt x="0" y="385"/>
                  <a:pt x="45" y="420"/>
                  <a:pt x="140" y="457"/>
                </a:cubicBezTo>
                <a:cubicBezTo>
                  <a:pt x="147" y="459"/>
                  <a:pt x="155" y="456"/>
                  <a:pt x="157" y="449"/>
                </a:cubicBezTo>
                <a:cubicBezTo>
                  <a:pt x="158" y="447"/>
                  <a:pt x="158" y="446"/>
                  <a:pt x="158" y="444"/>
                </a:cubicBezTo>
                <a:cubicBezTo>
                  <a:pt x="158" y="439"/>
                  <a:pt x="155" y="434"/>
                  <a:pt x="150" y="432"/>
                </a:cubicBezTo>
                <a:cubicBezTo>
                  <a:pt x="40" y="389"/>
                  <a:pt x="27" y="360"/>
                  <a:pt x="27" y="348"/>
                </a:cubicBezTo>
                <a:cubicBezTo>
                  <a:pt x="27" y="347"/>
                  <a:pt x="27" y="347"/>
                  <a:pt x="27" y="347"/>
                </a:cubicBezTo>
                <a:cubicBezTo>
                  <a:pt x="28" y="331"/>
                  <a:pt x="50" y="314"/>
                  <a:pt x="89" y="298"/>
                </a:cubicBezTo>
                <a:cubicBezTo>
                  <a:pt x="121" y="285"/>
                  <a:pt x="156" y="276"/>
                  <a:pt x="178" y="271"/>
                </a:cubicBezTo>
                <a:cubicBezTo>
                  <a:pt x="178" y="277"/>
                  <a:pt x="178" y="277"/>
                  <a:pt x="178" y="277"/>
                </a:cubicBezTo>
                <a:cubicBezTo>
                  <a:pt x="141" y="289"/>
                  <a:pt x="120" y="308"/>
                  <a:pt x="120" y="331"/>
                </a:cubicBezTo>
                <a:cubicBezTo>
                  <a:pt x="120" y="346"/>
                  <a:pt x="129" y="367"/>
                  <a:pt x="172" y="383"/>
                </a:cubicBezTo>
                <a:cubicBezTo>
                  <a:pt x="202" y="394"/>
                  <a:pt x="242" y="400"/>
                  <a:pt x="283" y="400"/>
                </a:cubicBezTo>
                <a:cubicBezTo>
                  <a:pt x="325" y="400"/>
                  <a:pt x="364" y="394"/>
                  <a:pt x="394" y="383"/>
                </a:cubicBezTo>
                <a:cubicBezTo>
                  <a:pt x="418" y="374"/>
                  <a:pt x="446" y="358"/>
                  <a:pt x="446" y="331"/>
                </a:cubicBezTo>
                <a:cubicBezTo>
                  <a:pt x="446" y="308"/>
                  <a:pt x="426" y="289"/>
                  <a:pt x="388" y="277"/>
                </a:cubicBezTo>
                <a:close/>
                <a:moveTo>
                  <a:pt x="147" y="69"/>
                </a:moveTo>
                <a:cubicBezTo>
                  <a:pt x="147" y="63"/>
                  <a:pt x="156" y="52"/>
                  <a:pt x="182" y="42"/>
                </a:cubicBezTo>
                <a:cubicBezTo>
                  <a:pt x="209" y="32"/>
                  <a:pt x="245" y="27"/>
                  <a:pt x="283" y="27"/>
                </a:cubicBezTo>
                <a:cubicBezTo>
                  <a:pt x="322" y="27"/>
                  <a:pt x="358" y="32"/>
                  <a:pt x="384" y="42"/>
                </a:cubicBezTo>
                <a:cubicBezTo>
                  <a:pt x="410" y="52"/>
                  <a:pt x="420" y="63"/>
                  <a:pt x="420" y="69"/>
                </a:cubicBezTo>
                <a:cubicBezTo>
                  <a:pt x="420" y="76"/>
                  <a:pt x="410" y="87"/>
                  <a:pt x="384" y="96"/>
                </a:cubicBezTo>
                <a:cubicBezTo>
                  <a:pt x="358" y="106"/>
                  <a:pt x="322" y="112"/>
                  <a:pt x="283" y="112"/>
                </a:cubicBezTo>
                <a:cubicBezTo>
                  <a:pt x="245" y="112"/>
                  <a:pt x="209" y="106"/>
                  <a:pt x="182" y="96"/>
                </a:cubicBezTo>
                <a:cubicBezTo>
                  <a:pt x="156" y="87"/>
                  <a:pt x="147" y="76"/>
                  <a:pt x="147" y="69"/>
                </a:cubicBezTo>
                <a:close/>
                <a:moveTo>
                  <a:pt x="283" y="183"/>
                </a:moveTo>
                <a:cubicBezTo>
                  <a:pt x="311" y="183"/>
                  <a:pt x="338" y="180"/>
                  <a:pt x="361" y="175"/>
                </a:cubicBezTo>
                <a:cubicBezTo>
                  <a:pt x="361" y="200"/>
                  <a:pt x="361" y="200"/>
                  <a:pt x="361" y="200"/>
                </a:cubicBezTo>
                <a:cubicBezTo>
                  <a:pt x="310" y="199"/>
                  <a:pt x="275" y="191"/>
                  <a:pt x="251" y="182"/>
                </a:cubicBezTo>
                <a:cubicBezTo>
                  <a:pt x="261" y="183"/>
                  <a:pt x="272" y="183"/>
                  <a:pt x="283" y="183"/>
                </a:cubicBezTo>
                <a:close/>
                <a:moveTo>
                  <a:pt x="221" y="198"/>
                </a:moveTo>
                <a:cubicBezTo>
                  <a:pt x="244" y="210"/>
                  <a:pt x="273" y="218"/>
                  <a:pt x="306" y="223"/>
                </a:cubicBezTo>
                <a:cubicBezTo>
                  <a:pt x="302" y="224"/>
                  <a:pt x="297" y="224"/>
                  <a:pt x="292" y="225"/>
                </a:cubicBezTo>
                <a:cubicBezTo>
                  <a:pt x="258" y="230"/>
                  <a:pt x="226" y="234"/>
                  <a:pt x="205" y="238"/>
                </a:cubicBezTo>
                <a:cubicBezTo>
                  <a:pt x="205" y="189"/>
                  <a:pt x="205" y="189"/>
                  <a:pt x="205" y="189"/>
                </a:cubicBezTo>
                <a:cubicBezTo>
                  <a:pt x="209" y="192"/>
                  <a:pt x="215" y="195"/>
                  <a:pt x="221" y="198"/>
                </a:cubicBezTo>
                <a:close/>
                <a:moveTo>
                  <a:pt x="384" y="358"/>
                </a:moveTo>
                <a:cubicBezTo>
                  <a:pt x="358" y="368"/>
                  <a:pt x="322" y="373"/>
                  <a:pt x="283" y="373"/>
                </a:cubicBezTo>
                <a:cubicBezTo>
                  <a:pt x="245" y="373"/>
                  <a:pt x="209" y="368"/>
                  <a:pt x="182" y="358"/>
                </a:cubicBezTo>
                <a:cubicBezTo>
                  <a:pt x="156" y="348"/>
                  <a:pt x="147" y="337"/>
                  <a:pt x="147" y="331"/>
                </a:cubicBezTo>
                <a:cubicBezTo>
                  <a:pt x="147" y="322"/>
                  <a:pt x="162" y="309"/>
                  <a:pt x="195" y="299"/>
                </a:cubicBezTo>
                <a:cubicBezTo>
                  <a:pt x="201" y="298"/>
                  <a:pt x="205" y="292"/>
                  <a:pt x="205" y="286"/>
                </a:cubicBezTo>
                <a:cubicBezTo>
                  <a:pt x="205" y="265"/>
                  <a:pt x="205" y="265"/>
                  <a:pt x="205" y="265"/>
                </a:cubicBezTo>
                <a:cubicBezTo>
                  <a:pt x="225" y="261"/>
                  <a:pt x="261" y="256"/>
                  <a:pt x="296" y="251"/>
                </a:cubicBezTo>
                <a:cubicBezTo>
                  <a:pt x="318" y="248"/>
                  <a:pt x="341" y="245"/>
                  <a:pt x="361" y="242"/>
                </a:cubicBezTo>
                <a:cubicBezTo>
                  <a:pt x="361" y="286"/>
                  <a:pt x="361" y="286"/>
                  <a:pt x="361" y="286"/>
                </a:cubicBezTo>
                <a:cubicBezTo>
                  <a:pt x="361" y="292"/>
                  <a:pt x="365" y="298"/>
                  <a:pt x="371" y="299"/>
                </a:cubicBezTo>
                <a:cubicBezTo>
                  <a:pt x="404" y="309"/>
                  <a:pt x="420" y="322"/>
                  <a:pt x="420" y="331"/>
                </a:cubicBezTo>
                <a:cubicBezTo>
                  <a:pt x="420" y="337"/>
                  <a:pt x="410" y="348"/>
                  <a:pt x="384" y="35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8" name="Freeform 485"/>
          <p:cNvSpPr>
            <a:spLocks/>
          </p:cNvSpPr>
          <p:nvPr userDrawn="1"/>
        </p:nvSpPr>
        <p:spPr bwMode="auto">
          <a:xfrm>
            <a:off x="5680382" y="3815216"/>
            <a:ext cx="514350" cy="242888"/>
          </a:xfrm>
          <a:custGeom>
            <a:avLst/>
            <a:gdLst/>
            <a:ahLst/>
            <a:cxnLst>
              <a:cxn ang="0">
                <a:pos x="109" y="12"/>
              </a:cxn>
              <a:cxn ang="0">
                <a:pos x="51" y="53"/>
              </a:cxn>
              <a:cxn ang="0">
                <a:pos x="109" y="93"/>
              </a:cxn>
              <a:cxn ang="0">
                <a:pos x="227" y="105"/>
              </a:cxn>
              <a:cxn ang="0">
                <a:pos x="227" y="105"/>
              </a:cxn>
              <a:cxn ang="0">
                <a:pos x="346" y="93"/>
              </a:cxn>
              <a:cxn ang="0">
                <a:pos x="388" y="77"/>
              </a:cxn>
              <a:cxn ang="0">
                <a:pos x="427" y="152"/>
              </a:cxn>
              <a:cxn ang="0">
                <a:pos x="227" y="188"/>
              </a:cxn>
              <a:cxn ang="0">
                <a:pos x="28" y="152"/>
              </a:cxn>
              <a:cxn ang="0">
                <a:pos x="56" y="94"/>
              </a:cxn>
              <a:cxn ang="0">
                <a:pos x="58" y="88"/>
              </a:cxn>
              <a:cxn ang="0">
                <a:pos x="50" y="76"/>
              </a:cxn>
              <a:cxn ang="0">
                <a:pos x="32" y="82"/>
              </a:cxn>
              <a:cxn ang="0">
                <a:pos x="1" y="146"/>
              </a:cxn>
              <a:cxn ang="0">
                <a:pos x="0" y="152"/>
              </a:cxn>
              <a:cxn ang="0">
                <a:pos x="34" y="189"/>
              </a:cxn>
              <a:cxn ang="0">
                <a:pos x="227" y="215"/>
              </a:cxn>
              <a:cxn ang="0">
                <a:pos x="420" y="189"/>
              </a:cxn>
              <a:cxn ang="0">
                <a:pos x="455" y="152"/>
              </a:cxn>
              <a:cxn ang="0">
                <a:pos x="454" y="146"/>
              </a:cxn>
              <a:cxn ang="0">
                <a:pos x="402" y="46"/>
              </a:cxn>
              <a:cxn ang="0">
                <a:pos x="387" y="40"/>
              </a:cxn>
              <a:cxn ang="0">
                <a:pos x="377" y="52"/>
              </a:cxn>
              <a:cxn ang="0">
                <a:pos x="333" y="69"/>
              </a:cxn>
              <a:cxn ang="0">
                <a:pos x="227" y="79"/>
              </a:cxn>
              <a:cxn ang="0">
                <a:pos x="122" y="69"/>
              </a:cxn>
              <a:cxn ang="0">
                <a:pos x="79" y="53"/>
              </a:cxn>
              <a:cxn ang="0">
                <a:pos x="122" y="36"/>
              </a:cxn>
              <a:cxn ang="0">
                <a:pos x="227" y="27"/>
              </a:cxn>
              <a:cxn ang="0">
                <a:pos x="241" y="13"/>
              </a:cxn>
              <a:cxn ang="0">
                <a:pos x="227" y="0"/>
              </a:cxn>
              <a:cxn ang="0">
                <a:pos x="109" y="12"/>
              </a:cxn>
            </a:cxnLst>
            <a:rect l="0" t="0" r="r" b="b"/>
            <a:pathLst>
              <a:path w="455" h="215">
                <a:moveTo>
                  <a:pt x="109" y="12"/>
                </a:moveTo>
                <a:cubicBezTo>
                  <a:pt x="70" y="21"/>
                  <a:pt x="51" y="35"/>
                  <a:pt x="51" y="53"/>
                </a:cubicBezTo>
                <a:cubicBezTo>
                  <a:pt x="51" y="71"/>
                  <a:pt x="70" y="84"/>
                  <a:pt x="109" y="93"/>
                </a:cubicBezTo>
                <a:cubicBezTo>
                  <a:pt x="141" y="101"/>
                  <a:pt x="183" y="105"/>
                  <a:pt x="227" y="105"/>
                </a:cubicBezTo>
                <a:cubicBezTo>
                  <a:pt x="227" y="105"/>
                  <a:pt x="227" y="105"/>
                  <a:pt x="227" y="105"/>
                </a:cubicBezTo>
                <a:cubicBezTo>
                  <a:pt x="272" y="105"/>
                  <a:pt x="314" y="101"/>
                  <a:pt x="346" y="93"/>
                </a:cubicBezTo>
                <a:cubicBezTo>
                  <a:pt x="365" y="89"/>
                  <a:pt x="379" y="83"/>
                  <a:pt x="388" y="77"/>
                </a:cubicBezTo>
                <a:cubicBezTo>
                  <a:pt x="400" y="99"/>
                  <a:pt x="419" y="135"/>
                  <a:pt x="427" y="152"/>
                </a:cubicBezTo>
                <a:cubicBezTo>
                  <a:pt x="421" y="160"/>
                  <a:pt x="388" y="188"/>
                  <a:pt x="227" y="188"/>
                </a:cubicBezTo>
                <a:cubicBezTo>
                  <a:pt x="67" y="188"/>
                  <a:pt x="34" y="160"/>
                  <a:pt x="28" y="152"/>
                </a:cubicBezTo>
                <a:cubicBezTo>
                  <a:pt x="37" y="131"/>
                  <a:pt x="56" y="95"/>
                  <a:pt x="56" y="94"/>
                </a:cubicBezTo>
                <a:cubicBezTo>
                  <a:pt x="57" y="92"/>
                  <a:pt x="58" y="90"/>
                  <a:pt x="58" y="88"/>
                </a:cubicBezTo>
                <a:cubicBezTo>
                  <a:pt x="58" y="83"/>
                  <a:pt x="55" y="79"/>
                  <a:pt x="50" y="76"/>
                </a:cubicBezTo>
                <a:cubicBezTo>
                  <a:pt x="44" y="73"/>
                  <a:pt x="36" y="75"/>
                  <a:pt x="32" y="82"/>
                </a:cubicBezTo>
                <a:cubicBezTo>
                  <a:pt x="32" y="84"/>
                  <a:pt x="9" y="127"/>
                  <a:pt x="1" y="146"/>
                </a:cubicBezTo>
                <a:cubicBezTo>
                  <a:pt x="0" y="148"/>
                  <a:pt x="0" y="150"/>
                  <a:pt x="0" y="152"/>
                </a:cubicBezTo>
                <a:cubicBezTo>
                  <a:pt x="0" y="157"/>
                  <a:pt x="2" y="174"/>
                  <a:pt x="34" y="189"/>
                </a:cubicBezTo>
                <a:cubicBezTo>
                  <a:pt x="72" y="206"/>
                  <a:pt x="137" y="215"/>
                  <a:pt x="227" y="215"/>
                </a:cubicBezTo>
                <a:cubicBezTo>
                  <a:pt x="318" y="215"/>
                  <a:pt x="383" y="206"/>
                  <a:pt x="420" y="189"/>
                </a:cubicBezTo>
                <a:cubicBezTo>
                  <a:pt x="452" y="174"/>
                  <a:pt x="455" y="157"/>
                  <a:pt x="455" y="152"/>
                </a:cubicBezTo>
                <a:cubicBezTo>
                  <a:pt x="455" y="150"/>
                  <a:pt x="455" y="148"/>
                  <a:pt x="454" y="146"/>
                </a:cubicBezTo>
                <a:cubicBezTo>
                  <a:pt x="445" y="127"/>
                  <a:pt x="404" y="50"/>
                  <a:pt x="402" y="46"/>
                </a:cubicBezTo>
                <a:cubicBezTo>
                  <a:pt x="399" y="41"/>
                  <a:pt x="393" y="38"/>
                  <a:pt x="387" y="40"/>
                </a:cubicBezTo>
                <a:cubicBezTo>
                  <a:pt x="381" y="41"/>
                  <a:pt x="378" y="46"/>
                  <a:pt x="377" y="52"/>
                </a:cubicBezTo>
                <a:cubicBezTo>
                  <a:pt x="375" y="54"/>
                  <a:pt x="365" y="62"/>
                  <a:pt x="333" y="69"/>
                </a:cubicBezTo>
                <a:cubicBezTo>
                  <a:pt x="304" y="75"/>
                  <a:pt x="266" y="79"/>
                  <a:pt x="227" y="79"/>
                </a:cubicBezTo>
                <a:cubicBezTo>
                  <a:pt x="188" y="79"/>
                  <a:pt x="151" y="75"/>
                  <a:pt x="122" y="69"/>
                </a:cubicBezTo>
                <a:cubicBezTo>
                  <a:pt x="94" y="63"/>
                  <a:pt x="82" y="56"/>
                  <a:pt x="79" y="53"/>
                </a:cubicBezTo>
                <a:cubicBezTo>
                  <a:pt x="82" y="49"/>
                  <a:pt x="94" y="42"/>
                  <a:pt x="122" y="36"/>
                </a:cubicBezTo>
                <a:cubicBezTo>
                  <a:pt x="151" y="30"/>
                  <a:pt x="188" y="27"/>
                  <a:pt x="227" y="27"/>
                </a:cubicBezTo>
                <a:cubicBezTo>
                  <a:pt x="235" y="27"/>
                  <a:pt x="241" y="21"/>
                  <a:pt x="241" y="13"/>
                </a:cubicBezTo>
                <a:cubicBezTo>
                  <a:pt x="241" y="6"/>
                  <a:pt x="235" y="0"/>
                  <a:pt x="227" y="0"/>
                </a:cubicBezTo>
                <a:cubicBezTo>
                  <a:pt x="183" y="0"/>
                  <a:pt x="141" y="4"/>
                  <a:pt x="109" y="1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9" name="Freeform 505"/>
          <p:cNvSpPr>
            <a:spLocks/>
          </p:cNvSpPr>
          <p:nvPr userDrawn="1"/>
        </p:nvSpPr>
        <p:spPr bwMode="auto">
          <a:xfrm>
            <a:off x="5688320" y="5100046"/>
            <a:ext cx="498474" cy="446088"/>
          </a:xfrm>
          <a:custGeom>
            <a:avLst/>
            <a:gdLst/>
            <a:ahLst/>
            <a:cxnLst>
              <a:cxn ang="0">
                <a:pos x="273" y="396"/>
              </a:cxn>
              <a:cxn ang="0">
                <a:pos x="15" y="396"/>
              </a:cxn>
              <a:cxn ang="0">
                <a:pos x="5" y="374"/>
              </a:cxn>
              <a:cxn ang="0">
                <a:pos x="91" y="278"/>
              </a:cxn>
              <a:cxn ang="0">
                <a:pos x="224" y="283"/>
              </a:cxn>
              <a:cxn ang="0">
                <a:pos x="341" y="240"/>
              </a:cxn>
              <a:cxn ang="0">
                <a:pos x="248" y="270"/>
              </a:cxn>
              <a:cxn ang="0">
                <a:pos x="109" y="274"/>
              </a:cxn>
              <a:cxn ang="0">
                <a:pos x="99" y="252"/>
              </a:cxn>
              <a:cxn ang="0">
                <a:pos x="182" y="167"/>
              </a:cxn>
              <a:cxn ang="0">
                <a:pos x="282" y="181"/>
              </a:cxn>
              <a:cxn ang="0">
                <a:pos x="188" y="194"/>
              </a:cxn>
              <a:cxn ang="0">
                <a:pos x="233" y="248"/>
              </a:cxn>
              <a:cxn ang="0">
                <a:pos x="306" y="172"/>
              </a:cxn>
              <a:cxn ang="0">
                <a:pos x="369" y="231"/>
              </a:cxn>
              <a:cxn ang="0">
                <a:pos x="272" y="352"/>
              </a:cxn>
              <a:cxn ang="0">
                <a:pos x="262" y="356"/>
              </a:cxn>
              <a:cxn ang="0">
                <a:pos x="209" y="305"/>
              </a:cxn>
              <a:cxn ang="0">
                <a:pos x="43" y="369"/>
              </a:cxn>
              <a:cxn ang="0">
                <a:pos x="361" y="337"/>
              </a:cxn>
              <a:cxn ang="0">
                <a:pos x="412" y="66"/>
              </a:cxn>
              <a:cxn ang="0">
                <a:pos x="343" y="51"/>
              </a:cxn>
              <a:cxn ang="0">
                <a:pos x="262" y="51"/>
              </a:cxn>
              <a:cxn ang="0">
                <a:pos x="181" y="51"/>
              </a:cxn>
              <a:cxn ang="0">
                <a:pos x="101" y="51"/>
              </a:cxn>
              <a:cxn ang="0">
                <a:pos x="6" y="17"/>
              </a:cxn>
              <a:cxn ang="0">
                <a:pos x="32" y="12"/>
              </a:cxn>
              <a:cxn ang="0">
                <a:pos x="87" y="13"/>
              </a:cxn>
              <a:cxn ang="0">
                <a:pos x="113" y="11"/>
              </a:cxn>
              <a:cxn ang="0">
                <a:pos x="168" y="12"/>
              </a:cxn>
              <a:cxn ang="0">
                <a:pos x="194" y="11"/>
              </a:cxn>
              <a:cxn ang="0">
                <a:pos x="249" y="12"/>
              </a:cxn>
              <a:cxn ang="0">
                <a:pos x="262" y="1"/>
              </a:cxn>
              <a:cxn ang="0">
                <a:pos x="303" y="51"/>
              </a:cxn>
              <a:cxn ang="0">
                <a:pos x="343" y="1"/>
              </a:cxn>
              <a:cxn ang="0">
                <a:pos x="356" y="11"/>
              </a:cxn>
              <a:cxn ang="0">
                <a:pos x="411" y="12"/>
              </a:cxn>
              <a:cxn ang="0">
                <a:pos x="437" y="14"/>
              </a:cxn>
              <a:cxn ang="0">
                <a:pos x="379" y="357"/>
              </a:cxn>
              <a:cxn ang="0">
                <a:pos x="290" y="396"/>
              </a:cxn>
            </a:cxnLst>
            <a:rect l="0" t="0" r="r" b="b"/>
            <a:pathLst>
              <a:path w="441" h="396">
                <a:moveTo>
                  <a:pt x="279" y="396"/>
                </a:moveTo>
                <a:cubicBezTo>
                  <a:pt x="275" y="396"/>
                  <a:pt x="273" y="396"/>
                  <a:pt x="273" y="396"/>
                </a:cubicBezTo>
                <a:cubicBezTo>
                  <a:pt x="272" y="396"/>
                  <a:pt x="271" y="396"/>
                  <a:pt x="271" y="396"/>
                </a:cubicBezTo>
                <a:cubicBezTo>
                  <a:pt x="15" y="396"/>
                  <a:pt x="15" y="396"/>
                  <a:pt x="15" y="396"/>
                </a:cubicBezTo>
                <a:cubicBezTo>
                  <a:pt x="10" y="396"/>
                  <a:pt x="5" y="393"/>
                  <a:pt x="3" y="388"/>
                </a:cubicBezTo>
                <a:cubicBezTo>
                  <a:pt x="0" y="383"/>
                  <a:pt x="1" y="378"/>
                  <a:pt x="5" y="374"/>
                </a:cubicBezTo>
                <a:cubicBezTo>
                  <a:pt x="81" y="283"/>
                  <a:pt x="81" y="283"/>
                  <a:pt x="81" y="283"/>
                </a:cubicBezTo>
                <a:cubicBezTo>
                  <a:pt x="83" y="280"/>
                  <a:pt x="87" y="278"/>
                  <a:pt x="91" y="278"/>
                </a:cubicBezTo>
                <a:cubicBezTo>
                  <a:pt x="214" y="278"/>
                  <a:pt x="214" y="278"/>
                  <a:pt x="214" y="278"/>
                </a:cubicBezTo>
                <a:cubicBezTo>
                  <a:pt x="218" y="278"/>
                  <a:pt x="222" y="280"/>
                  <a:pt x="224" y="283"/>
                </a:cubicBezTo>
                <a:cubicBezTo>
                  <a:pt x="263" y="323"/>
                  <a:pt x="263" y="323"/>
                  <a:pt x="263" y="323"/>
                </a:cubicBezTo>
                <a:cubicBezTo>
                  <a:pt x="341" y="240"/>
                  <a:pt x="341" y="240"/>
                  <a:pt x="341" y="240"/>
                </a:cubicBezTo>
                <a:cubicBezTo>
                  <a:pt x="307" y="205"/>
                  <a:pt x="307" y="205"/>
                  <a:pt x="307" y="205"/>
                </a:cubicBezTo>
                <a:cubicBezTo>
                  <a:pt x="248" y="270"/>
                  <a:pt x="248" y="270"/>
                  <a:pt x="248" y="270"/>
                </a:cubicBezTo>
                <a:cubicBezTo>
                  <a:pt x="246" y="273"/>
                  <a:pt x="242" y="274"/>
                  <a:pt x="238" y="274"/>
                </a:cubicBezTo>
                <a:cubicBezTo>
                  <a:pt x="109" y="274"/>
                  <a:pt x="109" y="274"/>
                  <a:pt x="109" y="274"/>
                </a:cubicBezTo>
                <a:cubicBezTo>
                  <a:pt x="104" y="274"/>
                  <a:pt x="99" y="271"/>
                  <a:pt x="97" y="266"/>
                </a:cubicBezTo>
                <a:cubicBezTo>
                  <a:pt x="95" y="262"/>
                  <a:pt x="96" y="256"/>
                  <a:pt x="99" y="252"/>
                </a:cubicBezTo>
                <a:cubicBezTo>
                  <a:pt x="172" y="172"/>
                  <a:pt x="172" y="172"/>
                  <a:pt x="172" y="172"/>
                </a:cubicBezTo>
                <a:cubicBezTo>
                  <a:pt x="175" y="169"/>
                  <a:pt x="178" y="167"/>
                  <a:pt x="182" y="167"/>
                </a:cubicBezTo>
                <a:cubicBezTo>
                  <a:pt x="268" y="167"/>
                  <a:pt x="268" y="167"/>
                  <a:pt x="268" y="167"/>
                </a:cubicBezTo>
                <a:cubicBezTo>
                  <a:pt x="276" y="167"/>
                  <a:pt x="282" y="173"/>
                  <a:pt x="282" y="181"/>
                </a:cubicBezTo>
                <a:cubicBezTo>
                  <a:pt x="282" y="188"/>
                  <a:pt x="276" y="194"/>
                  <a:pt x="268" y="194"/>
                </a:cubicBezTo>
                <a:cubicBezTo>
                  <a:pt x="188" y="194"/>
                  <a:pt x="188" y="194"/>
                  <a:pt x="188" y="194"/>
                </a:cubicBezTo>
                <a:cubicBezTo>
                  <a:pt x="139" y="248"/>
                  <a:pt x="139" y="248"/>
                  <a:pt x="139" y="248"/>
                </a:cubicBezTo>
                <a:cubicBezTo>
                  <a:pt x="233" y="248"/>
                  <a:pt x="233" y="248"/>
                  <a:pt x="233" y="248"/>
                </a:cubicBezTo>
                <a:cubicBezTo>
                  <a:pt x="297" y="176"/>
                  <a:pt x="297" y="176"/>
                  <a:pt x="297" y="176"/>
                </a:cubicBezTo>
                <a:cubicBezTo>
                  <a:pt x="299" y="174"/>
                  <a:pt x="302" y="172"/>
                  <a:pt x="306" y="172"/>
                </a:cubicBezTo>
                <a:cubicBezTo>
                  <a:pt x="310" y="172"/>
                  <a:pt x="313" y="173"/>
                  <a:pt x="316" y="176"/>
                </a:cubicBezTo>
                <a:cubicBezTo>
                  <a:pt x="369" y="231"/>
                  <a:pt x="369" y="231"/>
                  <a:pt x="369" y="231"/>
                </a:cubicBezTo>
                <a:cubicBezTo>
                  <a:pt x="374" y="236"/>
                  <a:pt x="374" y="244"/>
                  <a:pt x="369" y="250"/>
                </a:cubicBezTo>
                <a:cubicBezTo>
                  <a:pt x="272" y="352"/>
                  <a:pt x="272" y="352"/>
                  <a:pt x="272" y="352"/>
                </a:cubicBezTo>
                <a:cubicBezTo>
                  <a:pt x="270" y="355"/>
                  <a:pt x="266" y="356"/>
                  <a:pt x="262" y="356"/>
                </a:cubicBezTo>
                <a:cubicBezTo>
                  <a:pt x="262" y="356"/>
                  <a:pt x="262" y="356"/>
                  <a:pt x="262" y="356"/>
                </a:cubicBezTo>
                <a:cubicBezTo>
                  <a:pt x="259" y="356"/>
                  <a:pt x="255" y="355"/>
                  <a:pt x="253" y="352"/>
                </a:cubicBezTo>
                <a:cubicBezTo>
                  <a:pt x="209" y="305"/>
                  <a:pt x="209" y="305"/>
                  <a:pt x="209" y="305"/>
                </a:cubicBezTo>
                <a:cubicBezTo>
                  <a:pt x="97" y="305"/>
                  <a:pt x="97" y="305"/>
                  <a:pt x="97" y="305"/>
                </a:cubicBezTo>
                <a:cubicBezTo>
                  <a:pt x="43" y="369"/>
                  <a:pt x="43" y="369"/>
                  <a:pt x="43" y="369"/>
                </a:cubicBezTo>
                <a:cubicBezTo>
                  <a:pt x="288" y="369"/>
                  <a:pt x="288" y="369"/>
                  <a:pt x="288" y="369"/>
                </a:cubicBezTo>
                <a:cubicBezTo>
                  <a:pt x="305" y="368"/>
                  <a:pt x="335" y="361"/>
                  <a:pt x="361" y="337"/>
                </a:cubicBezTo>
                <a:cubicBezTo>
                  <a:pt x="396" y="306"/>
                  <a:pt x="413" y="253"/>
                  <a:pt x="414" y="181"/>
                </a:cubicBezTo>
                <a:cubicBezTo>
                  <a:pt x="414" y="141"/>
                  <a:pt x="413" y="98"/>
                  <a:pt x="412" y="66"/>
                </a:cubicBezTo>
                <a:cubicBezTo>
                  <a:pt x="405" y="73"/>
                  <a:pt x="395" y="78"/>
                  <a:pt x="384" y="78"/>
                </a:cubicBezTo>
                <a:cubicBezTo>
                  <a:pt x="366" y="78"/>
                  <a:pt x="352" y="65"/>
                  <a:pt x="343" y="51"/>
                </a:cubicBezTo>
                <a:cubicBezTo>
                  <a:pt x="335" y="65"/>
                  <a:pt x="321" y="78"/>
                  <a:pt x="303" y="78"/>
                </a:cubicBezTo>
                <a:cubicBezTo>
                  <a:pt x="285" y="78"/>
                  <a:pt x="271" y="65"/>
                  <a:pt x="262" y="51"/>
                </a:cubicBezTo>
                <a:cubicBezTo>
                  <a:pt x="254" y="65"/>
                  <a:pt x="240" y="78"/>
                  <a:pt x="222" y="78"/>
                </a:cubicBezTo>
                <a:cubicBezTo>
                  <a:pt x="204" y="78"/>
                  <a:pt x="190" y="65"/>
                  <a:pt x="181" y="51"/>
                </a:cubicBezTo>
                <a:cubicBezTo>
                  <a:pt x="173" y="65"/>
                  <a:pt x="160" y="78"/>
                  <a:pt x="141" y="78"/>
                </a:cubicBezTo>
                <a:cubicBezTo>
                  <a:pt x="123" y="78"/>
                  <a:pt x="110" y="65"/>
                  <a:pt x="101" y="51"/>
                </a:cubicBezTo>
                <a:cubicBezTo>
                  <a:pt x="92" y="66"/>
                  <a:pt x="79" y="78"/>
                  <a:pt x="60" y="78"/>
                </a:cubicBezTo>
                <a:cubicBezTo>
                  <a:pt x="28" y="78"/>
                  <a:pt x="11" y="40"/>
                  <a:pt x="6" y="17"/>
                </a:cubicBezTo>
                <a:cubicBezTo>
                  <a:pt x="5" y="10"/>
                  <a:pt x="9" y="3"/>
                  <a:pt x="16" y="2"/>
                </a:cubicBezTo>
                <a:cubicBezTo>
                  <a:pt x="24" y="0"/>
                  <a:pt x="31" y="5"/>
                  <a:pt x="32" y="12"/>
                </a:cubicBezTo>
                <a:cubicBezTo>
                  <a:pt x="35" y="25"/>
                  <a:pt x="46" y="51"/>
                  <a:pt x="60" y="51"/>
                </a:cubicBezTo>
                <a:cubicBezTo>
                  <a:pt x="76" y="51"/>
                  <a:pt x="85" y="22"/>
                  <a:pt x="87" y="13"/>
                </a:cubicBezTo>
                <a:cubicBezTo>
                  <a:pt x="88" y="7"/>
                  <a:pt x="92" y="2"/>
                  <a:pt x="99" y="1"/>
                </a:cubicBezTo>
                <a:cubicBezTo>
                  <a:pt x="105" y="0"/>
                  <a:pt x="112" y="5"/>
                  <a:pt x="113" y="11"/>
                </a:cubicBezTo>
                <a:cubicBezTo>
                  <a:pt x="116" y="24"/>
                  <a:pt x="127" y="51"/>
                  <a:pt x="141" y="51"/>
                </a:cubicBezTo>
                <a:cubicBezTo>
                  <a:pt x="157" y="51"/>
                  <a:pt x="166" y="20"/>
                  <a:pt x="168" y="12"/>
                </a:cubicBezTo>
                <a:cubicBezTo>
                  <a:pt x="169" y="6"/>
                  <a:pt x="175" y="1"/>
                  <a:pt x="181" y="1"/>
                </a:cubicBezTo>
                <a:cubicBezTo>
                  <a:pt x="187" y="1"/>
                  <a:pt x="193" y="5"/>
                  <a:pt x="194" y="11"/>
                </a:cubicBezTo>
                <a:cubicBezTo>
                  <a:pt x="197" y="24"/>
                  <a:pt x="208" y="51"/>
                  <a:pt x="222" y="51"/>
                </a:cubicBezTo>
                <a:cubicBezTo>
                  <a:pt x="238" y="51"/>
                  <a:pt x="247" y="20"/>
                  <a:pt x="249" y="12"/>
                </a:cubicBezTo>
                <a:cubicBezTo>
                  <a:pt x="250" y="6"/>
                  <a:pt x="255" y="1"/>
                  <a:pt x="262" y="1"/>
                </a:cubicBezTo>
                <a:cubicBezTo>
                  <a:pt x="262" y="1"/>
                  <a:pt x="262" y="1"/>
                  <a:pt x="262" y="1"/>
                </a:cubicBezTo>
                <a:cubicBezTo>
                  <a:pt x="268" y="1"/>
                  <a:pt x="274" y="5"/>
                  <a:pt x="275" y="11"/>
                </a:cubicBezTo>
                <a:cubicBezTo>
                  <a:pt x="278" y="24"/>
                  <a:pt x="289" y="51"/>
                  <a:pt x="303" y="51"/>
                </a:cubicBezTo>
                <a:cubicBezTo>
                  <a:pt x="319" y="51"/>
                  <a:pt x="328" y="20"/>
                  <a:pt x="330" y="12"/>
                </a:cubicBezTo>
                <a:cubicBezTo>
                  <a:pt x="331" y="6"/>
                  <a:pt x="336" y="1"/>
                  <a:pt x="343" y="1"/>
                </a:cubicBezTo>
                <a:cubicBezTo>
                  <a:pt x="343" y="1"/>
                  <a:pt x="343" y="1"/>
                  <a:pt x="343" y="1"/>
                </a:cubicBezTo>
                <a:cubicBezTo>
                  <a:pt x="349" y="1"/>
                  <a:pt x="355" y="5"/>
                  <a:pt x="356" y="11"/>
                </a:cubicBezTo>
                <a:cubicBezTo>
                  <a:pt x="359" y="24"/>
                  <a:pt x="369" y="51"/>
                  <a:pt x="384" y="51"/>
                </a:cubicBezTo>
                <a:cubicBezTo>
                  <a:pt x="400" y="51"/>
                  <a:pt x="409" y="20"/>
                  <a:pt x="411" y="12"/>
                </a:cubicBezTo>
                <a:cubicBezTo>
                  <a:pt x="412" y="5"/>
                  <a:pt x="418" y="1"/>
                  <a:pt x="425" y="1"/>
                </a:cubicBezTo>
                <a:cubicBezTo>
                  <a:pt x="432" y="2"/>
                  <a:pt x="437" y="7"/>
                  <a:pt x="437" y="14"/>
                </a:cubicBezTo>
                <a:cubicBezTo>
                  <a:pt x="437" y="15"/>
                  <a:pt x="441" y="103"/>
                  <a:pt x="441" y="181"/>
                </a:cubicBezTo>
                <a:cubicBezTo>
                  <a:pt x="440" y="261"/>
                  <a:pt x="419" y="320"/>
                  <a:pt x="379" y="357"/>
                </a:cubicBezTo>
                <a:cubicBezTo>
                  <a:pt x="348" y="386"/>
                  <a:pt x="313" y="394"/>
                  <a:pt x="292" y="396"/>
                </a:cubicBezTo>
                <a:cubicBezTo>
                  <a:pt x="291" y="396"/>
                  <a:pt x="291" y="396"/>
                  <a:pt x="290" y="396"/>
                </a:cubicBezTo>
                <a:cubicBezTo>
                  <a:pt x="285" y="396"/>
                  <a:pt x="282" y="396"/>
                  <a:pt x="279" y="39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0" name="Freeform 167"/>
          <p:cNvSpPr>
            <a:spLocks/>
          </p:cNvSpPr>
          <p:nvPr userDrawn="1"/>
        </p:nvSpPr>
        <p:spPr bwMode="auto">
          <a:xfrm>
            <a:off x="6303431" y="1163244"/>
            <a:ext cx="490538" cy="517525"/>
          </a:xfrm>
          <a:custGeom>
            <a:avLst/>
            <a:gdLst/>
            <a:ahLst/>
            <a:cxnLst>
              <a:cxn ang="0">
                <a:pos x="114" y="13"/>
              </a:cxn>
              <a:cxn ang="0">
                <a:pos x="128" y="71"/>
              </a:cxn>
              <a:cxn ang="0">
                <a:pos x="150" y="112"/>
              </a:cxn>
              <a:cxn ang="0">
                <a:pos x="153" y="123"/>
              </a:cxn>
              <a:cxn ang="0">
                <a:pos x="160" y="137"/>
              </a:cxn>
              <a:cxn ang="0">
                <a:pos x="141" y="181"/>
              </a:cxn>
              <a:cxn ang="0">
                <a:pos x="145" y="193"/>
              </a:cxn>
              <a:cxn ang="0">
                <a:pos x="146" y="217"/>
              </a:cxn>
              <a:cxn ang="0">
                <a:pos x="118" y="299"/>
              </a:cxn>
              <a:cxn ang="0">
                <a:pos x="129" y="314"/>
              </a:cxn>
              <a:cxn ang="0">
                <a:pos x="157" y="244"/>
              </a:cxn>
              <a:cxn ang="0">
                <a:pos x="220" y="236"/>
              </a:cxn>
              <a:cxn ang="0">
                <a:pos x="216" y="221"/>
              </a:cxn>
              <a:cxn ang="0">
                <a:pos x="171" y="163"/>
              </a:cxn>
              <a:cxn ang="0">
                <a:pos x="209" y="156"/>
              </a:cxn>
              <a:cxn ang="0">
                <a:pos x="206" y="141"/>
              </a:cxn>
              <a:cxn ang="0">
                <a:pos x="186" y="60"/>
              </a:cxn>
              <a:cxn ang="0">
                <a:pos x="183" y="49"/>
              </a:cxn>
              <a:cxn ang="0">
                <a:pos x="141" y="44"/>
              </a:cxn>
              <a:cxn ang="0">
                <a:pos x="244" y="26"/>
              </a:cxn>
              <a:cxn ang="0">
                <a:pos x="214" y="44"/>
              </a:cxn>
              <a:cxn ang="0">
                <a:pos x="201" y="57"/>
              </a:cxn>
              <a:cxn ang="0">
                <a:pos x="246" y="321"/>
              </a:cxn>
              <a:cxn ang="0">
                <a:pos x="0" y="334"/>
              </a:cxn>
              <a:cxn ang="0">
                <a:pos x="13" y="411"/>
              </a:cxn>
              <a:cxn ang="0">
                <a:pos x="145" y="445"/>
              </a:cxn>
              <a:cxn ang="0">
                <a:pos x="213" y="459"/>
              </a:cxn>
              <a:cxn ang="0">
                <a:pos x="254" y="423"/>
              </a:cxn>
              <a:cxn ang="0">
                <a:pos x="295" y="459"/>
              </a:cxn>
              <a:cxn ang="0">
                <a:pos x="337" y="423"/>
              </a:cxn>
              <a:cxn ang="0">
                <a:pos x="378" y="459"/>
              </a:cxn>
              <a:cxn ang="0">
                <a:pos x="432" y="397"/>
              </a:cxn>
              <a:cxn ang="0">
                <a:pos x="407" y="388"/>
              </a:cxn>
              <a:cxn ang="0">
                <a:pos x="349" y="388"/>
              </a:cxn>
              <a:cxn ang="0">
                <a:pos x="324" y="388"/>
              </a:cxn>
              <a:cxn ang="0">
                <a:pos x="267" y="387"/>
              </a:cxn>
              <a:cxn ang="0">
                <a:pos x="242" y="387"/>
              </a:cxn>
              <a:cxn ang="0">
                <a:pos x="172" y="432"/>
              </a:cxn>
              <a:cxn ang="0">
                <a:pos x="158" y="384"/>
              </a:cxn>
              <a:cxn ang="0">
                <a:pos x="26" y="347"/>
              </a:cxn>
              <a:cxn ang="0">
                <a:pos x="272" y="343"/>
              </a:cxn>
              <a:cxn ang="0">
                <a:pos x="275" y="332"/>
              </a:cxn>
              <a:cxn ang="0">
                <a:pos x="258" y="71"/>
              </a:cxn>
              <a:cxn ang="0">
                <a:pos x="271" y="13"/>
              </a:cxn>
              <a:cxn ang="0">
                <a:pos x="128" y="0"/>
              </a:cxn>
            </a:cxnLst>
            <a:rect l="0" t="0" r="r" b="b"/>
            <a:pathLst>
              <a:path w="435" h="459">
                <a:moveTo>
                  <a:pt x="128" y="0"/>
                </a:moveTo>
                <a:cubicBezTo>
                  <a:pt x="120" y="0"/>
                  <a:pt x="114" y="6"/>
                  <a:pt x="114" y="13"/>
                </a:cubicBezTo>
                <a:cubicBezTo>
                  <a:pt x="114" y="57"/>
                  <a:pt x="114" y="57"/>
                  <a:pt x="114" y="57"/>
                </a:cubicBezTo>
                <a:cubicBezTo>
                  <a:pt x="114" y="65"/>
                  <a:pt x="120" y="71"/>
                  <a:pt x="128" y="71"/>
                </a:cubicBezTo>
                <a:cubicBezTo>
                  <a:pt x="128" y="71"/>
                  <a:pt x="144" y="71"/>
                  <a:pt x="157" y="71"/>
                </a:cubicBezTo>
                <a:cubicBezTo>
                  <a:pt x="154" y="87"/>
                  <a:pt x="150" y="112"/>
                  <a:pt x="150" y="112"/>
                </a:cubicBezTo>
                <a:cubicBezTo>
                  <a:pt x="150" y="113"/>
                  <a:pt x="150" y="113"/>
                  <a:pt x="150" y="114"/>
                </a:cubicBezTo>
                <a:cubicBezTo>
                  <a:pt x="150" y="117"/>
                  <a:pt x="151" y="121"/>
                  <a:pt x="153" y="123"/>
                </a:cubicBezTo>
                <a:cubicBezTo>
                  <a:pt x="153" y="123"/>
                  <a:pt x="160" y="130"/>
                  <a:pt x="166" y="137"/>
                </a:cubicBezTo>
                <a:cubicBezTo>
                  <a:pt x="164" y="137"/>
                  <a:pt x="160" y="137"/>
                  <a:pt x="160" y="137"/>
                </a:cubicBezTo>
                <a:cubicBezTo>
                  <a:pt x="153" y="137"/>
                  <a:pt x="147" y="141"/>
                  <a:pt x="146" y="148"/>
                </a:cubicBezTo>
                <a:cubicBezTo>
                  <a:pt x="141" y="181"/>
                  <a:pt x="141" y="181"/>
                  <a:pt x="141" y="181"/>
                </a:cubicBezTo>
                <a:cubicBezTo>
                  <a:pt x="141" y="181"/>
                  <a:pt x="141" y="182"/>
                  <a:pt x="141" y="183"/>
                </a:cubicBezTo>
                <a:cubicBezTo>
                  <a:pt x="141" y="186"/>
                  <a:pt x="142" y="190"/>
                  <a:pt x="145" y="193"/>
                </a:cubicBezTo>
                <a:cubicBezTo>
                  <a:pt x="145" y="193"/>
                  <a:pt x="159" y="205"/>
                  <a:pt x="173" y="217"/>
                </a:cubicBezTo>
                <a:cubicBezTo>
                  <a:pt x="160" y="217"/>
                  <a:pt x="146" y="217"/>
                  <a:pt x="146" y="217"/>
                </a:cubicBezTo>
                <a:cubicBezTo>
                  <a:pt x="140" y="217"/>
                  <a:pt x="134" y="222"/>
                  <a:pt x="133" y="228"/>
                </a:cubicBezTo>
                <a:cubicBezTo>
                  <a:pt x="118" y="299"/>
                  <a:pt x="118" y="299"/>
                  <a:pt x="118" y="299"/>
                </a:cubicBezTo>
                <a:cubicBezTo>
                  <a:pt x="118" y="300"/>
                  <a:pt x="118" y="300"/>
                  <a:pt x="118" y="301"/>
                </a:cubicBezTo>
                <a:cubicBezTo>
                  <a:pt x="118" y="308"/>
                  <a:pt x="122" y="313"/>
                  <a:pt x="129" y="314"/>
                </a:cubicBezTo>
                <a:cubicBezTo>
                  <a:pt x="136" y="316"/>
                  <a:pt x="143" y="311"/>
                  <a:pt x="145" y="304"/>
                </a:cubicBezTo>
                <a:cubicBezTo>
                  <a:pt x="145" y="304"/>
                  <a:pt x="154" y="260"/>
                  <a:pt x="157" y="244"/>
                </a:cubicBezTo>
                <a:cubicBezTo>
                  <a:pt x="171" y="244"/>
                  <a:pt x="207" y="244"/>
                  <a:pt x="207" y="244"/>
                </a:cubicBezTo>
                <a:cubicBezTo>
                  <a:pt x="213" y="244"/>
                  <a:pt x="218" y="241"/>
                  <a:pt x="220" y="236"/>
                </a:cubicBezTo>
                <a:cubicBezTo>
                  <a:pt x="221" y="234"/>
                  <a:pt x="221" y="232"/>
                  <a:pt x="221" y="231"/>
                </a:cubicBezTo>
                <a:cubicBezTo>
                  <a:pt x="221" y="227"/>
                  <a:pt x="219" y="224"/>
                  <a:pt x="216" y="221"/>
                </a:cubicBezTo>
                <a:cubicBezTo>
                  <a:pt x="216" y="221"/>
                  <a:pt x="177" y="186"/>
                  <a:pt x="168" y="178"/>
                </a:cubicBezTo>
                <a:cubicBezTo>
                  <a:pt x="169" y="173"/>
                  <a:pt x="170" y="170"/>
                  <a:pt x="171" y="163"/>
                </a:cubicBezTo>
                <a:cubicBezTo>
                  <a:pt x="182" y="163"/>
                  <a:pt x="197" y="163"/>
                  <a:pt x="197" y="163"/>
                </a:cubicBezTo>
                <a:cubicBezTo>
                  <a:pt x="202" y="164"/>
                  <a:pt x="207" y="160"/>
                  <a:pt x="209" y="156"/>
                </a:cubicBezTo>
                <a:cubicBezTo>
                  <a:pt x="210" y="154"/>
                  <a:pt x="210" y="152"/>
                  <a:pt x="210" y="150"/>
                </a:cubicBezTo>
                <a:cubicBezTo>
                  <a:pt x="210" y="147"/>
                  <a:pt x="209" y="144"/>
                  <a:pt x="206" y="141"/>
                </a:cubicBezTo>
                <a:cubicBezTo>
                  <a:pt x="206" y="141"/>
                  <a:pt x="184" y="117"/>
                  <a:pt x="177" y="110"/>
                </a:cubicBezTo>
                <a:cubicBezTo>
                  <a:pt x="179" y="100"/>
                  <a:pt x="186" y="60"/>
                  <a:pt x="186" y="60"/>
                </a:cubicBezTo>
                <a:cubicBezTo>
                  <a:pt x="186" y="59"/>
                  <a:pt x="186" y="58"/>
                  <a:pt x="186" y="57"/>
                </a:cubicBezTo>
                <a:cubicBezTo>
                  <a:pt x="186" y="54"/>
                  <a:pt x="185" y="51"/>
                  <a:pt x="183" y="49"/>
                </a:cubicBezTo>
                <a:cubicBezTo>
                  <a:pt x="181" y="46"/>
                  <a:pt x="177" y="44"/>
                  <a:pt x="173" y="44"/>
                </a:cubicBezTo>
                <a:cubicBezTo>
                  <a:pt x="173" y="44"/>
                  <a:pt x="154" y="44"/>
                  <a:pt x="141" y="44"/>
                </a:cubicBezTo>
                <a:cubicBezTo>
                  <a:pt x="141" y="37"/>
                  <a:pt x="141" y="34"/>
                  <a:pt x="141" y="26"/>
                </a:cubicBezTo>
                <a:cubicBezTo>
                  <a:pt x="160" y="26"/>
                  <a:pt x="225" y="26"/>
                  <a:pt x="244" y="26"/>
                </a:cubicBezTo>
                <a:cubicBezTo>
                  <a:pt x="244" y="34"/>
                  <a:pt x="244" y="37"/>
                  <a:pt x="244" y="44"/>
                </a:cubicBezTo>
                <a:cubicBezTo>
                  <a:pt x="232" y="44"/>
                  <a:pt x="214" y="44"/>
                  <a:pt x="214" y="44"/>
                </a:cubicBezTo>
                <a:cubicBezTo>
                  <a:pt x="210" y="44"/>
                  <a:pt x="207" y="46"/>
                  <a:pt x="204" y="49"/>
                </a:cubicBezTo>
                <a:cubicBezTo>
                  <a:pt x="202" y="51"/>
                  <a:pt x="201" y="54"/>
                  <a:pt x="201" y="57"/>
                </a:cubicBezTo>
                <a:cubicBezTo>
                  <a:pt x="201" y="58"/>
                  <a:pt x="201" y="59"/>
                  <a:pt x="201" y="60"/>
                </a:cubicBezTo>
                <a:cubicBezTo>
                  <a:pt x="201" y="60"/>
                  <a:pt x="241" y="293"/>
                  <a:pt x="246" y="321"/>
                </a:cubicBezTo>
                <a:cubicBezTo>
                  <a:pt x="218" y="321"/>
                  <a:pt x="13" y="321"/>
                  <a:pt x="13" y="321"/>
                </a:cubicBezTo>
                <a:cubicBezTo>
                  <a:pt x="6" y="321"/>
                  <a:pt x="0" y="327"/>
                  <a:pt x="0" y="334"/>
                </a:cubicBezTo>
                <a:cubicBezTo>
                  <a:pt x="0" y="397"/>
                  <a:pt x="0" y="397"/>
                  <a:pt x="0" y="397"/>
                </a:cubicBezTo>
                <a:cubicBezTo>
                  <a:pt x="0" y="405"/>
                  <a:pt x="6" y="411"/>
                  <a:pt x="13" y="411"/>
                </a:cubicBezTo>
                <a:cubicBezTo>
                  <a:pt x="13" y="411"/>
                  <a:pt x="123" y="411"/>
                  <a:pt x="145" y="411"/>
                </a:cubicBezTo>
                <a:cubicBezTo>
                  <a:pt x="145" y="425"/>
                  <a:pt x="145" y="445"/>
                  <a:pt x="145" y="445"/>
                </a:cubicBezTo>
                <a:cubicBezTo>
                  <a:pt x="145" y="453"/>
                  <a:pt x="151" y="459"/>
                  <a:pt x="158" y="459"/>
                </a:cubicBezTo>
                <a:cubicBezTo>
                  <a:pt x="213" y="459"/>
                  <a:pt x="213" y="459"/>
                  <a:pt x="213" y="459"/>
                </a:cubicBezTo>
                <a:cubicBezTo>
                  <a:pt x="226" y="459"/>
                  <a:pt x="240" y="448"/>
                  <a:pt x="253" y="426"/>
                </a:cubicBezTo>
                <a:cubicBezTo>
                  <a:pt x="253" y="425"/>
                  <a:pt x="254" y="424"/>
                  <a:pt x="254" y="423"/>
                </a:cubicBezTo>
                <a:cubicBezTo>
                  <a:pt x="254" y="424"/>
                  <a:pt x="255" y="425"/>
                  <a:pt x="255" y="426"/>
                </a:cubicBezTo>
                <a:cubicBezTo>
                  <a:pt x="268" y="448"/>
                  <a:pt x="281" y="459"/>
                  <a:pt x="295" y="459"/>
                </a:cubicBezTo>
                <a:cubicBezTo>
                  <a:pt x="309" y="459"/>
                  <a:pt x="322" y="448"/>
                  <a:pt x="335" y="426"/>
                </a:cubicBezTo>
                <a:cubicBezTo>
                  <a:pt x="336" y="425"/>
                  <a:pt x="336" y="424"/>
                  <a:pt x="337" y="423"/>
                </a:cubicBezTo>
                <a:cubicBezTo>
                  <a:pt x="337" y="424"/>
                  <a:pt x="338" y="425"/>
                  <a:pt x="338" y="426"/>
                </a:cubicBezTo>
                <a:cubicBezTo>
                  <a:pt x="351" y="448"/>
                  <a:pt x="364" y="459"/>
                  <a:pt x="378" y="459"/>
                </a:cubicBezTo>
                <a:cubicBezTo>
                  <a:pt x="392" y="459"/>
                  <a:pt x="405" y="448"/>
                  <a:pt x="418" y="426"/>
                </a:cubicBezTo>
                <a:cubicBezTo>
                  <a:pt x="426" y="412"/>
                  <a:pt x="432" y="398"/>
                  <a:pt x="432" y="397"/>
                </a:cubicBezTo>
                <a:cubicBezTo>
                  <a:pt x="435" y="391"/>
                  <a:pt x="431" y="383"/>
                  <a:pt x="424" y="380"/>
                </a:cubicBezTo>
                <a:cubicBezTo>
                  <a:pt x="418" y="378"/>
                  <a:pt x="410" y="381"/>
                  <a:pt x="407" y="388"/>
                </a:cubicBezTo>
                <a:cubicBezTo>
                  <a:pt x="398" y="411"/>
                  <a:pt x="384" y="431"/>
                  <a:pt x="378" y="432"/>
                </a:cubicBezTo>
                <a:cubicBezTo>
                  <a:pt x="372" y="431"/>
                  <a:pt x="358" y="411"/>
                  <a:pt x="349" y="388"/>
                </a:cubicBezTo>
                <a:cubicBezTo>
                  <a:pt x="347" y="383"/>
                  <a:pt x="342" y="379"/>
                  <a:pt x="337" y="379"/>
                </a:cubicBezTo>
                <a:cubicBezTo>
                  <a:pt x="331" y="379"/>
                  <a:pt x="326" y="382"/>
                  <a:pt x="324" y="388"/>
                </a:cubicBezTo>
                <a:cubicBezTo>
                  <a:pt x="315" y="411"/>
                  <a:pt x="301" y="431"/>
                  <a:pt x="295" y="432"/>
                </a:cubicBezTo>
                <a:cubicBezTo>
                  <a:pt x="290" y="431"/>
                  <a:pt x="276" y="411"/>
                  <a:pt x="267" y="387"/>
                </a:cubicBezTo>
                <a:cubicBezTo>
                  <a:pt x="265" y="382"/>
                  <a:pt x="260" y="379"/>
                  <a:pt x="254" y="379"/>
                </a:cubicBezTo>
                <a:cubicBezTo>
                  <a:pt x="249" y="379"/>
                  <a:pt x="244" y="382"/>
                  <a:pt x="242" y="387"/>
                </a:cubicBezTo>
                <a:cubicBezTo>
                  <a:pt x="232" y="411"/>
                  <a:pt x="218" y="431"/>
                  <a:pt x="213" y="432"/>
                </a:cubicBezTo>
                <a:cubicBezTo>
                  <a:pt x="213" y="432"/>
                  <a:pt x="187" y="432"/>
                  <a:pt x="172" y="432"/>
                </a:cubicBezTo>
                <a:cubicBezTo>
                  <a:pt x="172" y="418"/>
                  <a:pt x="172" y="397"/>
                  <a:pt x="172" y="397"/>
                </a:cubicBezTo>
                <a:cubicBezTo>
                  <a:pt x="172" y="390"/>
                  <a:pt x="166" y="384"/>
                  <a:pt x="158" y="384"/>
                </a:cubicBezTo>
                <a:cubicBezTo>
                  <a:pt x="158" y="384"/>
                  <a:pt x="48" y="384"/>
                  <a:pt x="26" y="384"/>
                </a:cubicBezTo>
                <a:cubicBezTo>
                  <a:pt x="26" y="372"/>
                  <a:pt x="26" y="359"/>
                  <a:pt x="26" y="347"/>
                </a:cubicBezTo>
                <a:cubicBezTo>
                  <a:pt x="50" y="347"/>
                  <a:pt x="261" y="347"/>
                  <a:pt x="261" y="347"/>
                </a:cubicBezTo>
                <a:cubicBezTo>
                  <a:pt x="265" y="347"/>
                  <a:pt x="269" y="346"/>
                  <a:pt x="272" y="343"/>
                </a:cubicBezTo>
                <a:cubicBezTo>
                  <a:pt x="274" y="340"/>
                  <a:pt x="275" y="337"/>
                  <a:pt x="275" y="334"/>
                </a:cubicBezTo>
                <a:cubicBezTo>
                  <a:pt x="275" y="333"/>
                  <a:pt x="275" y="332"/>
                  <a:pt x="275" y="332"/>
                </a:cubicBezTo>
                <a:cubicBezTo>
                  <a:pt x="275" y="332"/>
                  <a:pt x="235" y="99"/>
                  <a:pt x="230" y="71"/>
                </a:cubicBezTo>
                <a:cubicBezTo>
                  <a:pt x="243" y="71"/>
                  <a:pt x="258" y="71"/>
                  <a:pt x="258" y="71"/>
                </a:cubicBezTo>
                <a:cubicBezTo>
                  <a:pt x="265" y="71"/>
                  <a:pt x="271" y="65"/>
                  <a:pt x="271" y="57"/>
                </a:cubicBezTo>
                <a:cubicBezTo>
                  <a:pt x="271" y="13"/>
                  <a:pt x="271" y="13"/>
                  <a:pt x="271" y="13"/>
                </a:cubicBezTo>
                <a:cubicBezTo>
                  <a:pt x="271" y="6"/>
                  <a:pt x="265" y="0"/>
                  <a:pt x="258" y="0"/>
                </a:cubicBezTo>
                <a:lnTo>
                  <a:pt x="128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1" name="Freeform 385"/>
          <p:cNvSpPr>
            <a:spLocks noEditPoints="1"/>
          </p:cNvSpPr>
          <p:nvPr userDrawn="1"/>
        </p:nvSpPr>
        <p:spPr bwMode="auto">
          <a:xfrm>
            <a:off x="6292319" y="4427030"/>
            <a:ext cx="512763" cy="468312"/>
          </a:xfrm>
          <a:custGeom>
            <a:avLst/>
            <a:gdLst/>
            <a:ahLst/>
            <a:cxnLst>
              <a:cxn ang="0">
                <a:pos x="67" y="59"/>
              </a:cxn>
              <a:cxn ang="0">
                <a:pos x="67" y="61"/>
              </a:cxn>
              <a:cxn ang="0">
                <a:pos x="79" y="147"/>
              </a:cxn>
              <a:cxn ang="0">
                <a:pos x="23" y="157"/>
              </a:cxn>
              <a:cxn ang="0">
                <a:pos x="0" y="192"/>
              </a:cxn>
              <a:cxn ang="0">
                <a:pos x="0" y="202"/>
              </a:cxn>
              <a:cxn ang="0">
                <a:pos x="53" y="280"/>
              </a:cxn>
              <a:cxn ang="0">
                <a:pos x="103" y="308"/>
              </a:cxn>
              <a:cxn ang="0">
                <a:pos x="108" y="347"/>
              </a:cxn>
              <a:cxn ang="0">
                <a:pos x="157" y="398"/>
              </a:cxn>
              <a:cxn ang="0">
                <a:pos x="261" y="415"/>
              </a:cxn>
              <a:cxn ang="0">
                <a:pos x="365" y="398"/>
              </a:cxn>
              <a:cxn ang="0">
                <a:pos x="415" y="347"/>
              </a:cxn>
              <a:cxn ang="0">
                <a:pos x="455" y="64"/>
              </a:cxn>
              <a:cxn ang="0">
                <a:pos x="455" y="62"/>
              </a:cxn>
              <a:cxn ang="0">
                <a:pos x="449" y="51"/>
              </a:cxn>
              <a:cxn ang="0">
                <a:pos x="434" y="51"/>
              </a:cxn>
              <a:cxn ang="0">
                <a:pos x="261" y="92"/>
              </a:cxn>
              <a:cxn ang="0">
                <a:pos x="141" y="80"/>
              </a:cxn>
              <a:cxn ang="0">
                <a:pos x="93" y="59"/>
              </a:cxn>
              <a:cxn ang="0">
                <a:pos x="93" y="59"/>
              </a:cxn>
              <a:cxn ang="0">
                <a:pos x="141" y="39"/>
              </a:cxn>
              <a:cxn ang="0">
                <a:pos x="261" y="27"/>
              </a:cxn>
              <a:cxn ang="0">
                <a:pos x="367" y="36"/>
              </a:cxn>
              <a:cxn ang="0">
                <a:pos x="383" y="25"/>
              </a:cxn>
              <a:cxn ang="0">
                <a:pos x="372" y="9"/>
              </a:cxn>
              <a:cxn ang="0">
                <a:pos x="261" y="0"/>
              </a:cxn>
              <a:cxn ang="0">
                <a:pos x="67" y="59"/>
              </a:cxn>
              <a:cxn ang="0">
                <a:pos x="425" y="86"/>
              </a:cxn>
              <a:cxn ang="0">
                <a:pos x="388" y="344"/>
              </a:cxn>
              <a:cxn ang="0">
                <a:pos x="388" y="346"/>
              </a:cxn>
              <a:cxn ang="0">
                <a:pos x="261" y="388"/>
              </a:cxn>
              <a:cxn ang="0">
                <a:pos x="134" y="346"/>
              </a:cxn>
              <a:cxn ang="0">
                <a:pos x="134" y="344"/>
              </a:cxn>
              <a:cxn ang="0">
                <a:pos x="128" y="297"/>
              </a:cxn>
              <a:cxn ang="0">
                <a:pos x="120" y="287"/>
              </a:cxn>
              <a:cxn ang="0">
                <a:pos x="27" y="196"/>
              </a:cxn>
              <a:cxn ang="0">
                <a:pos x="37" y="179"/>
              </a:cxn>
              <a:cxn ang="0">
                <a:pos x="91" y="176"/>
              </a:cxn>
              <a:cxn ang="0">
                <a:pos x="104" y="173"/>
              </a:cxn>
              <a:cxn ang="0">
                <a:pos x="108" y="163"/>
              </a:cxn>
              <a:cxn ang="0">
                <a:pos x="108" y="161"/>
              </a:cxn>
              <a:cxn ang="0">
                <a:pos x="98" y="94"/>
              </a:cxn>
              <a:cxn ang="0">
                <a:pos x="261" y="119"/>
              </a:cxn>
              <a:cxn ang="0">
                <a:pos x="425" y="86"/>
              </a:cxn>
            </a:cxnLst>
            <a:rect l="0" t="0" r="r" b="b"/>
            <a:pathLst>
              <a:path w="455" h="415">
                <a:moveTo>
                  <a:pt x="67" y="59"/>
                </a:moveTo>
                <a:cubicBezTo>
                  <a:pt x="67" y="60"/>
                  <a:pt x="67" y="61"/>
                  <a:pt x="67" y="61"/>
                </a:cubicBezTo>
                <a:cubicBezTo>
                  <a:pt x="67" y="61"/>
                  <a:pt x="75" y="122"/>
                  <a:pt x="79" y="147"/>
                </a:cubicBezTo>
                <a:cubicBezTo>
                  <a:pt x="63" y="145"/>
                  <a:pt x="40" y="146"/>
                  <a:pt x="23" y="157"/>
                </a:cubicBezTo>
                <a:cubicBezTo>
                  <a:pt x="11" y="165"/>
                  <a:pt x="3" y="177"/>
                  <a:pt x="0" y="192"/>
                </a:cubicBezTo>
                <a:cubicBezTo>
                  <a:pt x="0" y="195"/>
                  <a:pt x="0" y="198"/>
                  <a:pt x="0" y="202"/>
                </a:cubicBezTo>
                <a:cubicBezTo>
                  <a:pt x="0" y="222"/>
                  <a:pt x="10" y="250"/>
                  <a:pt x="53" y="280"/>
                </a:cubicBezTo>
                <a:cubicBezTo>
                  <a:pt x="72" y="294"/>
                  <a:pt x="92" y="304"/>
                  <a:pt x="103" y="308"/>
                </a:cubicBezTo>
                <a:cubicBezTo>
                  <a:pt x="104" y="319"/>
                  <a:pt x="108" y="347"/>
                  <a:pt x="108" y="347"/>
                </a:cubicBezTo>
                <a:cubicBezTo>
                  <a:pt x="108" y="367"/>
                  <a:pt x="126" y="385"/>
                  <a:pt x="157" y="398"/>
                </a:cubicBezTo>
                <a:cubicBezTo>
                  <a:pt x="185" y="409"/>
                  <a:pt x="222" y="415"/>
                  <a:pt x="261" y="415"/>
                </a:cubicBezTo>
                <a:cubicBezTo>
                  <a:pt x="300" y="415"/>
                  <a:pt x="337" y="409"/>
                  <a:pt x="365" y="398"/>
                </a:cubicBezTo>
                <a:cubicBezTo>
                  <a:pt x="396" y="385"/>
                  <a:pt x="414" y="367"/>
                  <a:pt x="415" y="347"/>
                </a:cubicBezTo>
                <a:cubicBezTo>
                  <a:pt x="415" y="347"/>
                  <a:pt x="455" y="64"/>
                  <a:pt x="455" y="64"/>
                </a:cubicBezTo>
                <a:cubicBezTo>
                  <a:pt x="455" y="64"/>
                  <a:pt x="455" y="63"/>
                  <a:pt x="455" y="62"/>
                </a:cubicBezTo>
                <a:cubicBezTo>
                  <a:pt x="455" y="58"/>
                  <a:pt x="453" y="53"/>
                  <a:pt x="449" y="51"/>
                </a:cubicBezTo>
                <a:cubicBezTo>
                  <a:pt x="445" y="48"/>
                  <a:pt x="439" y="48"/>
                  <a:pt x="434" y="51"/>
                </a:cubicBezTo>
                <a:cubicBezTo>
                  <a:pt x="434" y="52"/>
                  <a:pt x="372" y="92"/>
                  <a:pt x="261" y="92"/>
                </a:cubicBezTo>
                <a:cubicBezTo>
                  <a:pt x="216" y="92"/>
                  <a:pt x="173" y="88"/>
                  <a:pt x="141" y="80"/>
                </a:cubicBezTo>
                <a:cubicBezTo>
                  <a:pt x="106" y="72"/>
                  <a:pt x="95" y="62"/>
                  <a:pt x="93" y="59"/>
                </a:cubicBezTo>
                <a:cubicBezTo>
                  <a:pt x="93" y="59"/>
                  <a:pt x="93" y="59"/>
                  <a:pt x="93" y="59"/>
                </a:cubicBezTo>
                <a:cubicBezTo>
                  <a:pt x="95" y="56"/>
                  <a:pt x="106" y="47"/>
                  <a:pt x="141" y="39"/>
                </a:cubicBezTo>
                <a:cubicBezTo>
                  <a:pt x="173" y="31"/>
                  <a:pt x="216" y="27"/>
                  <a:pt x="261" y="27"/>
                </a:cubicBezTo>
                <a:cubicBezTo>
                  <a:pt x="300" y="27"/>
                  <a:pt x="337" y="30"/>
                  <a:pt x="367" y="36"/>
                </a:cubicBezTo>
                <a:cubicBezTo>
                  <a:pt x="375" y="37"/>
                  <a:pt x="382" y="32"/>
                  <a:pt x="383" y="25"/>
                </a:cubicBezTo>
                <a:cubicBezTo>
                  <a:pt x="384" y="18"/>
                  <a:pt x="380" y="11"/>
                  <a:pt x="372" y="9"/>
                </a:cubicBezTo>
                <a:cubicBezTo>
                  <a:pt x="340" y="3"/>
                  <a:pt x="302" y="0"/>
                  <a:pt x="261" y="0"/>
                </a:cubicBezTo>
                <a:cubicBezTo>
                  <a:pt x="189" y="0"/>
                  <a:pt x="67" y="12"/>
                  <a:pt x="67" y="59"/>
                </a:cubicBezTo>
                <a:close/>
                <a:moveTo>
                  <a:pt x="425" y="86"/>
                </a:moveTo>
                <a:cubicBezTo>
                  <a:pt x="419" y="129"/>
                  <a:pt x="388" y="344"/>
                  <a:pt x="388" y="344"/>
                </a:cubicBezTo>
                <a:cubicBezTo>
                  <a:pt x="388" y="345"/>
                  <a:pt x="388" y="345"/>
                  <a:pt x="388" y="346"/>
                </a:cubicBezTo>
                <a:cubicBezTo>
                  <a:pt x="388" y="363"/>
                  <a:pt x="339" y="388"/>
                  <a:pt x="261" y="388"/>
                </a:cubicBezTo>
                <a:cubicBezTo>
                  <a:pt x="184" y="388"/>
                  <a:pt x="134" y="363"/>
                  <a:pt x="134" y="346"/>
                </a:cubicBezTo>
                <a:cubicBezTo>
                  <a:pt x="134" y="345"/>
                  <a:pt x="134" y="345"/>
                  <a:pt x="134" y="344"/>
                </a:cubicBezTo>
                <a:cubicBezTo>
                  <a:pt x="128" y="297"/>
                  <a:pt x="128" y="297"/>
                  <a:pt x="128" y="297"/>
                </a:cubicBezTo>
                <a:cubicBezTo>
                  <a:pt x="128" y="293"/>
                  <a:pt x="125" y="289"/>
                  <a:pt x="120" y="287"/>
                </a:cubicBezTo>
                <a:cubicBezTo>
                  <a:pt x="92" y="275"/>
                  <a:pt x="20" y="236"/>
                  <a:pt x="27" y="196"/>
                </a:cubicBezTo>
                <a:cubicBezTo>
                  <a:pt x="28" y="189"/>
                  <a:pt x="31" y="183"/>
                  <a:pt x="37" y="179"/>
                </a:cubicBezTo>
                <a:cubicBezTo>
                  <a:pt x="53" y="169"/>
                  <a:pt x="82" y="173"/>
                  <a:pt x="91" y="176"/>
                </a:cubicBezTo>
                <a:cubicBezTo>
                  <a:pt x="96" y="177"/>
                  <a:pt x="100" y="175"/>
                  <a:pt x="104" y="173"/>
                </a:cubicBezTo>
                <a:cubicBezTo>
                  <a:pt x="106" y="170"/>
                  <a:pt x="108" y="166"/>
                  <a:pt x="108" y="163"/>
                </a:cubicBezTo>
                <a:cubicBezTo>
                  <a:pt x="108" y="162"/>
                  <a:pt x="108" y="161"/>
                  <a:pt x="108" y="161"/>
                </a:cubicBezTo>
                <a:cubicBezTo>
                  <a:pt x="108" y="161"/>
                  <a:pt x="103" y="124"/>
                  <a:pt x="98" y="94"/>
                </a:cubicBezTo>
                <a:cubicBezTo>
                  <a:pt x="140" y="113"/>
                  <a:pt x="213" y="119"/>
                  <a:pt x="261" y="119"/>
                </a:cubicBezTo>
                <a:cubicBezTo>
                  <a:pt x="340" y="119"/>
                  <a:pt x="395" y="100"/>
                  <a:pt x="425" y="8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2" name="Freeform 437"/>
          <p:cNvSpPr>
            <a:spLocks/>
          </p:cNvSpPr>
          <p:nvPr userDrawn="1"/>
        </p:nvSpPr>
        <p:spPr bwMode="auto">
          <a:xfrm>
            <a:off x="6341532" y="2391786"/>
            <a:ext cx="414337" cy="500063"/>
          </a:xfrm>
          <a:custGeom>
            <a:avLst/>
            <a:gdLst/>
            <a:ahLst/>
            <a:cxnLst>
              <a:cxn ang="0">
                <a:pos x="0" y="183"/>
              </a:cxn>
              <a:cxn ang="0">
                <a:pos x="0" y="183"/>
              </a:cxn>
              <a:cxn ang="0">
                <a:pos x="0" y="199"/>
              </a:cxn>
              <a:cxn ang="0">
                <a:pos x="14" y="212"/>
              </a:cxn>
              <a:cxn ang="0">
                <a:pos x="27" y="199"/>
              </a:cxn>
              <a:cxn ang="0">
                <a:pos x="55" y="170"/>
              </a:cxn>
              <a:cxn ang="0">
                <a:pos x="84" y="199"/>
              </a:cxn>
              <a:cxn ang="0">
                <a:pos x="97" y="212"/>
              </a:cxn>
              <a:cxn ang="0">
                <a:pos x="110" y="199"/>
              </a:cxn>
              <a:cxn ang="0">
                <a:pos x="55" y="144"/>
              </a:cxn>
              <a:cxn ang="0">
                <a:pos x="30" y="150"/>
              </a:cxn>
              <a:cxn ang="0">
                <a:pos x="183" y="26"/>
              </a:cxn>
              <a:cxn ang="0">
                <a:pos x="335" y="149"/>
              </a:cxn>
              <a:cxn ang="0">
                <a:pos x="312" y="144"/>
              </a:cxn>
              <a:cxn ang="0">
                <a:pos x="271" y="163"/>
              </a:cxn>
              <a:cxn ang="0">
                <a:pos x="229" y="144"/>
              </a:cxn>
              <a:cxn ang="0">
                <a:pos x="174" y="199"/>
              </a:cxn>
              <a:cxn ang="0">
                <a:pos x="174" y="388"/>
              </a:cxn>
              <a:cxn ang="0">
                <a:pos x="146" y="416"/>
              </a:cxn>
              <a:cxn ang="0">
                <a:pos x="132" y="430"/>
              </a:cxn>
              <a:cxn ang="0">
                <a:pos x="146" y="443"/>
              </a:cxn>
              <a:cxn ang="0">
                <a:pos x="201" y="388"/>
              </a:cxn>
              <a:cxn ang="0">
                <a:pos x="201" y="199"/>
              </a:cxn>
              <a:cxn ang="0">
                <a:pos x="229" y="170"/>
              </a:cxn>
              <a:cxn ang="0">
                <a:pos x="257" y="199"/>
              </a:cxn>
              <a:cxn ang="0">
                <a:pos x="271" y="212"/>
              </a:cxn>
              <a:cxn ang="0">
                <a:pos x="284" y="199"/>
              </a:cxn>
              <a:cxn ang="0">
                <a:pos x="312" y="170"/>
              </a:cxn>
              <a:cxn ang="0">
                <a:pos x="340" y="198"/>
              </a:cxn>
              <a:cxn ang="0">
                <a:pos x="340" y="199"/>
              </a:cxn>
              <a:cxn ang="0">
                <a:pos x="354" y="212"/>
              </a:cxn>
              <a:cxn ang="0">
                <a:pos x="367" y="199"/>
              </a:cxn>
              <a:cxn ang="0">
                <a:pos x="367" y="197"/>
              </a:cxn>
              <a:cxn ang="0">
                <a:pos x="367" y="198"/>
              </a:cxn>
              <a:cxn ang="0">
                <a:pos x="367" y="197"/>
              </a:cxn>
              <a:cxn ang="0">
                <a:pos x="367" y="192"/>
              </a:cxn>
              <a:cxn ang="0">
                <a:pos x="366" y="182"/>
              </a:cxn>
              <a:cxn ang="0">
                <a:pos x="183" y="0"/>
              </a:cxn>
              <a:cxn ang="0">
                <a:pos x="0" y="183"/>
              </a:cxn>
            </a:cxnLst>
            <a:rect l="0" t="0" r="r" b="b"/>
            <a:pathLst>
              <a:path w="367" h="443">
                <a:moveTo>
                  <a:pt x="0" y="183"/>
                </a:moveTo>
                <a:cubicBezTo>
                  <a:pt x="0" y="183"/>
                  <a:pt x="0" y="183"/>
                  <a:pt x="0" y="183"/>
                </a:cubicBezTo>
                <a:cubicBezTo>
                  <a:pt x="0" y="199"/>
                  <a:pt x="0" y="199"/>
                  <a:pt x="0" y="199"/>
                </a:cubicBezTo>
                <a:cubicBezTo>
                  <a:pt x="1" y="206"/>
                  <a:pt x="7" y="212"/>
                  <a:pt x="14" y="212"/>
                </a:cubicBezTo>
                <a:cubicBezTo>
                  <a:pt x="21" y="212"/>
                  <a:pt x="27" y="206"/>
                  <a:pt x="27" y="199"/>
                </a:cubicBezTo>
                <a:cubicBezTo>
                  <a:pt x="27" y="183"/>
                  <a:pt x="40" y="170"/>
                  <a:pt x="55" y="170"/>
                </a:cubicBezTo>
                <a:cubicBezTo>
                  <a:pt x="71" y="170"/>
                  <a:pt x="84" y="183"/>
                  <a:pt x="84" y="199"/>
                </a:cubicBezTo>
                <a:cubicBezTo>
                  <a:pt x="84" y="206"/>
                  <a:pt x="90" y="212"/>
                  <a:pt x="97" y="212"/>
                </a:cubicBezTo>
                <a:cubicBezTo>
                  <a:pt x="104" y="212"/>
                  <a:pt x="110" y="206"/>
                  <a:pt x="110" y="199"/>
                </a:cubicBezTo>
                <a:cubicBezTo>
                  <a:pt x="110" y="168"/>
                  <a:pt x="86" y="144"/>
                  <a:pt x="55" y="144"/>
                </a:cubicBezTo>
                <a:cubicBezTo>
                  <a:pt x="46" y="144"/>
                  <a:pt x="38" y="146"/>
                  <a:pt x="30" y="150"/>
                </a:cubicBezTo>
                <a:cubicBezTo>
                  <a:pt x="45" y="79"/>
                  <a:pt x="108" y="26"/>
                  <a:pt x="183" y="26"/>
                </a:cubicBezTo>
                <a:cubicBezTo>
                  <a:pt x="257" y="26"/>
                  <a:pt x="320" y="79"/>
                  <a:pt x="335" y="149"/>
                </a:cubicBezTo>
                <a:cubicBezTo>
                  <a:pt x="328" y="145"/>
                  <a:pt x="320" y="144"/>
                  <a:pt x="312" y="144"/>
                </a:cubicBezTo>
                <a:cubicBezTo>
                  <a:pt x="295" y="144"/>
                  <a:pt x="281" y="151"/>
                  <a:pt x="271" y="163"/>
                </a:cubicBezTo>
                <a:cubicBezTo>
                  <a:pt x="261" y="151"/>
                  <a:pt x="246" y="144"/>
                  <a:pt x="229" y="144"/>
                </a:cubicBezTo>
                <a:cubicBezTo>
                  <a:pt x="199" y="144"/>
                  <a:pt x="174" y="168"/>
                  <a:pt x="174" y="199"/>
                </a:cubicBezTo>
                <a:cubicBezTo>
                  <a:pt x="174" y="388"/>
                  <a:pt x="174" y="388"/>
                  <a:pt x="174" y="388"/>
                </a:cubicBezTo>
                <a:cubicBezTo>
                  <a:pt x="174" y="404"/>
                  <a:pt x="161" y="416"/>
                  <a:pt x="146" y="416"/>
                </a:cubicBezTo>
                <a:cubicBezTo>
                  <a:pt x="138" y="416"/>
                  <a:pt x="132" y="422"/>
                  <a:pt x="132" y="430"/>
                </a:cubicBezTo>
                <a:cubicBezTo>
                  <a:pt x="132" y="437"/>
                  <a:pt x="138" y="443"/>
                  <a:pt x="146" y="443"/>
                </a:cubicBezTo>
                <a:cubicBezTo>
                  <a:pt x="176" y="443"/>
                  <a:pt x="201" y="418"/>
                  <a:pt x="201" y="388"/>
                </a:cubicBezTo>
                <a:cubicBezTo>
                  <a:pt x="201" y="199"/>
                  <a:pt x="201" y="199"/>
                  <a:pt x="201" y="199"/>
                </a:cubicBezTo>
                <a:cubicBezTo>
                  <a:pt x="201" y="183"/>
                  <a:pt x="213" y="170"/>
                  <a:pt x="229" y="170"/>
                </a:cubicBezTo>
                <a:cubicBezTo>
                  <a:pt x="245" y="170"/>
                  <a:pt x="257" y="183"/>
                  <a:pt x="257" y="199"/>
                </a:cubicBezTo>
                <a:cubicBezTo>
                  <a:pt x="257" y="206"/>
                  <a:pt x="263" y="212"/>
                  <a:pt x="271" y="212"/>
                </a:cubicBezTo>
                <a:cubicBezTo>
                  <a:pt x="278" y="212"/>
                  <a:pt x="284" y="206"/>
                  <a:pt x="284" y="199"/>
                </a:cubicBezTo>
                <a:cubicBezTo>
                  <a:pt x="284" y="183"/>
                  <a:pt x="296" y="170"/>
                  <a:pt x="312" y="170"/>
                </a:cubicBezTo>
                <a:cubicBezTo>
                  <a:pt x="327" y="170"/>
                  <a:pt x="340" y="182"/>
                  <a:pt x="340" y="198"/>
                </a:cubicBezTo>
                <a:cubicBezTo>
                  <a:pt x="340" y="198"/>
                  <a:pt x="340" y="199"/>
                  <a:pt x="340" y="199"/>
                </a:cubicBezTo>
                <a:cubicBezTo>
                  <a:pt x="341" y="207"/>
                  <a:pt x="347" y="212"/>
                  <a:pt x="354" y="212"/>
                </a:cubicBezTo>
                <a:cubicBezTo>
                  <a:pt x="361" y="212"/>
                  <a:pt x="367" y="206"/>
                  <a:pt x="367" y="199"/>
                </a:cubicBezTo>
                <a:cubicBezTo>
                  <a:pt x="367" y="198"/>
                  <a:pt x="367" y="198"/>
                  <a:pt x="367" y="197"/>
                </a:cubicBezTo>
                <a:cubicBezTo>
                  <a:pt x="367" y="198"/>
                  <a:pt x="367" y="198"/>
                  <a:pt x="367" y="198"/>
                </a:cubicBezTo>
                <a:cubicBezTo>
                  <a:pt x="367" y="198"/>
                  <a:pt x="367" y="197"/>
                  <a:pt x="367" y="197"/>
                </a:cubicBezTo>
                <a:cubicBezTo>
                  <a:pt x="367" y="195"/>
                  <a:pt x="367" y="194"/>
                  <a:pt x="367" y="192"/>
                </a:cubicBezTo>
                <a:cubicBezTo>
                  <a:pt x="366" y="188"/>
                  <a:pt x="366" y="182"/>
                  <a:pt x="366" y="182"/>
                </a:cubicBezTo>
                <a:cubicBezTo>
                  <a:pt x="365" y="81"/>
                  <a:pt x="284" y="0"/>
                  <a:pt x="183" y="0"/>
                </a:cubicBezTo>
                <a:cubicBezTo>
                  <a:pt x="82" y="0"/>
                  <a:pt x="0" y="82"/>
                  <a:pt x="0" y="18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3" name="Freeform 453"/>
          <p:cNvSpPr>
            <a:spLocks/>
          </p:cNvSpPr>
          <p:nvPr userDrawn="1"/>
        </p:nvSpPr>
        <p:spPr bwMode="auto">
          <a:xfrm>
            <a:off x="6289938" y="1835055"/>
            <a:ext cx="517525" cy="338137"/>
          </a:xfrm>
          <a:custGeom>
            <a:avLst/>
            <a:gdLst/>
            <a:ahLst/>
            <a:cxnLst>
              <a:cxn ang="0">
                <a:pos x="10" y="68"/>
              </a:cxn>
              <a:cxn ang="0">
                <a:pos x="0" y="165"/>
              </a:cxn>
              <a:cxn ang="0">
                <a:pos x="48" y="198"/>
              </a:cxn>
              <a:cxn ang="0">
                <a:pos x="68" y="186"/>
              </a:cxn>
              <a:cxn ang="0">
                <a:pos x="73" y="136"/>
              </a:cxn>
              <a:cxn ang="0">
                <a:pos x="79" y="215"/>
              </a:cxn>
              <a:cxn ang="0">
                <a:pos x="125" y="234"/>
              </a:cxn>
              <a:cxn ang="0">
                <a:pos x="132" y="168"/>
              </a:cxn>
              <a:cxn ang="0">
                <a:pos x="137" y="240"/>
              </a:cxn>
              <a:cxn ang="0">
                <a:pos x="226" y="297"/>
              </a:cxn>
              <a:cxn ang="0">
                <a:pos x="375" y="219"/>
              </a:cxn>
              <a:cxn ang="0">
                <a:pos x="382" y="196"/>
              </a:cxn>
              <a:cxn ang="0">
                <a:pos x="404" y="144"/>
              </a:cxn>
              <a:cxn ang="0">
                <a:pos x="331" y="145"/>
              </a:cxn>
              <a:cxn ang="0">
                <a:pos x="346" y="171"/>
              </a:cxn>
              <a:cxn ang="0">
                <a:pos x="358" y="147"/>
              </a:cxn>
              <a:cxn ang="0">
                <a:pos x="377" y="144"/>
              </a:cxn>
              <a:cxn ang="0">
                <a:pos x="366" y="174"/>
              </a:cxn>
              <a:cxn ang="0">
                <a:pos x="355" y="200"/>
              </a:cxn>
              <a:cxn ang="0">
                <a:pos x="164" y="232"/>
              </a:cxn>
              <a:cxn ang="0">
                <a:pos x="157" y="151"/>
              </a:cxn>
              <a:cxn ang="0">
                <a:pos x="112" y="135"/>
              </a:cxn>
              <a:cxn ang="0">
                <a:pos x="105" y="199"/>
              </a:cxn>
              <a:cxn ang="0">
                <a:pos x="99" y="128"/>
              </a:cxn>
              <a:cxn ang="0">
                <a:pos x="60" y="100"/>
              </a:cxn>
              <a:cxn ang="0">
                <a:pos x="41" y="112"/>
              </a:cxn>
              <a:cxn ang="0">
                <a:pos x="27" y="157"/>
              </a:cxn>
              <a:cxn ang="0">
                <a:pos x="242" y="27"/>
              </a:cxn>
              <a:cxn ang="0">
                <a:pos x="432" y="163"/>
              </a:cxn>
              <a:cxn ang="0">
                <a:pos x="459" y="163"/>
              </a:cxn>
              <a:cxn ang="0">
                <a:pos x="449" y="61"/>
              </a:cxn>
              <a:cxn ang="0">
                <a:pos x="238" y="0"/>
              </a:cxn>
            </a:cxnLst>
            <a:rect l="0" t="0" r="r" b="b"/>
            <a:pathLst>
              <a:path w="459" h="299">
                <a:moveTo>
                  <a:pt x="238" y="0"/>
                </a:moveTo>
                <a:cubicBezTo>
                  <a:pt x="10" y="68"/>
                  <a:pt x="10" y="68"/>
                  <a:pt x="10" y="68"/>
                </a:cubicBezTo>
                <a:cubicBezTo>
                  <a:pt x="4" y="70"/>
                  <a:pt x="0" y="75"/>
                  <a:pt x="0" y="81"/>
                </a:cubicBezTo>
                <a:cubicBezTo>
                  <a:pt x="0" y="165"/>
                  <a:pt x="0" y="165"/>
                  <a:pt x="0" y="165"/>
                </a:cubicBezTo>
                <a:cubicBezTo>
                  <a:pt x="0" y="170"/>
                  <a:pt x="3" y="175"/>
                  <a:pt x="7" y="177"/>
                </a:cubicBezTo>
                <a:cubicBezTo>
                  <a:pt x="48" y="198"/>
                  <a:pt x="48" y="198"/>
                  <a:pt x="48" y="198"/>
                </a:cubicBezTo>
                <a:cubicBezTo>
                  <a:pt x="52" y="200"/>
                  <a:pt x="57" y="200"/>
                  <a:pt x="61" y="198"/>
                </a:cubicBezTo>
                <a:cubicBezTo>
                  <a:pt x="65" y="195"/>
                  <a:pt x="68" y="191"/>
                  <a:pt x="68" y="186"/>
                </a:cubicBezTo>
                <a:cubicBezTo>
                  <a:pt x="68" y="186"/>
                  <a:pt x="68" y="155"/>
                  <a:pt x="68" y="133"/>
                </a:cubicBezTo>
                <a:cubicBezTo>
                  <a:pt x="70" y="135"/>
                  <a:pt x="71" y="135"/>
                  <a:pt x="73" y="136"/>
                </a:cubicBezTo>
                <a:cubicBezTo>
                  <a:pt x="73" y="149"/>
                  <a:pt x="73" y="203"/>
                  <a:pt x="73" y="203"/>
                </a:cubicBezTo>
                <a:cubicBezTo>
                  <a:pt x="73" y="208"/>
                  <a:pt x="75" y="212"/>
                  <a:pt x="79" y="215"/>
                </a:cubicBezTo>
                <a:cubicBezTo>
                  <a:pt x="112" y="234"/>
                  <a:pt x="112" y="234"/>
                  <a:pt x="112" y="234"/>
                </a:cubicBezTo>
                <a:cubicBezTo>
                  <a:pt x="116" y="236"/>
                  <a:pt x="121" y="236"/>
                  <a:pt x="125" y="234"/>
                </a:cubicBezTo>
                <a:cubicBezTo>
                  <a:pt x="129" y="231"/>
                  <a:pt x="132" y="227"/>
                  <a:pt x="132" y="222"/>
                </a:cubicBezTo>
                <a:cubicBezTo>
                  <a:pt x="132" y="222"/>
                  <a:pt x="132" y="190"/>
                  <a:pt x="132" y="168"/>
                </a:cubicBezTo>
                <a:cubicBezTo>
                  <a:pt x="134" y="170"/>
                  <a:pt x="135" y="170"/>
                  <a:pt x="137" y="171"/>
                </a:cubicBezTo>
                <a:cubicBezTo>
                  <a:pt x="137" y="184"/>
                  <a:pt x="137" y="240"/>
                  <a:pt x="137" y="240"/>
                </a:cubicBezTo>
                <a:cubicBezTo>
                  <a:pt x="137" y="245"/>
                  <a:pt x="140" y="249"/>
                  <a:pt x="144" y="252"/>
                </a:cubicBezTo>
                <a:cubicBezTo>
                  <a:pt x="226" y="297"/>
                  <a:pt x="226" y="297"/>
                  <a:pt x="226" y="297"/>
                </a:cubicBezTo>
                <a:cubicBezTo>
                  <a:pt x="230" y="299"/>
                  <a:pt x="235" y="299"/>
                  <a:pt x="239" y="297"/>
                </a:cubicBezTo>
                <a:cubicBezTo>
                  <a:pt x="375" y="219"/>
                  <a:pt x="375" y="219"/>
                  <a:pt x="375" y="219"/>
                </a:cubicBezTo>
                <a:cubicBezTo>
                  <a:pt x="380" y="217"/>
                  <a:pt x="382" y="213"/>
                  <a:pt x="382" y="208"/>
                </a:cubicBezTo>
                <a:cubicBezTo>
                  <a:pt x="382" y="208"/>
                  <a:pt x="382" y="202"/>
                  <a:pt x="382" y="196"/>
                </a:cubicBezTo>
                <a:cubicBezTo>
                  <a:pt x="394" y="187"/>
                  <a:pt x="402" y="171"/>
                  <a:pt x="404" y="150"/>
                </a:cubicBezTo>
                <a:cubicBezTo>
                  <a:pt x="404" y="148"/>
                  <a:pt x="404" y="146"/>
                  <a:pt x="404" y="144"/>
                </a:cubicBezTo>
                <a:cubicBezTo>
                  <a:pt x="404" y="117"/>
                  <a:pt x="390" y="96"/>
                  <a:pt x="371" y="94"/>
                </a:cubicBezTo>
                <a:cubicBezTo>
                  <a:pt x="350" y="93"/>
                  <a:pt x="333" y="115"/>
                  <a:pt x="331" y="145"/>
                </a:cubicBezTo>
                <a:cubicBezTo>
                  <a:pt x="331" y="150"/>
                  <a:pt x="331" y="155"/>
                  <a:pt x="331" y="159"/>
                </a:cubicBezTo>
                <a:cubicBezTo>
                  <a:pt x="332" y="166"/>
                  <a:pt x="338" y="172"/>
                  <a:pt x="346" y="171"/>
                </a:cubicBezTo>
                <a:cubicBezTo>
                  <a:pt x="353" y="170"/>
                  <a:pt x="358" y="164"/>
                  <a:pt x="358" y="156"/>
                </a:cubicBezTo>
                <a:cubicBezTo>
                  <a:pt x="357" y="153"/>
                  <a:pt x="357" y="150"/>
                  <a:pt x="358" y="147"/>
                </a:cubicBezTo>
                <a:cubicBezTo>
                  <a:pt x="359" y="129"/>
                  <a:pt x="367" y="121"/>
                  <a:pt x="369" y="121"/>
                </a:cubicBezTo>
                <a:cubicBezTo>
                  <a:pt x="371" y="121"/>
                  <a:pt x="377" y="129"/>
                  <a:pt x="377" y="144"/>
                </a:cubicBezTo>
                <a:cubicBezTo>
                  <a:pt x="377" y="146"/>
                  <a:pt x="377" y="147"/>
                  <a:pt x="377" y="148"/>
                </a:cubicBezTo>
                <a:cubicBezTo>
                  <a:pt x="376" y="164"/>
                  <a:pt x="369" y="174"/>
                  <a:pt x="366" y="174"/>
                </a:cubicBezTo>
                <a:cubicBezTo>
                  <a:pt x="360" y="176"/>
                  <a:pt x="355" y="181"/>
                  <a:pt x="355" y="187"/>
                </a:cubicBezTo>
                <a:cubicBezTo>
                  <a:pt x="355" y="187"/>
                  <a:pt x="355" y="194"/>
                  <a:pt x="355" y="200"/>
                </a:cubicBezTo>
                <a:cubicBezTo>
                  <a:pt x="344" y="207"/>
                  <a:pt x="243" y="264"/>
                  <a:pt x="232" y="270"/>
                </a:cubicBezTo>
                <a:cubicBezTo>
                  <a:pt x="222" y="265"/>
                  <a:pt x="175" y="238"/>
                  <a:pt x="164" y="232"/>
                </a:cubicBezTo>
                <a:cubicBezTo>
                  <a:pt x="164" y="220"/>
                  <a:pt x="164" y="163"/>
                  <a:pt x="164" y="163"/>
                </a:cubicBezTo>
                <a:cubicBezTo>
                  <a:pt x="164" y="158"/>
                  <a:pt x="161" y="154"/>
                  <a:pt x="157" y="151"/>
                </a:cubicBezTo>
                <a:cubicBezTo>
                  <a:pt x="125" y="134"/>
                  <a:pt x="125" y="134"/>
                  <a:pt x="125" y="134"/>
                </a:cubicBezTo>
                <a:cubicBezTo>
                  <a:pt x="121" y="132"/>
                  <a:pt x="116" y="132"/>
                  <a:pt x="112" y="135"/>
                </a:cubicBezTo>
                <a:cubicBezTo>
                  <a:pt x="108" y="137"/>
                  <a:pt x="105" y="142"/>
                  <a:pt x="105" y="146"/>
                </a:cubicBezTo>
                <a:cubicBezTo>
                  <a:pt x="105" y="146"/>
                  <a:pt x="105" y="177"/>
                  <a:pt x="105" y="199"/>
                </a:cubicBezTo>
                <a:cubicBezTo>
                  <a:pt x="102" y="197"/>
                  <a:pt x="101" y="197"/>
                  <a:pt x="99" y="196"/>
                </a:cubicBezTo>
                <a:cubicBezTo>
                  <a:pt x="99" y="183"/>
                  <a:pt x="99" y="128"/>
                  <a:pt x="99" y="128"/>
                </a:cubicBezTo>
                <a:cubicBezTo>
                  <a:pt x="99" y="123"/>
                  <a:pt x="96" y="118"/>
                  <a:pt x="92" y="116"/>
                </a:cubicBezTo>
                <a:cubicBezTo>
                  <a:pt x="60" y="100"/>
                  <a:pt x="60" y="100"/>
                  <a:pt x="60" y="100"/>
                </a:cubicBezTo>
                <a:cubicBezTo>
                  <a:pt x="56" y="98"/>
                  <a:pt x="51" y="98"/>
                  <a:pt x="47" y="101"/>
                </a:cubicBezTo>
                <a:cubicBezTo>
                  <a:pt x="44" y="103"/>
                  <a:pt x="41" y="107"/>
                  <a:pt x="41" y="112"/>
                </a:cubicBezTo>
                <a:cubicBezTo>
                  <a:pt x="41" y="112"/>
                  <a:pt x="41" y="143"/>
                  <a:pt x="41" y="164"/>
                </a:cubicBezTo>
                <a:cubicBezTo>
                  <a:pt x="34" y="161"/>
                  <a:pt x="31" y="159"/>
                  <a:pt x="27" y="157"/>
                </a:cubicBezTo>
                <a:cubicBezTo>
                  <a:pt x="27" y="145"/>
                  <a:pt x="27" y="105"/>
                  <a:pt x="27" y="91"/>
                </a:cubicBezTo>
                <a:cubicBezTo>
                  <a:pt x="44" y="86"/>
                  <a:pt x="235" y="29"/>
                  <a:pt x="242" y="27"/>
                </a:cubicBezTo>
                <a:cubicBezTo>
                  <a:pt x="249" y="29"/>
                  <a:pt x="415" y="78"/>
                  <a:pt x="432" y="83"/>
                </a:cubicBezTo>
                <a:cubicBezTo>
                  <a:pt x="432" y="99"/>
                  <a:pt x="432" y="163"/>
                  <a:pt x="432" y="163"/>
                </a:cubicBezTo>
                <a:cubicBezTo>
                  <a:pt x="432" y="171"/>
                  <a:pt x="438" y="176"/>
                  <a:pt x="445" y="176"/>
                </a:cubicBezTo>
                <a:cubicBezTo>
                  <a:pt x="453" y="176"/>
                  <a:pt x="459" y="171"/>
                  <a:pt x="459" y="163"/>
                </a:cubicBezTo>
                <a:cubicBezTo>
                  <a:pt x="459" y="73"/>
                  <a:pt x="459" y="73"/>
                  <a:pt x="459" y="73"/>
                </a:cubicBezTo>
                <a:cubicBezTo>
                  <a:pt x="459" y="68"/>
                  <a:pt x="455" y="62"/>
                  <a:pt x="449" y="61"/>
                </a:cubicBezTo>
                <a:cubicBezTo>
                  <a:pt x="246" y="0"/>
                  <a:pt x="246" y="0"/>
                  <a:pt x="246" y="0"/>
                </a:cubicBezTo>
                <a:cubicBezTo>
                  <a:pt x="243" y="0"/>
                  <a:pt x="240" y="0"/>
                  <a:pt x="238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4" name="Freeform 461"/>
          <p:cNvSpPr>
            <a:spLocks noEditPoints="1"/>
          </p:cNvSpPr>
          <p:nvPr userDrawn="1"/>
        </p:nvSpPr>
        <p:spPr bwMode="auto">
          <a:xfrm>
            <a:off x="6392331" y="2995721"/>
            <a:ext cx="312738" cy="504825"/>
          </a:xfrm>
          <a:custGeom>
            <a:avLst/>
            <a:gdLst/>
            <a:ahLst/>
            <a:cxnLst>
              <a:cxn ang="0">
                <a:pos x="85" y="1"/>
              </a:cxn>
              <a:cxn ang="0">
                <a:pos x="71" y="7"/>
              </a:cxn>
              <a:cxn ang="0">
                <a:pos x="64" y="24"/>
              </a:cxn>
              <a:cxn ang="0">
                <a:pos x="81" y="31"/>
              </a:cxn>
              <a:cxn ang="0">
                <a:pos x="92" y="27"/>
              </a:cxn>
              <a:cxn ang="0">
                <a:pos x="220" y="43"/>
              </a:cxn>
              <a:cxn ang="0">
                <a:pos x="180" y="63"/>
              </a:cxn>
              <a:cxn ang="0">
                <a:pos x="15" y="40"/>
              </a:cxn>
              <a:cxn ang="0">
                <a:pos x="5" y="43"/>
              </a:cxn>
              <a:cxn ang="0">
                <a:pos x="0" y="53"/>
              </a:cxn>
              <a:cxn ang="0">
                <a:pos x="0" y="385"/>
              </a:cxn>
              <a:cxn ang="0">
                <a:pos x="10" y="397"/>
              </a:cxn>
              <a:cxn ang="0">
                <a:pos x="121" y="432"/>
              </a:cxn>
              <a:cxn ang="0">
                <a:pos x="137" y="423"/>
              </a:cxn>
              <a:cxn ang="0">
                <a:pos x="138" y="419"/>
              </a:cxn>
              <a:cxn ang="0">
                <a:pos x="129" y="407"/>
              </a:cxn>
              <a:cxn ang="0">
                <a:pos x="27" y="375"/>
              </a:cxn>
              <a:cxn ang="0">
                <a:pos x="27" y="68"/>
              </a:cxn>
              <a:cxn ang="0">
                <a:pos x="169" y="88"/>
              </a:cxn>
              <a:cxn ang="0">
                <a:pos x="170" y="435"/>
              </a:cxn>
              <a:cxn ang="0">
                <a:pos x="177" y="447"/>
              </a:cxn>
              <a:cxn ang="0">
                <a:pos x="191" y="446"/>
              </a:cxn>
              <a:cxn ang="0">
                <a:pos x="273" y="391"/>
              </a:cxn>
              <a:cxn ang="0">
                <a:pos x="278" y="380"/>
              </a:cxn>
              <a:cxn ang="0">
                <a:pos x="278" y="35"/>
              </a:cxn>
              <a:cxn ang="0">
                <a:pos x="278" y="35"/>
              </a:cxn>
              <a:cxn ang="0">
                <a:pos x="278" y="33"/>
              </a:cxn>
              <a:cxn ang="0">
                <a:pos x="278" y="32"/>
              </a:cxn>
              <a:cxn ang="0">
                <a:pos x="277" y="30"/>
              </a:cxn>
              <a:cxn ang="0">
                <a:pos x="277" y="29"/>
              </a:cxn>
              <a:cxn ang="0">
                <a:pos x="276" y="28"/>
              </a:cxn>
              <a:cxn ang="0">
                <a:pos x="276" y="27"/>
              </a:cxn>
              <a:cxn ang="0">
                <a:pos x="274" y="26"/>
              </a:cxn>
              <a:cxn ang="0">
                <a:pos x="274" y="25"/>
              </a:cxn>
              <a:cxn ang="0">
                <a:pos x="274" y="25"/>
              </a:cxn>
              <a:cxn ang="0">
                <a:pos x="273" y="24"/>
              </a:cxn>
              <a:cxn ang="0">
                <a:pos x="272" y="24"/>
              </a:cxn>
              <a:cxn ang="0">
                <a:pos x="271" y="23"/>
              </a:cxn>
              <a:cxn ang="0">
                <a:pos x="270" y="23"/>
              </a:cxn>
              <a:cxn ang="0">
                <a:pos x="268" y="22"/>
              </a:cxn>
              <a:cxn ang="0">
                <a:pos x="267" y="22"/>
              </a:cxn>
              <a:cxn ang="0">
                <a:pos x="267" y="22"/>
              </a:cxn>
              <a:cxn ang="0">
                <a:pos x="91" y="0"/>
              </a:cxn>
              <a:cxn ang="0">
                <a:pos x="85" y="1"/>
              </a:cxn>
              <a:cxn ang="0">
                <a:pos x="240" y="63"/>
              </a:cxn>
              <a:cxn ang="0">
                <a:pos x="225" y="102"/>
              </a:cxn>
              <a:cxn ang="0">
                <a:pos x="204" y="80"/>
              </a:cxn>
              <a:cxn ang="0">
                <a:pos x="240" y="63"/>
              </a:cxn>
              <a:cxn ang="0">
                <a:pos x="232" y="140"/>
              </a:cxn>
              <a:cxn ang="0">
                <a:pos x="242" y="132"/>
              </a:cxn>
              <a:cxn ang="0">
                <a:pos x="252" y="106"/>
              </a:cxn>
              <a:cxn ang="0">
                <a:pos x="252" y="373"/>
              </a:cxn>
              <a:cxn ang="0">
                <a:pos x="196" y="410"/>
              </a:cxn>
              <a:cxn ang="0">
                <a:pos x="196" y="110"/>
              </a:cxn>
              <a:cxn ang="0">
                <a:pos x="219" y="136"/>
              </a:cxn>
              <a:cxn ang="0">
                <a:pos x="232" y="140"/>
              </a:cxn>
            </a:cxnLst>
            <a:rect l="0" t="0" r="r" b="b"/>
            <a:pathLst>
              <a:path w="278" h="449">
                <a:moveTo>
                  <a:pt x="85" y="1"/>
                </a:moveTo>
                <a:cubicBezTo>
                  <a:pt x="71" y="7"/>
                  <a:pt x="71" y="7"/>
                  <a:pt x="71" y="7"/>
                </a:cubicBezTo>
                <a:cubicBezTo>
                  <a:pt x="64" y="10"/>
                  <a:pt x="61" y="18"/>
                  <a:pt x="64" y="24"/>
                </a:cubicBezTo>
                <a:cubicBezTo>
                  <a:pt x="67" y="31"/>
                  <a:pt x="74" y="34"/>
                  <a:pt x="81" y="31"/>
                </a:cubicBezTo>
                <a:cubicBezTo>
                  <a:pt x="81" y="31"/>
                  <a:pt x="88" y="29"/>
                  <a:pt x="92" y="27"/>
                </a:cubicBezTo>
                <a:cubicBezTo>
                  <a:pt x="97" y="28"/>
                  <a:pt x="172" y="37"/>
                  <a:pt x="220" y="43"/>
                </a:cubicBezTo>
                <a:cubicBezTo>
                  <a:pt x="200" y="53"/>
                  <a:pt x="184" y="61"/>
                  <a:pt x="180" y="63"/>
                </a:cubicBezTo>
                <a:cubicBezTo>
                  <a:pt x="173" y="62"/>
                  <a:pt x="15" y="40"/>
                  <a:pt x="15" y="40"/>
                </a:cubicBezTo>
                <a:cubicBezTo>
                  <a:pt x="12" y="39"/>
                  <a:pt x="8" y="40"/>
                  <a:pt x="5" y="43"/>
                </a:cubicBezTo>
                <a:cubicBezTo>
                  <a:pt x="2" y="45"/>
                  <a:pt x="0" y="49"/>
                  <a:pt x="0" y="53"/>
                </a:cubicBezTo>
                <a:cubicBezTo>
                  <a:pt x="0" y="385"/>
                  <a:pt x="0" y="385"/>
                  <a:pt x="0" y="385"/>
                </a:cubicBezTo>
                <a:cubicBezTo>
                  <a:pt x="0" y="390"/>
                  <a:pt x="4" y="396"/>
                  <a:pt x="10" y="397"/>
                </a:cubicBezTo>
                <a:cubicBezTo>
                  <a:pt x="121" y="432"/>
                  <a:pt x="121" y="432"/>
                  <a:pt x="121" y="432"/>
                </a:cubicBezTo>
                <a:cubicBezTo>
                  <a:pt x="128" y="434"/>
                  <a:pt x="135" y="430"/>
                  <a:pt x="137" y="423"/>
                </a:cubicBezTo>
                <a:cubicBezTo>
                  <a:pt x="138" y="422"/>
                  <a:pt x="138" y="421"/>
                  <a:pt x="138" y="419"/>
                </a:cubicBezTo>
                <a:cubicBezTo>
                  <a:pt x="138" y="414"/>
                  <a:pt x="134" y="408"/>
                  <a:pt x="129" y="407"/>
                </a:cubicBezTo>
                <a:cubicBezTo>
                  <a:pt x="129" y="407"/>
                  <a:pt x="43" y="380"/>
                  <a:pt x="27" y="375"/>
                </a:cubicBezTo>
                <a:cubicBezTo>
                  <a:pt x="27" y="357"/>
                  <a:pt x="27" y="95"/>
                  <a:pt x="27" y="68"/>
                </a:cubicBezTo>
                <a:cubicBezTo>
                  <a:pt x="50" y="71"/>
                  <a:pt x="151" y="85"/>
                  <a:pt x="169" y="88"/>
                </a:cubicBezTo>
                <a:cubicBezTo>
                  <a:pt x="169" y="110"/>
                  <a:pt x="170" y="435"/>
                  <a:pt x="170" y="435"/>
                </a:cubicBezTo>
                <a:cubicBezTo>
                  <a:pt x="170" y="440"/>
                  <a:pt x="173" y="445"/>
                  <a:pt x="177" y="447"/>
                </a:cubicBezTo>
                <a:cubicBezTo>
                  <a:pt x="181" y="449"/>
                  <a:pt x="187" y="449"/>
                  <a:pt x="191" y="446"/>
                </a:cubicBezTo>
                <a:cubicBezTo>
                  <a:pt x="273" y="391"/>
                  <a:pt x="273" y="391"/>
                  <a:pt x="273" y="391"/>
                </a:cubicBezTo>
                <a:cubicBezTo>
                  <a:pt x="276" y="389"/>
                  <a:pt x="278" y="384"/>
                  <a:pt x="278" y="380"/>
                </a:cubicBezTo>
                <a:cubicBezTo>
                  <a:pt x="278" y="380"/>
                  <a:pt x="278" y="35"/>
                  <a:pt x="278" y="35"/>
                </a:cubicBezTo>
                <a:cubicBezTo>
                  <a:pt x="278" y="35"/>
                  <a:pt x="278" y="35"/>
                  <a:pt x="278" y="35"/>
                </a:cubicBezTo>
                <a:cubicBezTo>
                  <a:pt x="278" y="34"/>
                  <a:pt x="278" y="33"/>
                  <a:pt x="278" y="33"/>
                </a:cubicBezTo>
                <a:cubicBezTo>
                  <a:pt x="278" y="32"/>
                  <a:pt x="278" y="32"/>
                  <a:pt x="278" y="32"/>
                </a:cubicBezTo>
                <a:cubicBezTo>
                  <a:pt x="278" y="31"/>
                  <a:pt x="278" y="31"/>
                  <a:pt x="277" y="30"/>
                </a:cubicBezTo>
                <a:cubicBezTo>
                  <a:pt x="277" y="30"/>
                  <a:pt x="277" y="29"/>
                  <a:pt x="277" y="29"/>
                </a:cubicBezTo>
                <a:cubicBezTo>
                  <a:pt x="277" y="29"/>
                  <a:pt x="276" y="28"/>
                  <a:pt x="276" y="28"/>
                </a:cubicBezTo>
                <a:cubicBezTo>
                  <a:pt x="276" y="27"/>
                  <a:pt x="276" y="27"/>
                  <a:pt x="276" y="27"/>
                </a:cubicBezTo>
                <a:cubicBezTo>
                  <a:pt x="275" y="27"/>
                  <a:pt x="275" y="26"/>
                  <a:pt x="274" y="26"/>
                </a:cubicBezTo>
                <a:cubicBezTo>
                  <a:pt x="274" y="26"/>
                  <a:pt x="274" y="25"/>
                  <a:pt x="274" y="25"/>
                </a:cubicBezTo>
                <a:cubicBezTo>
                  <a:pt x="274" y="25"/>
                  <a:pt x="274" y="25"/>
                  <a:pt x="274" y="25"/>
                </a:cubicBezTo>
                <a:cubicBezTo>
                  <a:pt x="273" y="25"/>
                  <a:pt x="273" y="24"/>
                  <a:pt x="273" y="24"/>
                </a:cubicBezTo>
                <a:cubicBezTo>
                  <a:pt x="272" y="24"/>
                  <a:pt x="272" y="24"/>
                  <a:pt x="272" y="24"/>
                </a:cubicBezTo>
                <a:cubicBezTo>
                  <a:pt x="271" y="23"/>
                  <a:pt x="271" y="23"/>
                  <a:pt x="271" y="23"/>
                </a:cubicBezTo>
                <a:cubicBezTo>
                  <a:pt x="270" y="23"/>
                  <a:pt x="270" y="23"/>
                  <a:pt x="270" y="23"/>
                </a:cubicBezTo>
                <a:cubicBezTo>
                  <a:pt x="269" y="22"/>
                  <a:pt x="269" y="22"/>
                  <a:pt x="268" y="22"/>
                </a:cubicBezTo>
                <a:cubicBezTo>
                  <a:pt x="268" y="22"/>
                  <a:pt x="268" y="22"/>
                  <a:pt x="267" y="22"/>
                </a:cubicBezTo>
                <a:cubicBezTo>
                  <a:pt x="267" y="22"/>
                  <a:pt x="267" y="22"/>
                  <a:pt x="267" y="22"/>
                </a:cubicBezTo>
                <a:cubicBezTo>
                  <a:pt x="91" y="0"/>
                  <a:pt x="91" y="0"/>
                  <a:pt x="91" y="0"/>
                </a:cubicBezTo>
                <a:cubicBezTo>
                  <a:pt x="89" y="0"/>
                  <a:pt x="87" y="0"/>
                  <a:pt x="85" y="1"/>
                </a:cubicBezTo>
                <a:close/>
                <a:moveTo>
                  <a:pt x="240" y="63"/>
                </a:moveTo>
                <a:cubicBezTo>
                  <a:pt x="233" y="81"/>
                  <a:pt x="230" y="89"/>
                  <a:pt x="225" y="102"/>
                </a:cubicBezTo>
                <a:cubicBezTo>
                  <a:pt x="216" y="93"/>
                  <a:pt x="212" y="89"/>
                  <a:pt x="204" y="80"/>
                </a:cubicBezTo>
                <a:cubicBezTo>
                  <a:pt x="216" y="75"/>
                  <a:pt x="223" y="71"/>
                  <a:pt x="240" y="63"/>
                </a:cubicBezTo>
                <a:close/>
                <a:moveTo>
                  <a:pt x="232" y="140"/>
                </a:moveTo>
                <a:cubicBezTo>
                  <a:pt x="236" y="139"/>
                  <a:pt x="240" y="136"/>
                  <a:pt x="242" y="132"/>
                </a:cubicBezTo>
                <a:cubicBezTo>
                  <a:pt x="242" y="132"/>
                  <a:pt x="248" y="116"/>
                  <a:pt x="252" y="106"/>
                </a:cubicBezTo>
                <a:cubicBezTo>
                  <a:pt x="252" y="193"/>
                  <a:pt x="252" y="362"/>
                  <a:pt x="252" y="373"/>
                </a:cubicBezTo>
                <a:cubicBezTo>
                  <a:pt x="244" y="378"/>
                  <a:pt x="217" y="396"/>
                  <a:pt x="196" y="410"/>
                </a:cubicBezTo>
                <a:cubicBezTo>
                  <a:pt x="196" y="371"/>
                  <a:pt x="196" y="162"/>
                  <a:pt x="196" y="110"/>
                </a:cubicBezTo>
                <a:cubicBezTo>
                  <a:pt x="208" y="123"/>
                  <a:pt x="219" y="136"/>
                  <a:pt x="219" y="136"/>
                </a:cubicBezTo>
                <a:cubicBezTo>
                  <a:pt x="223" y="139"/>
                  <a:pt x="227" y="141"/>
                  <a:pt x="232" y="14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5" name="Freeform 489"/>
          <p:cNvSpPr>
            <a:spLocks/>
          </p:cNvSpPr>
          <p:nvPr userDrawn="1"/>
        </p:nvSpPr>
        <p:spPr bwMode="auto">
          <a:xfrm>
            <a:off x="6289938" y="3765210"/>
            <a:ext cx="517525" cy="342900"/>
          </a:xfrm>
          <a:custGeom>
            <a:avLst/>
            <a:gdLst/>
            <a:ahLst/>
            <a:cxnLst>
              <a:cxn ang="0">
                <a:pos x="223" y="2"/>
              </a:cxn>
              <a:cxn ang="0">
                <a:pos x="115" y="55"/>
              </a:cxn>
              <a:cxn ang="0">
                <a:pos x="26" y="68"/>
              </a:cxn>
              <a:cxn ang="0">
                <a:pos x="13" y="112"/>
              </a:cxn>
              <a:cxn ang="0">
                <a:pos x="13" y="139"/>
              </a:cxn>
              <a:cxn ang="0">
                <a:pos x="53" y="126"/>
              </a:cxn>
              <a:cxn ang="0">
                <a:pos x="102" y="82"/>
              </a:cxn>
              <a:cxn ang="0">
                <a:pos x="109" y="103"/>
              </a:cxn>
              <a:cxn ang="0">
                <a:pos x="234" y="26"/>
              </a:cxn>
              <a:cxn ang="0">
                <a:pos x="315" y="51"/>
              </a:cxn>
              <a:cxn ang="0">
                <a:pos x="432" y="64"/>
              </a:cxn>
              <a:cxn ang="0">
                <a:pos x="328" y="87"/>
              </a:cxn>
              <a:cxn ang="0">
                <a:pos x="315" y="101"/>
              </a:cxn>
              <a:cxn ang="0">
                <a:pos x="328" y="214"/>
              </a:cxn>
              <a:cxn ang="0">
                <a:pos x="432" y="237"/>
              </a:cxn>
              <a:cxn ang="0">
                <a:pos x="315" y="250"/>
              </a:cxn>
              <a:cxn ang="0">
                <a:pos x="234" y="278"/>
              </a:cxn>
              <a:cxn ang="0">
                <a:pos x="109" y="197"/>
              </a:cxn>
              <a:cxn ang="0">
                <a:pos x="102" y="219"/>
              </a:cxn>
              <a:cxn ang="0">
                <a:pos x="53" y="177"/>
              </a:cxn>
              <a:cxn ang="0">
                <a:pos x="39" y="164"/>
              </a:cxn>
              <a:cxn ang="0">
                <a:pos x="0" y="177"/>
              </a:cxn>
              <a:cxn ang="0">
                <a:pos x="26" y="190"/>
              </a:cxn>
              <a:cxn ang="0">
                <a:pos x="30" y="242"/>
              </a:cxn>
              <a:cxn ang="0">
                <a:pos x="115" y="246"/>
              </a:cxn>
              <a:cxn ang="0">
                <a:pos x="222" y="302"/>
              </a:cxn>
              <a:cxn ang="0">
                <a:pos x="328" y="305"/>
              </a:cxn>
              <a:cxn ang="0">
                <a:pos x="342" y="263"/>
              </a:cxn>
              <a:cxn ang="0">
                <a:pos x="459" y="250"/>
              </a:cxn>
              <a:cxn ang="0">
                <a:pos x="445" y="187"/>
              </a:cxn>
              <a:cxn ang="0">
                <a:pos x="342" y="114"/>
              </a:cxn>
              <a:cxn ang="0">
                <a:pos x="455" y="110"/>
              </a:cxn>
              <a:cxn ang="0">
                <a:pos x="459" y="51"/>
              </a:cxn>
              <a:cxn ang="0">
                <a:pos x="342" y="37"/>
              </a:cxn>
              <a:cxn ang="0">
                <a:pos x="328" y="0"/>
              </a:cxn>
            </a:cxnLst>
            <a:rect l="0" t="0" r="r" b="b"/>
            <a:pathLst>
              <a:path w="459" h="305">
                <a:moveTo>
                  <a:pt x="230" y="0"/>
                </a:moveTo>
                <a:cubicBezTo>
                  <a:pt x="227" y="0"/>
                  <a:pt x="225" y="1"/>
                  <a:pt x="223" y="2"/>
                </a:cubicBezTo>
                <a:cubicBezTo>
                  <a:pt x="223" y="2"/>
                  <a:pt x="156" y="47"/>
                  <a:pt x="128" y="66"/>
                </a:cubicBezTo>
                <a:cubicBezTo>
                  <a:pt x="127" y="60"/>
                  <a:pt x="122" y="55"/>
                  <a:pt x="115" y="55"/>
                </a:cubicBezTo>
                <a:cubicBezTo>
                  <a:pt x="39" y="55"/>
                  <a:pt x="39" y="55"/>
                  <a:pt x="39" y="55"/>
                </a:cubicBezTo>
                <a:cubicBezTo>
                  <a:pt x="32" y="55"/>
                  <a:pt x="26" y="61"/>
                  <a:pt x="26" y="68"/>
                </a:cubicBezTo>
                <a:cubicBezTo>
                  <a:pt x="26" y="68"/>
                  <a:pt x="26" y="97"/>
                  <a:pt x="26" y="112"/>
                </a:cubicBezTo>
                <a:cubicBezTo>
                  <a:pt x="20" y="112"/>
                  <a:pt x="13" y="112"/>
                  <a:pt x="13" y="112"/>
                </a:cubicBezTo>
                <a:cubicBezTo>
                  <a:pt x="6" y="112"/>
                  <a:pt x="0" y="118"/>
                  <a:pt x="0" y="126"/>
                </a:cubicBezTo>
                <a:cubicBezTo>
                  <a:pt x="0" y="133"/>
                  <a:pt x="6" y="139"/>
                  <a:pt x="13" y="139"/>
                </a:cubicBezTo>
                <a:cubicBezTo>
                  <a:pt x="39" y="139"/>
                  <a:pt x="39" y="139"/>
                  <a:pt x="39" y="139"/>
                </a:cubicBezTo>
                <a:cubicBezTo>
                  <a:pt x="47" y="139"/>
                  <a:pt x="53" y="133"/>
                  <a:pt x="53" y="126"/>
                </a:cubicBezTo>
                <a:cubicBezTo>
                  <a:pt x="53" y="126"/>
                  <a:pt x="53" y="97"/>
                  <a:pt x="53" y="82"/>
                </a:cubicBezTo>
                <a:cubicBezTo>
                  <a:pt x="67" y="82"/>
                  <a:pt x="88" y="82"/>
                  <a:pt x="102" y="82"/>
                </a:cubicBezTo>
                <a:cubicBezTo>
                  <a:pt x="102" y="86"/>
                  <a:pt x="102" y="91"/>
                  <a:pt x="102" y="91"/>
                </a:cubicBezTo>
                <a:cubicBezTo>
                  <a:pt x="102" y="96"/>
                  <a:pt x="105" y="101"/>
                  <a:pt x="109" y="103"/>
                </a:cubicBezTo>
                <a:cubicBezTo>
                  <a:pt x="113" y="105"/>
                  <a:pt x="119" y="105"/>
                  <a:pt x="123" y="102"/>
                </a:cubicBezTo>
                <a:cubicBezTo>
                  <a:pt x="123" y="102"/>
                  <a:pt x="228" y="31"/>
                  <a:pt x="234" y="26"/>
                </a:cubicBezTo>
                <a:cubicBezTo>
                  <a:pt x="241" y="26"/>
                  <a:pt x="296" y="26"/>
                  <a:pt x="315" y="26"/>
                </a:cubicBezTo>
                <a:cubicBezTo>
                  <a:pt x="315" y="38"/>
                  <a:pt x="315" y="51"/>
                  <a:pt x="315" y="51"/>
                </a:cubicBezTo>
                <a:cubicBezTo>
                  <a:pt x="315" y="58"/>
                  <a:pt x="321" y="64"/>
                  <a:pt x="328" y="64"/>
                </a:cubicBezTo>
                <a:cubicBezTo>
                  <a:pt x="328" y="64"/>
                  <a:pt x="411" y="64"/>
                  <a:pt x="432" y="64"/>
                </a:cubicBezTo>
                <a:cubicBezTo>
                  <a:pt x="432" y="73"/>
                  <a:pt x="432" y="78"/>
                  <a:pt x="432" y="87"/>
                </a:cubicBezTo>
                <a:cubicBezTo>
                  <a:pt x="411" y="87"/>
                  <a:pt x="328" y="87"/>
                  <a:pt x="328" y="87"/>
                </a:cubicBezTo>
                <a:cubicBezTo>
                  <a:pt x="325" y="87"/>
                  <a:pt x="321" y="89"/>
                  <a:pt x="319" y="91"/>
                </a:cubicBezTo>
                <a:cubicBezTo>
                  <a:pt x="316" y="94"/>
                  <a:pt x="315" y="97"/>
                  <a:pt x="315" y="101"/>
                </a:cubicBezTo>
                <a:cubicBezTo>
                  <a:pt x="315" y="200"/>
                  <a:pt x="315" y="200"/>
                  <a:pt x="315" y="200"/>
                </a:cubicBezTo>
                <a:cubicBezTo>
                  <a:pt x="315" y="208"/>
                  <a:pt x="321" y="214"/>
                  <a:pt x="328" y="214"/>
                </a:cubicBezTo>
                <a:cubicBezTo>
                  <a:pt x="328" y="214"/>
                  <a:pt x="411" y="214"/>
                  <a:pt x="432" y="214"/>
                </a:cubicBezTo>
                <a:cubicBezTo>
                  <a:pt x="432" y="223"/>
                  <a:pt x="432" y="228"/>
                  <a:pt x="432" y="237"/>
                </a:cubicBezTo>
                <a:cubicBezTo>
                  <a:pt x="411" y="237"/>
                  <a:pt x="328" y="237"/>
                  <a:pt x="328" y="237"/>
                </a:cubicBezTo>
                <a:cubicBezTo>
                  <a:pt x="321" y="237"/>
                  <a:pt x="315" y="243"/>
                  <a:pt x="315" y="250"/>
                </a:cubicBezTo>
                <a:cubicBezTo>
                  <a:pt x="315" y="250"/>
                  <a:pt x="315" y="266"/>
                  <a:pt x="315" y="278"/>
                </a:cubicBezTo>
                <a:cubicBezTo>
                  <a:pt x="296" y="278"/>
                  <a:pt x="241" y="278"/>
                  <a:pt x="234" y="278"/>
                </a:cubicBezTo>
                <a:cubicBezTo>
                  <a:pt x="228" y="274"/>
                  <a:pt x="123" y="198"/>
                  <a:pt x="123" y="198"/>
                </a:cubicBezTo>
                <a:cubicBezTo>
                  <a:pt x="119" y="195"/>
                  <a:pt x="114" y="195"/>
                  <a:pt x="109" y="197"/>
                </a:cubicBezTo>
                <a:cubicBezTo>
                  <a:pt x="105" y="200"/>
                  <a:pt x="102" y="204"/>
                  <a:pt x="102" y="209"/>
                </a:cubicBezTo>
                <a:cubicBezTo>
                  <a:pt x="102" y="209"/>
                  <a:pt x="102" y="214"/>
                  <a:pt x="102" y="219"/>
                </a:cubicBezTo>
                <a:cubicBezTo>
                  <a:pt x="88" y="219"/>
                  <a:pt x="67" y="219"/>
                  <a:pt x="53" y="219"/>
                </a:cubicBezTo>
                <a:cubicBezTo>
                  <a:pt x="53" y="204"/>
                  <a:pt x="53" y="177"/>
                  <a:pt x="53" y="177"/>
                </a:cubicBezTo>
                <a:cubicBezTo>
                  <a:pt x="53" y="174"/>
                  <a:pt x="51" y="170"/>
                  <a:pt x="49" y="168"/>
                </a:cubicBezTo>
                <a:cubicBezTo>
                  <a:pt x="46" y="165"/>
                  <a:pt x="43" y="164"/>
                  <a:pt x="39" y="164"/>
                </a:cubicBezTo>
                <a:cubicBezTo>
                  <a:pt x="13" y="164"/>
                  <a:pt x="13" y="164"/>
                  <a:pt x="13" y="164"/>
                </a:cubicBezTo>
                <a:cubicBezTo>
                  <a:pt x="6" y="164"/>
                  <a:pt x="0" y="170"/>
                  <a:pt x="0" y="177"/>
                </a:cubicBezTo>
                <a:cubicBezTo>
                  <a:pt x="0" y="185"/>
                  <a:pt x="6" y="191"/>
                  <a:pt x="13" y="190"/>
                </a:cubicBezTo>
                <a:cubicBezTo>
                  <a:pt x="13" y="190"/>
                  <a:pt x="20" y="190"/>
                  <a:pt x="26" y="190"/>
                </a:cubicBezTo>
                <a:cubicBezTo>
                  <a:pt x="26" y="206"/>
                  <a:pt x="26" y="233"/>
                  <a:pt x="26" y="233"/>
                </a:cubicBezTo>
                <a:cubicBezTo>
                  <a:pt x="26" y="236"/>
                  <a:pt x="27" y="240"/>
                  <a:pt x="30" y="242"/>
                </a:cubicBezTo>
                <a:cubicBezTo>
                  <a:pt x="32" y="245"/>
                  <a:pt x="36" y="246"/>
                  <a:pt x="39" y="246"/>
                </a:cubicBezTo>
                <a:cubicBezTo>
                  <a:pt x="115" y="246"/>
                  <a:pt x="115" y="246"/>
                  <a:pt x="115" y="246"/>
                </a:cubicBezTo>
                <a:cubicBezTo>
                  <a:pt x="122" y="246"/>
                  <a:pt x="127" y="241"/>
                  <a:pt x="128" y="235"/>
                </a:cubicBezTo>
                <a:cubicBezTo>
                  <a:pt x="156" y="255"/>
                  <a:pt x="222" y="302"/>
                  <a:pt x="222" y="302"/>
                </a:cubicBezTo>
                <a:cubicBezTo>
                  <a:pt x="225" y="304"/>
                  <a:pt x="227" y="305"/>
                  <a:pt x="230" y="305"/>
                </a:cubicBezTo>
                <a:cubicBezTo>
                  <a:pt x="328" y="305"/>
                  <a:pt x="328" y="305"/>
                  <a:pt x="328" y="305"/>
                </a:cubicBezTo>
                <a:cubicBezTo>
                  <a:pt x="336" y="305"/>
                  <a:pt x="342" y="299"/>
                  <a:pt x="342" y="292"/>
                </a:cubicBezTo>
                <a:cubicBezTo>
                  <a:pt x="342" y="292"/>
                  <a:pt x="342" y="276"/>
                  <a:pt x="342" y="263"/>
                </a:cubicBezTo>
                <a:cubicBezTo>
                  <a:pt x="363" y="263"/>
                  <a:pt x="445" y="263"/>
                  <a:pt x="445" y="263"/>
                </a:cubicBezTo>
                <a:cubicBezTo>
                  <a:pt x="453" y="263"/>
                  <a:pt x="459" y="257"/>
                  <a:pt x="459" y="250"/>
                </a:cubicBezTo>
                <a:cubicBezTo>
                  <a:pt x="459" y="200"/>
                  <a:pt x="459" y="200"/>
                  <a:pt x="459" y="200"/>
                </a:cubicBezTo>
                <a:cubicBezTo>
                  <a:pt x="459" y="193"/>
                  <a:pt x="453" y="187"/>
                  <a:pt x="445" y="187"/>
                </a:cubicBezTo>
                <a:cubicBezTo>
                  <a:pt x="445" y="187"/>
                  <a:pt x="363" y="187"/>
                  <a:pt x="342" y="187"/>
                </a:cubicBezTo>
                <a:cubicBezTo>
                  <a:pt x="342" y="170"/>
                  <a:pt x="342" y="131"/>
                  <a:pt x="342" y="114"/>
                </a:cubicBezTo>
                <a:cubicBezTo>
                  <a:pt x="363" y="114"/>
                  <a:pt x="445" y="114"/>
                  <a:pt x="445" y="114"/>
                </a:cubicBezTo>
                <a:cubicBezTo>
                  <a:pt x="449" y="114"/>
                  <a:pt x="452" y="113"/>
                  <a:pt x="455" y="110"/>
                </a:cubicBezTo>
                <a:cubicBezTo>
                  <a:pt x="457" y="108"/>
                  <a:pt x="459" y="104"/>
                  <a:pt x="459" y="101"/>
                </a:cubicBezTo>
                <a:cubicBezTo>
                  <a:pt x="459" y="51"/>
                  <a:pt x="459" y="51"/>
                  <a:pt x="459" y="51"/>
                </a:cubicBezTo>
                <a:cubicBezTo>
                  <a:pt x="459" y="43"/>
                  <a:pt x="453" y="37"/>
                  <a:pt x="445" y="37"/>
                </a:cubicBezTo>
                <a:cubicBezTo>
                  <a:pt x="445" y="37"/>
                  <a:pt x="363" y="37"/>
                  <a:pt x="342" y="37"/>
                </a:cubicBezTo>
                <a:cubicBezTo>
                  <a:pt x="342" y="26"/>
                  <a:pt x="342" y="13"/>
                  <a:pt x="342" y="13"/>
                </a:cubicBezTo>
                <a:cubicBezTo>
                  <a:pt x="342" y="6"/>
                  <a:pt x="336" y="0"/>
                  <a:pt x="328" y="0"/>
                </a:cubicBezTo>
                <a:lnTo>
                  <a:pt x="230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6" name="Freeform 509"/>
          <p:cNvSpPr>
            <a:spLocks/>
          </p:cNvSpPr>
          <p:nvPr userDrawn="1"/>
        </p:nvSpPr>
        <p:spPr bwMode="auto">
          <a:xfrm>
            <a:off x="6328038" y="5200853"/>
            <a:ext cx="441325" cy="244475"/>
          </a:xfrm>
          <a:custGeom>
            <a:avLst/>
            <a:gdLst/>
            <a:ahLst/>
            <a:cxnLst>
              <a:cxn ang="0">
                <a:pos x="278" y="38"/>
              </a:cxn>
              <a:cxn ang="0">
                <a:pos x="278" y="154"/>
              </a:cxn>
              <a:cxn ang="0">
                <a:pos x="0" y="154"/>
              </a:cxn>
              <a:cxn ang="0">
                <a:pos x="0" y="0"/>
              </a:cxn>
              <a:cxn ang="0">
                <a:pos x="275" y="0"/>
              </a:cxn>
              <a:cxn ang="0">
                <a:pos x="146" y="115"/>
              </a:cxn>
              <a:cxn ang="0">
                <a:pos x="29" y="28"/>
              </a:cxn>
            </a:cxnLst>
            <a:rect l="0" t="0" r="r" b="b"/>
            <a:pathLst>
              <a:path w="278" h="154">
                <a:moveTo>
                  <a:pt x="278" y="38"/>
                </a:moveTo>
                <a:lnTo>
                  <a:pt x="278" y="154"/>
                </a:lnTo>
                <a:lnTo>
                  <a:pt x="0" y="154"/>
                </a:lnTo>
                <a:lnTo>
                  <a:pt x="0" y="0"/>
                </a:lnTo>
                <a:lnTo>
                  <a:pt x="275" y="0"/>
                </a:lnTo>
                <a:lnTo>
                  <a:pt x="146" y="115"/>
                </a:lnTo>
                <a:lnTo>
                  <a:pt x="29" y="28"/>
                </a:ln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7" name="Freeform 296"/>
          <p:cNvSpPr>
            <a:spLocks/>
          </p:cNvSpPr>
          <p:nvPr userDrawn="1"/>
        </p:nvSpPr>
        <p:spPr bwMode="auto">
          <a:xfrm>
            <a:off x="6893144" y="1160862"/>
            <a:ext cx="525463" cy="522288"/>
          </a:xfrm>
          <a:custGeom>
            <a:avLst/>
            <a:gdLst/>
            <a:ahLst/>
            <a:cxnLst>
              <a:cxn ang="0">
                <a:pos x="28" y="139"/>
              </a:cxn>
              <a:cxn ang="0">
                <a:pos x="97" y="174"/>
              </a:cxn>
              <a:cxn ang="0">
                <a:pos x="159" y="111"/>
              </a:cxn>
              <a:cxn ang="0">
                <a:pos x="181" y="104"/>
              </a:cxn>
              <a:cxn ang="0">
                <a:pos x="236" y="147"/>
              </a:cxn>
              <a:cxn ang="0">
                <a:pos x="263" y="100"/>
              </a:cxn>
              <a:cxn ang="0">
                <a:pos x="289" y="156"/>
              </a:cxn>
              <a:cxn ang="0">
                <a:pos x="303" y="239"/>
              </a:cxn>
              <a:cxn ang="0">
                <a:pos x="265" y="309"/>
              </a:cxn>
              <a:cxn ang="0">
                <a:pos x="230" y="305"/>
              </a:cxn>
              <a:cxn ang="0">
                <a:pos x="219" y="276"/>
              </a:cxn>
              <a:cxn ang="0">
                <a:pos x="119" y="263"/>
              </a:cxn>
              <a:cxn ang="0">
                <a:pos x="60" y="198"/>
              </a:cxn>
              <a:cxn ang="0">
                <a:pos x="10" y="287"/>
              </a:cxn>
              <a:cxn ang="0">
                <a:pos x="321" y="444"/>
              </a:cxn>
              <a:cxn ang="0">
                <a:pos x="164" y="379"/>
              </a:cxn>
              <a:cxn ang="0">
                <a:pos x="293" y="402"/>
              </a:cxn>
              <a:cxn ang="0">
                <a:pos x="306" y="421"/>
              </a:cxn>
              <a:cxn ang="0">
                <a:pos x="36" y="281"/>
              </a:cxn>
              <a:cxn ang="0">
                <a:pos x="37" y="212"/>
              </a:cxn>
              <a:cxn ang="0">
                <a:pos x="132" y="287"/>
              </a:cxn>
              <a:cxn ang="0">
                <a:pos x="196" y="289"/>
              </a:cxn>
              <a:cxn ang="0">
                <a:pos x="206" y="317"/>
              </a:cxn>
              <a:cxn ang="0">
                <a:pos x="250" y="332"/>
              </a:cxn>
              <a:cxn ang="0">
                <a:pos x="315" y="276"/>
              </a:cxn>
              <a:cxn ang="0">
                <a:pos x="305" y="133"/>
              </a:cxn>
              <a:cxn ang="0">
                <a:pos x="283" y="73"/>
              </a:cxn>
              <a:cxn ang="0">
                <a:pos x="221" y="118"/>
              </a:cxn>
              <a:cxn ang="0">
                <a:pos x="197" y="78"/>
              </a:cxn>
              <a:cxn ang="0">
                <a:pos x="124" y="109"/>
              </a:cxn>
              <a:cxn ang="0">
                <a:pos x="64" y="152"/>
              </a:cxn>
              <a:cxn ang="0">
                <a:pos x="177" y="45"/>
              </a:cxn>
              <a:cxn ang="0">
                <a:pos x="435" y="207"/>
              </a:cxn>
              <a:cxn ang="0">
                <a:pos x="421" y="243"/>
              </a:cxn>
              <a:cxn ang="0">
                <a:pos x="355" y="228"/>
              </a:cxn>
              <a:cxn ang="0">
                <a:pos x="334" y="277"/>
              </a:cxn>
              <a:cxn ang="0">
                <a:pos x="344" y="348"/>
              </a:cxn>
              <a:cxn ang="0">
                <a:pos x="407" y="308"/>
              </a:cxn>
              <a:cxn ang="0">
                <a:pos x="395" y="358"/>
              </a:cxn>
              <a:cxn ang="0">
                <a:pos x="353" y="416"/>
              </a:cxn>
              <a:cxn ang="0">
                <a:pos x="446" y="325"/>
              </a:cxn>
              <a:cxn ang="0">
                <a:pos x="405" y="281"/>
              </a:cxn>
              <a:cxn ang="0">
                <a:pos x="348" y="321"/>
              </a:cxn>
              <a:cxn ang="0">
                <a:pos x="368" y="282"/>
              </a:cxn>
              <a:cxn ang="0">
                <a:pos x="378" y="243"/>
              </a:cxn>
              <a:cxn ang="0">
                <a:pos x="402" y="263"/>
              </a:cxn>
              <a:cxn ang="0">
                <a:pos x="462" y="203"/>
              </a:cxn>
              <a:cxn ang="0">
                <a:pos x="168" y="19"/>
              </a:cxn>
            </a:cxnLst>
            <a:rect l="0" t="0" r="r" b="b"/>
            <a:pathLst>
              <a:path w="465" h="463">
                <a:moveTo>
                  <a:pt x="168" y="19"/>
                </a:moveTo>
                <a:cubicBezTo>
                  <a:pt x="158" y="22"/>
                  <a:pt x="75" y="46"/>
                  <a:pt x="30" y="133"/>
                </a:cubicBezTo>
                <a:cubicBezTo>
                  <a:pt x="29" y="135"/>
                  <a:pt x="28" y="137"/>
                  <a:pt x="28" y="139"/>
                </a:cubicBezTo>
                <a:cubicBezTo>
                  <a:pt x="28" y="141"/>
                  <a:pt x="29" y="157"/>
                  <a:pt x="46" y="172"/>
                </a:cubicBezTo>
                <a:cubicBezTo>
                  <a:pt x="62" y="186"/>
                  <a:pt x="84" y="181"/>
                  <a:pt x="94" y="175"/>
                </a:cubicBezTo>
                <a:cubicBezTo>
                  <a:pt x="95" y="175"/>
                  <a:pt x="96" y="174"/>
                  <a:pt x="97" y="174"/>
                </a:cubicBezTo>
                <a:cubicBezTo>
                  <a:pt x="105" y="168"/>
                  <a:pt x="110" y="160"/>
                  <a:pt x="116" y="152"/>
                </a:cubicBezTo>
                <a:cubicBezTo>
                  <a:pt x="121" y="145"/>
                  <a:pt x="127" y="136"/>
                  <a:pt x="131" y="135"/>
                </a:cubicBezTo>
                <a:cubicBezTo>
                  <a:pt x="146" y="132"/>
                  <a:pt x="153" y="120"/>
                  <a:pt x="159" y="111"/>
                </a:cubicBezTo>
                <a:cubicBezTo>
                  <a:pt x="161" y="108"/>
                  <a:pt x="163" y="104"/>
                  <a:pt x="164" y="103"/>
                </a:cubicBezTo>
                <a:cubicBezTo>
                  <a:pt x="168" y="100"/>
                  <a:pt x="175" y="100"/>
                  <a:pt x="181" y="101"/>
                </a:cubicBezTo>
                <a:cubicBezTo>
                  <a:pt x="181" y="102"/>
                  <a:pt x="181" y="103"/>
                  <a:pt x="181" y="104"/>
                </a:cubicBezTo>
                <a:cubicBezTo>
                  <a:pt x="184" y="117"/>
                  <a:pt x="188" y="134"/>
                  <a:pt x="202" y="138"/>
                </a:cubicBezTo>
                <a:cubicBezTo>
                  <a:pt x="203" y="139"/>
                  <a:pt x="206" y="141"/>
                  <a:pt x="209" y="142"/>
                </a:cubicBezTo>
                <a:cubicBezTo>
                  <a:pt x="217" y="146"/>
                  <a:pt x="227" y="151"/>
                  <a:pt x="236" y="147"/>
                </a:cubicBezTo>
                <a:cubicBezTo>
                  <a:pt x="239" y="145"/>
                  <a:pt x="244" y="141"/>
                  <a:pt x="246" y="133"/>
                </a:cubicBezTo>
                <a:cubicBezTo>
                  <a:pt x="249" y="112"/>
                  <a:pt x="255" y="93"/>
                  <a:pt x="260" y="86"/>
                </a:cubicBezTo>
                <a:cubicBezTo>
                  <a:pt x="261" y="90"/>
                  <a:pt x="262" y="96"/>
                  <a:pt x="263" y="100"/>
                </a:cubicBezTo>
                <a:cubicBezTo>
                  <a:pt x="264" y="105"/>
                  <a:pt x="265" y="110"/>
                  <a:pt x="266" y="114"/>
                </a:cubicBezTo>
                <a:cubicBezTo>
                  <a:pt x="272" y="131"/>
                  <a:pt x="277" y="142"/>
                  <a:pt x="285" y="151"/>
                </a:cubicBezTo>
                <a:cubicBezTo>
                  <a:pt x="285" y="151"/>
                  <a:pt x="289" y="156"/>
                  <a:pt x="289" y="156"/>
                </a:cubicBezTo>
                <a:cubicBezTo>
                  <a:pt x="301" y="169"/>
                  <a:pt x="311" y="180"/>
                  <a:pt x="314" y="191"/>
                </a:cubicBezTo>
                <a:cubicBezTo>
                  <a:pt x="315" y="194"/>
                  <a:pt x="315" y="197"/>
                  <a:pt x="315" y="200"/>
                </a:cubicBezTo>
                <a:cubicBezTo>
                  <a:pt x="315" y="209"/>
                  <a:pt x="312" y="220"/>
                  <a:pt x="303" y="239"/>
                </a:cubicBezTo>
                <a:cubicBezTo>
                  <a:pt x="299" y="246"/>
                  <a:pt x="295" y="255"/>
                  <a:pt x="290" y="265"/>
                </a:cubicBezTo>
                <a:cubicBezTo>
                  <a:pt x="284" y="278"/>
                  <a:pt x="274" y="301"/>
                  <a:pt x="267" y="310"/>
                </a:cubicBezTo>
                <a:cubicBezTo>
                  <a:pt x="266" y="310"/>
                  <a:pt x="266" y="310"/>
                  <a:pt x="265" y="309"/>
                </a:cubicBezTo>
                <a:cubicBezTo>
                  <a:pt x="261" y="307"/>
                  <a:pt x="257" y="305"/>
                  <a:pt x="250" y="305"/>
                </a:cubicBezTo>
                <a:cubicBezTo>
                  <a:pt x="244" y="305"/>
                  <a:pt x="244" y="305"/>
                  <a:pt x="244" y="305"/>
                </a:cubicBezTo>
                <a:cubicBezTo>
                  <a:pt x="241" y="305"/>
                  <a:pt x="234" y="306"/>
                  <a:pt x="230" y="305"/>
                </a:cubicBezTo>
                <a:cubicBezTo>
                  <a:pt x="230" y="303"/>
                  <a:pt x="229" y="301"/>
                  <a:pt x="229" y="300"/>
                </a:cubicBezTo>
                <a:cubicBezTo>
                  <a:pt x="228" y="294"/>
                  <a:pt x="227" y="288"/>
                  <a:pt x="223" y="282"/>
                </a:cubicBezTo>
                <a:cubicBezTo>
                  <a:pt x="223" y="282"/>
                  <a:pt x="219" y="276"/>
                  <a:pt x="219" y="276"/>
                </a:cubicBezTo>
                <a:cubicBezTo>
                  <a:pt x="216" y="270"/>
                  <a:pt x="213" y="265"/>
                  <a:pt x="204" y="258"/>
                </a:cubicBezTo>
                <a:cubicBezTo>
                  <a:pt x="189" y="243"/>
                  <a:pt x="167" y="246"/>
                  <a:pt x="148" y="250"/>
                </a:cubicBezTo>
                <a:cubicBezTo>
                  <a:pt x="141" y="252"/>
                  <a:pt x="132" y="256"/>
                  <a:pt x="119" y="263"/>
                </a:cubicBezTo>
                <a:cubicBezTo>
                  <a:pt x="111" y="268"/>
                  <a:pt x="94" y="277"/>
                  <a:pt x="87" y="278"/>
                </a:cubicBezTo>
                <a:cubicBezTo>
                  <a:pt x="84" y="275"/>
                  <a:pt x="77" y="264"/>
                  <a:pt x="77" y="255"/>
                </a:cubicBezTo>
                <a:cubicBezTo>
                  <a:pt x="76" y="240"/>
                  <a:pt x="74" y="218"/>
                  <a:pt x="60" y="198"/>
                </a:cubicBezTo>
                <a:cubicBezTo>
                  <a:pt x="49" y="181"/>
                  <a:pt x="36" y="180"/>
                  <a:pt x="24" y="180"/>
                </a:cubicBezTo>
                <a:cubicBezTo>
                  <a:pt x="20" y="180"/>
                  <a:pt x="16" y="182"/>
                  <a:pt x="13" y="185"/>
                </a:cubicBezTo>
                <a:cubicBezTo>
                  <a:pt x="4" y="196"/>
                  <a:pt x="0" y="240"/>
                  <a:pt x="10" y="287"/>
                </a:cubicBezTo>
                <a:cubicBezTo>
                  <a:pt x="15" y="313"/>
                  <a:pt x="29" y="343"/>
                  <a:pt x="48" y="370"/>
                </a:cubicBezTo>
                <a:cubicBezTo>
                  <a:pt x="79" y="412"/>
                  <a:pt x="145" y="463"/>
                  <a:pt x="231" y="463"/>
                </a:cubicBezTo>
                <a:cubicBezTo>
                  <a:pt x="272" y="463"/>
                  <a:pt x="302" y="456"/>
                  <a:pt x="321" y="444"/>
                </a:cubicBezTo>
                <a:cubicBezTo>
                  <a:pt x="330" y="438"/>
                  <a:pt x="334" y="429"/>
                  <a:pt x="333" y="418"/>
                </a:cubicBezTo>
                <a:cubicBezTo>
                  <a:pt x="332" y="400"/>
                  <a:pt x="315" y="383"/>
                  <a:pt x="304" y="378"/>
                </a:cubicBezTo>
                <a:cubicBezTo>
                  <a:pt x="282" y="368"/>
                  <a:pt x="211" y="353"/>
                  <a:pt x="164" y="379"/>
                </a:cubicBezTo>
                <a:cubicBezTo>
                  <a:pt x="157" y="383"/>
                  <a:pt x="155" y="391"/>
                  <a:pt x="159" y="397"/>
                </a:cubicBezTo>
                <a:cubicBezTo>
                  <a:pt x="162" y="404"/>
                  <a:pt x="171" y="406"/>
                  <a:pt x="177" y="403"/>
                </a:cubicBezTo>
                <a:cubicBezTo>
                  <a:pt x="214" y="382"/>
                  <a:pt x="276" y="394"/>
                  <a:pt x="293" y="402"/>
                </a:cubicBezTo>
                <a:cubicBezTo>
                  <a:pt x="298" y="405"/>
                  <a:pt x="306" y="416"/>
                  <a:pt x="306" y="421"/>
                </a:cubicBezTo>
                <a:cubicBezTo>
                  <a:pt x="306" y="421"/>
                  <a:pt x="306" y="421"/>
                  <a:pt x="306" y="421"/>
                </a:cubicBezTo>
                <a:cubicBezTo>
                  <a:pt x="306" y="421"/>
                  <a:pt x="306" y="421"/>
                  <a:pt x="306" y="421"/>
                </a:cubicBezTo>
                <a:cubicBezTo>
                  <a:pt x="298" y="427"/>
                  <a:pt x="278" y="436"/>
                  <a:pt x="231" y="436"/>
                </a:cubicBezTo>
                <a:cubicBezTo>
                  <a:pt x="160" y="435"/>
                  <a:pt x="99" y="394"/>
                  <a:pt x="70" y="354"/>
                </a:cubicBezTo>
                <a:cubicBezTo>
                  <a:pt x="53" y="330"/>
                  <a:pt x="41" y="304"/>
                  <a:pt x="36" y="281"/>
                </a:cubicBezTo>
                <a:cubicBezTo>
                  <a:pt x="33" y="262"/>
                  <a:pt x="31" y="246"/>
                  <a:pt x="31" y="234"/>
                </a:cubicBezTo>
                <a:cubicBezTo>
                  <a:pt x="31" y="222"/>
                  <a:pt x="32" y="214"/>
                  <a:pt x="33" y="208"/>
                </a:cubicBezTo>
                <a:cubicBezTo>
                  <a:pt x="35" y="209"/>
                  <a:pt x="36" y="210"/>
                  <a:pt x="37" y="212"/>
                </a:cubicBezTo>
                <a:cubicBezTo>
                  <a:pt x="47" y="227"/>
                  <a:pt x="49" y="244"/>
                  <a:pt x="50" y="256"/>
                </a:cubicBezTo>
                <a:cubicBezTo>
                  <a:pt x="51" y="272"/>
                  <a:pt x="63" y="303"/>
                  <a:pt x="84" y="305"/>
                </a:cubicBezTo>
                <a:cubicBezTo>
                  <a:pt x="96" y="306"/>
                  <a:pt x="110" y="299"/>
                  <a:pt x="132" y="287"/>
                </a:cubicBezTo>
                <a:cubicBezTo>
                  <a:pt x="140" y="283"/>
                  <a:pt x="150" y="277"/>
                  <a:pt x="154" y="277"/>
                </a:cubicBezTo>
                <a:cubicBezTo>
                  <a:pt x="165" y="274"/>
                  <a:pt x="180" y="272"/>
                  <a:pt x="186" y="277"/>
                </a:cubicBezTo>
                <a:cubicBezTo>
                  <a:pt x="192" y="283"/>
                  <a:pt x="193" y="285"/>
                  <a:pt x="196" y="289"/>
                </a:cubicBezTo>
                <a:cubicBezTo>
                  <a:pt x="200" y="297"/>
                  <a:pt x="200" y="297"/>
                  <a:pt x="200" y="297"/>
                </a:cubicBezTo>
                <a:cubicBezTo>
                  <a:pt x="201" y="298"/>
                  <a:pt x="202" y="302"/>
                  <a:pt x="202" y="305"/>
                </a:cubicBezTo>
                <a:cubicBezTo>
                  <a:pt x="203" y="309"/>
                  <a:pt x="204" y="313"/>
                  <a:pt x="206" y="317"/>
                </a:cubicBezTo>
                <a:cubicBezTo>
                  <a:pt x="213" y="334"/>
                  <a:pt x="234" y="333"/>
                  <a:pt x="246" y="332"/>
                </a:cubicBezTo>
                <a:cubicBezTo>
                  <a:pt x="246" y="332"/>
                  <a:pt x="249" y="332"/>
                  <a:pt x="250" y="332"/>
                </a:cubicBezTo>
                <a:cubicBezTo>
                  <a:pt x="250" y="332"/>
                  <a:pt x="250" y="332"/>
                  <a:pt x="250" y="332"/>
                </a:cubicBezTo>
                <a:cubicBezTo>
                  <a:pt x="253" y="333"/>
                  <a:pt x="256" y="336"/>
                  <a:pt x="261" y="338"/>
                </a:cubicBezTo>
                <a:cubicBezTo>
                  <a:pt x="278" y="346"/>
                  <a:pt x="290" y="325"/>
                  <a:pt x="295" y="317"/>
                </a:cubicBezTo>
                <a:cubicBezTo>
                  <a:pt x="302" y="305"/>
                  <a:pt x="308" y="290"/>
                  <a:pt x="315" y="276"/>
                </a:cubicBezTo>
                <a:cubicBezTo>
                  <a:pt x="319" y="267"/>
                  <a:pt x="323" y="258"/>
                  <a:pt x="327" y="251"/>
                </a:cubicBezTo>
                <a:cubicBezTo>
                  <a:pt x="358" y="192"/>
                  <a:pt x="336" y="168"/>
                  <a:pt x="309" y="138"/>
                </a:cubicBezTo>
                <a:cubicBezTo>
                  <a:pt x="305" y="133"/>
                  <a:pt x="305" y="133"/>
                  <a:pt x="305" y="133"/>
                </a:cubicBezTo>
                <a:cubicBezTo>
                  <a:pt x="300" y="127"/>
                  <a:pt x="296" y="119"/>
                  <a:pt x="292" y="106"/>
                </a:cubicBezTo>
                <a:cubicBezTo>
                  <a:pt x="291" y="103"/>
                  <a:pt x="291" y="99"/>
                  <a:pt x="290" y="95"/>
                </a:cubicBezTo>
                <a:cubicBezTo>
                  <a:pt x="288" y="88"/>
                  <a:pt x="287" y="80"/>
                  <a:pt x="283" y="73"/>
                </a:cubicBezTo>
                <a:cubicBezTo>
                  <a:pt x="278" y="62"/>
                  <a:pt x="268" y="57"/>
                  <a:pt x="257" y="58"/>
                </a:cubicBezTo>
                <a:cubicBezTo>
                  <a:pt x="240" y="59"/>
                  <a:pt x="232" y="79"/>
                  <a:pt x="227" y="93"/>
                </a:cubicBezTo>
                <a:cubicBezTo>
                  <a:pt x="224" y="102"/>
                  <a:pt x="222" y="111"/>
                  <a:pt x="221" y="118"/>
                </a:cubicBezTo>
                <a:cubicBezTo>
                  <a:pt x="218" y="116"/>
                  <a:pt x="215" y="115"/>
                  <a:pt x="213" y="114"/>
                </a:cubicBezTo>
                <a:cubicBezTo>
                  <a:pt x="211" y="111"/>
                  <a:pt x="209" y="102"/>
                  <a:pt x="208" y="98"/>
                </a:cubicBezTo>
                <a:cubicBezTo>
                  <a:pt x="206" y="89"/>
                  <a:pt x="204" y="82"/>
                  <a:pt x="197" y="78"/>
                </a:cubicBezTo>
                <a:cubicBezTo>
                  <a:pt x="190" y="75"/>
                  <a:pt x="164" y="68"/>
                  <a:pt x="147" y="82"/>
                </a:cubicBezTo>
                <a:cubicBezTo>
                  <a:pt x="142" y="86"/>
                  <a:pt x="139" y="92"/>
                  <a:pt x="136" y="97"/>
                </a:cubicBezTo>
                <a:cubicBezTo>
                  <a:pt x="131" y="104"/>
                  <a:pt x="128" y="108"/>
                  <a:pt x="124" y="109"/>
                </a:cubicBezTo>
                <a:cubicBezTo>
                  <a:pt x="111" y="112"/>
                  <a:pt x="102" y="124"/>
                  <a:pt x="94" y="136"/>
                </a:cubicBezTo>
                <a:cubicBezTo>
                  <a:pt x="90" y="142"/>
                  <a:pt x="85" y="148"/>
                  <a:pt x="81" y="152"/>
                </a:cubicBezTo>
                <a:cubicBezTo>
                  <a:pt x="77" y="153"/>
                  <a:pt x="68" y="155"/>
                  <a:pt x="64" y="152"/>
                </a:cubicBezTo>
                <a:cubicBezTo>
                  <a:pt x="59" y="147"/>
                  <a:pt x="57" y="144"/>
                  <a:pt x="56" y="141"/>
                </a:cubicBezTo>
                <a:cubicBezTo>
                  <a:pt x="98" y="65"/>
                  <a:pt x="175" y="46"/>
                  <a:pt x="176" y="46"/>
                </a:cubicBezTo>
                <a:cubicBezTo>
                  <a:pt x="176" y="45"/>
                  <a:pt x="177" y="45"/>
                  <a:pt x="177" y="45"/>
                </a:cubicBezTo>
                <a:cubicBezTo>
                  <a:pt x="178" y="45"/>
                  <a:pt x="223" y="28"/>
                  <a:pt x="288" y="44"/>
                </a:cubicBezTo>
                <a:cubicBezTo>
                  <a:pt x="312" y="50"/>
                  <a:pt x="371" y="71"/>
                  <a:pt x="410" y="136"/>
                </a:cubicBezTo>
                <a:cubicBezTo>
                  <a:pt x="424" y="161"/>
                  <a:pt x="433" y="190"/>
                  <a:pt x="435" y="207"/>
                </a:cubicBezTo>
                <a:cubicBezTo>
                  <a:pt x="437" y="220"/>
                  <a:pt x="437" y="231"/>
                  <a:pt x="437" y="240"/>
                </a:cubicBezTo>
                <a:cubicBezTo>
                  <a:pt x="437" y="243"/>
                  <a:pt x="437" y="245"/>
                  <a:pt x="437" y="247"/>
                </a:cubicBezTo>
                <a:cubicBezTo>
                  <a:pt x="432" y="247"/>
                  <a:pt x="425" y="245"/>
                  <a:pt x="421" y="243"/>
                </a:cubicBezTo>
                <a:cubicBezTo>
                  <a:pt x="421" y="243"/>
                  <a:pt x="421" y="242"/>
                  <a:pt x="421" y="242"/>
                </a:cubicBezTo>
                <a:cubicBezTo>
                  <a:pt x="421" y="230"/>
                  <a:pt x="414" y="219"/>
                  <a:pt x="402" y="214"/>
                </a:cubicBezTo>
                <a:cubicBezTo>
                  <a:pt x="387" y="209"/>
                  <a:pt x="365" y="212"/>
                  <a:pt x="355" y="228"/>
                </a:cubicBezTo>
                <a:cubicBezTo>
                  <a:pt x="351" y="234"/>
                  <a:pt x="350" y="240"/>
                  <a:pt x="350" y="245"/>
                </a:cubicBezTo>
                <a:cubicBezTo>
                  <a:pt x="350" y="250"/>
                  <a:pt x="351" y="255"/>
                  <a:pt x="353" y="260"/>
                </a:cubicBezTo>
                <a:cubicBezTo>
                  <a:pt x="346" y="264"/>
                  <a:pt x="339" y="271"/>
                  <a:pt x="334" y="277"/>
                </a:cubicBezTo>
                <a:cubicBezTo>
                  <a:pt x="329" y="283"/>
                  <a:pt x="316" y="301"/>
                  <a:pt x="316" y="318"/>
                </a:cubicBezTo>
                <a:cubicBezTo>
                  <a:pt x="316" y="322"/>
                  <a:pt x="316" y="326"/>
                  <a:pt x="318" y="329"/>
                </a:cubicBezTo>
                <a:cubicBezTo>
                  <a:pt x="322" y="339"/>
                  <a:pt x="332" y="346"/>
                  <a:pt x="344" y="348"/>
                </a:cubicBezTo>
                <a:cubicBezTo>
                  <a:pt x="361" y="350"/>
                  <a:pt x="378" y="343"/>
                  <a:pt x="390" y="329"/>
                </a:cubicBezTo>
                <a:cubicBezTo>
                  <a:pt x="399" y="317"/>
                  <a:pt x="399" y="317"/>
                  <a:pt x="399" y="317"/>
                </a:cubicBezTo>
                <a:cubicBezTo>
                  <a:pt x="402" y="314"/>
                  <a:pt x="405" y="310"/>
                  <a:pt x="407" y="308"/>
                </a:cubicBezTo>
                <a:cubicBezTo>
                  <a:pt x="413" y="308"/>
                  <a:pt x="420" y="309"/>
                  <a:pt x="423" y="310"/>
                </a:cubicBezTo>
                <a:cubicBezTo>
                  <a:pt x="422" y="311"/>
                  <a:pt x="422" y="312"/>
                  <a:pt x="421" y="314"/>
                </a:cubicBezTo>
                <a:cubicBezTo>
                  <a:pt x="415" y="327"/>
                  <a:pt x="405" y="346"/>
                  <a:pt x="395" y="358"/>
                </a:cubicBezTo>
                <a:cubicBezTo>
                  <a:pt x="381" y="376"/>
                  <a:pt x="361" y="392"/>
                  <a:pt x="355" y="397"/>
                </a:cubicBezTo>
                <a:cubicBezTo>
                  <a:pt x="352" y="400"/>
                  <a:pt x="350" y="404"/>
                  <a:pt x="350" y="408"/>
                </a:cubicBezTo>
                <a:cubicBezTo>
                  <a:pt x="350" y="411"/>
                  <a:pt x="351" y="413"/>
                  <a:pt x="353" y="416"/>
                </a:cubicBezTo>
                <a:cubicBezTo>
                  <a:pt x="357" y="422"/>
                  <a:pt x="366" y="423"/>
                  <a:pt x="372" y="418"/>
                </a:cubicBezTo>
                <a:cubicBezTo>
                  <a:pt x="384" y="408"/>
                  <a:pt x="402" y="393"/>
                  <a:pt x="416" y="375"/>
                </a:cubicBezTo>
                <a:cubicBezTo>
                  <a:pt x="430" y="357"/>
                  <a:pt x="442" y="332"/>
                  <a:pt x="446" y="325"/>
                </a:cubicBezTo>
                <a:cubicBezTo>
                  <a:pt x="453" y="311"/>
                  <a:pt x="450" y="301"/>
                  <a:pt x="446" y="296"/>
                </a:cubicBezTo>
                <a:cubicBezTo>
                  <a:pt x="437" y="281"/>
                  <a:pt x="417" y="281"/>
                  <a:pt x="406" y="281"/>
                </a:cubicBezTo>
                <a:cubicBezTo>
                  <a:pt x="405" y="281"/>
                  <a:pt x="405" y="281"/>
                  <a:pt x="405" y="281"/>
                </a:cubicBezTo>
                <a:cubicBezTo>
                  <a:pt x="393" y="281"/>
                  <a:pt x="387" y="290"/>
                  <a:pt x="378" y="301"/>
                </a:cubicBezTo>
                <a:cubicBezTo>
                  <a:pt x="369" y="312"/>
                  <a:pt x="369" y="312"/>
                  <a:pt x="369" y="312"/>
                </a:cubicBezTo>
                <a:cubicBezTo>
                  <a:pt x="363" y="319"/>
                  <a:pt x="354" y="322"/>
                  <a:pt x="348" y="321"/>
                </a:cubicBezTo>
                <a:cubicBezTo>
                  <a:pt x="347" y="320"/>
                  <a:pt x="344" y="320"/>
                  <a:pt x="343" y="318"/>
                </a:cubicBezTo>
                <a:cubicBezTo>
                  <a:pt x="343" y="318"/>
                  <a:pt x="343" y="318"/>
                  <a:pt x="343" y="318"/>
                </a:cubicBezTo>
                <a:cubicBezTo>
                  <a:pt x="343" y="309"/>
                  <a:pt x="360" y="285"/>
                  <a:pt x="368" y="282"/>
                </a:cubicBezTo>
                <a:cubicBezTo>
                  <a:pt x="373" y="283"/>
                  <a:pt x="378" y="281"/>
                  <a:pt x="381" y="277"/>
                </a:cubicBezTo>
                <a:cubicBezTo>
                  <a:pt x="387" y="270"/>
                  <a:pt x="383" y="262"/>
                  <a:pt x="381" y="257"/>
                </a:cubicBezTo>
                <a:cubicBezTo>
                  <a:pt x="379" y="253"/>
                  <a:pt x="376" y="246"/>
                  <a:pt x="378" y="243"/>
                </a:cubicBezTo>
                <a:cubicBezTo>
                  <a:pt x="380" y="239"/>
                  <a:pt x="387" y="238"/>
                  <a:pt x="392" y="240"/>
                </a:cubicBezTo>
                <a:cubicBezTo>
                  <a:pt x="394" y="241"/>
                  <a:pt x="394" y="241"/>
                  <a:pt x="394" y="243"/>
                </a:cubicBezTo>
                <a:cubicBezTo>
                  <a:pt x="393" y="250"/>
                  <a:pt x="396" y="258"/>
                  <a:pt x="402" y="263"/>
                </a:cubicBezTo>
                <a:cubicBezTo>
                  <a:pt x="414" y="272"/>
                  <a:pt x="440" y="277"/>
                  <a:pt x="453" y="273"/>
                </a:cubicBezTo>
                <a:cubicBezTo>
                  <a:pt x="459" y="270"/>
                  <a:pt x="463" y="265"/>
                  <a:pt x="463" y="259"/>
                </a:cubicBezTo>
                <a:cubicBezTo>
                  <a:pt x="464" y="251"/>
                  <a:pt x="465" y="230"/>
                  <a:pt x="462" y="203"/>
                </a:cubicBezTo>
                <a:cubicBezTo>
                  <a:pt x="459" y="183"/>
                  <a:pt x="450" y="150"/>
                  <a:pt x="433" y="123"/>
                </a:cubicBezTo>
                <a:cubicBezTo>
                  <a:pt x="389" y="48"/>
                  <a:pt x="322" y="24"/>
                  <a:pt x="295" y="18"/>
                </a:cubicBezTo>
                <a:cubicBezTo>
                  <a:pt x="225" y="0"/>
                  <a:pt x="176" y="17"/>
                  <a:pt x="168" y="1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8" name="Freeform 397"/>
          <p:cNvSpPr>
            <a:spLocks noEditPoints="1"/>
          </p:cNvSpPr>
          <p:nvPr userDrawn="1"/>
        </p:nvSpPr>
        <p:spPr bwMode="auto">
          <a:xfrm>
            <a:off x="6963788" y="4400042"/>
            <a:ext cx="384175" cy="522288"/>
          </a:xfrm>
          <a:custGeom>
            <a:avLst/>
            <a:gdLst/>
            <a:ahLst/>
            <a:cxnLst>
              <a:cxn ang="0">
                <a:pos x="58" y="26"/>
              </a:cxn>
              <a:cxn ang="0">
                <a:pos x="35" y="72"/>
              </a:cxn>
              <a:cxn ang="0">
                <a:pos x="39" y="96"/>
              </a:cxn>
              <a:cxn ang="0">
                <a:pos x="130" y="182"/>
              </a:cxn>
              <a:cxn ang="0">
                <a:pos x="15" y="202"/>
              </a:cxn>
              <a:cxn ang="0">
                <a:pos x="4" y="205"/>
              </a:cxn>
              <a:cxn ang="0">
                <a:pos x="0" y="215"/>
              </a:cxn>
              <a:cxn ang="0">
                <a:pos x="0" y="379"/>
              </a:cxn>
              <a:cxn ang="0">
                <a:pos x="8" y="392"/>
              </a:cxn>
              <a:cxn ang="0">
                <a:pos x="170" y="461"/>
              </a:cxn>
              <a:cxn ang="0">
                <a:pos x="183" y="460"/>
              </a:cxn>
              <a:cxn ang="0">
                <a:pos x="189" y="449"/>
              </a:cxn>
              <a:cxn ang="0">
                <a:pos x="189" y="286"/>
              </a:cxn>
              <a:cxn ang="0">
                <a:pos x="175" y="273"/>
              </a:cxn>
              <a:cxn ang="0">
                <a:pos x="162" y="286"/>
              </a:cxn>
              <a:cxn ang="0">
                <a:pos x="162" y="428"/>
              </a:cxn>
              <a:cxn ang="0">
                <a:pos x="27" y="371"/>
              </a:cxn>
              <a:cxn ang="0">
                <a:pos x="27" y="228"/>
              </a:cxn>
              <a:cxn ang="0">
                <a:pos x="163" y="201"/>
              </a:cxn>
              <a:cxn ang="0">
                <a:pos x="171" y="199"/>
              </a:cxn>
              <a:cxn ang="0">
                <a:pos x="312" y="220"/>
              </a:cxn>
              <a:cxn ang="0">
                <a:pos x="312" y="358"/>
              </a:cxn>
              <a:cxn ang="0">
                <a:pos x="218" y="413"/>
              </a:cxn>
              <a:cxn ang="0">
                <a:pos x="211" y="424"/>
              </a:cxn>
              <a:cxn ang="0">
                <a:pos x="213" y="431"/>
              </a:cxn>
              <a:cxn ang="0">
                <a:pos x="231" y="436"/>
              </a:cxn>
              <a:cxn ang="0">
                <a:pos x="332" y="378"/>
              </a:cxn>
              <a:cxn ang="0">
                <a:pos x="339" y="366"/>
              </a:cxn>
              <a:cxn ang="0">
                <a:pos x="339" y="206"/>
              </a:cxn>
              <a:cxn ang="0">
                <a:pos x="335" y="197"/>
              </a:cxn>
              <a:cxn ang="0">
                <a:pos x="325" y="193"/>
              </a:cxn>
              <a:cxn ang="0">
                <a:pos x="216" y="184"/>
              </a:cxn>
              <a:cxn ang="0">
                <a:pos x="304" y="121"/>
              </a:cxn>
              <a:cxn ang="0">
                <a:pos x="307" y="107"/>
              </a:cxn>
              <a:cxn ang="0">
                <a:pos x="285" y="69"/>
              </a:cxn>
              <a:cxn ang="0">
                <a:pos x="225" y="56"/>
              </a:cxn>
              <a:cxn ang="0">
                <a:pos x="187" y="103"/>
              </a:cxn>
              <a:cxn ang="0">
                <a:pos x="131" y="9"/>
              </a:cxn>
              <a:cxn ang="0">
                <a:pos x="58" y="26"/>
              </a:cxn>
              <a:cxn ang="0">
                <a:pos x="64" y="87"/>
              </a:cxn>
              <a:cxn ang="0">
                <a:pos x="61" y="72"/>
              </a:cxn>
              <a:cxn ang="0">
                <a:pos x="74" y="47"/>
              </a:cxn>
              <a:cxn ang="0">
                <a:pos x="120" y="34"/>
              </a:cxn>
              <a:cxn ang="0">
                <a:pos x="170" y="170"/>
              </a:cxn>
              <a:cxn ang="0">
                <a:pos x="64" y="87"/>
              </a:cxn>
              <a:cxn ang="0">
                <a:pos x="236" y="81"/>
              </a:cxn>
              <a:cxn ang="0">
                <a:pos x="268" y="90"/>
              </a:cxn>
              <a:cxn ang="0">
                <a:pos x="281" y="107"/>
              </a:cxn>
              <a:cxn ang="0">
                <a:pos x="280" y="112"/>
              </a:cxn>
              <a:cxn ang="0">
                <a:pos x="199" y="161"/>
              </a:cxn>
              <a:cxn ang="0">
                <a:pos x="236" y="81"/>
              </a:cxn>
            </a:cxnLst>
            <a:rect l="0" t="0" r="r" b="b"/>
            <a:pathLst>
              <a:path w="339" h="463">
                <a:moveTo>
                  <a:pt x="58" y="26"/>
                </a:moveTo>
                <a:cubicBezTo>
                  <a:pt x="43" y="38"/>
                  <a:pt x="35" y="54"/>
                  <a:pt x="35" y="72"/>
                </a:cubicBezTo>
                <a:cubicBezTo>
                  <a:pt x="35" y="79"/>
                  <a:pt x="36" y="88"/>
                  <a:pt x="39" y="96"/>
                </a:cubicBezTo>
                <a:cubicBezTo>
                  <a:pt x="50" y="127"/>
                  <a:pt x="82" y="159"/>
                  <a:pt x="130" y="182"/>
                </a:cubicBezTo>
                <a:cubicBezTo>
                  <a:pt x="77" y="196"/>
                  <a:pt x="29" y="203"/>
                  <a:pt x="15" y="202"/>
                </a:cubicBezTo>
                <a:cubicBezTo>
                  <a:pt x="11" y="201"/>
                  <a:pt x="7" y="203"/>
                  <a:pt x="4" y="205"/>
                </a:cubicBezTo>
                <a:cubicBezTo>
                  <a:pt x="2" y="208"/>
                  <a:pt x="0" y="211"/>
                  <a:pt x="0" y="215"/>
                </a:cubicBezTo>
                <a:cubicBezTo>
                  <a:pt x="0" y="379"/>
                  <a:pt x="0" y="379"/>
                  <a:pt x="0" y="379"/>
                </a:cubicBezTo>
                <a:cubicBezTo>
                  <a:pt x="0" y="385"/>
                  <a:pt x="3" y="390"/>
                  <a:pt x="8" y="392"/>
                </a:cubicBezTo>
                <a:cubicBezTo>
                  <a:pt x="170" y="461"/>
                  <a:pt x="170" y="461"/>
                  <a:pt x="170" y="461"/>
                </a:cubicBezTo>
                <a:cubicBezTo>
                  <a:pt x="174" y="463"/>
                  <a:pt x="179" y="462"/>
                  <a:pt x="183" y="460"/>
                </a:cubicBezTo>
                <a:cubicBezTo>
                  <a:pt x="187" y="457"/>
                  <a:pt x="189" y="453"/>
                  <a:pt x="189" y="449"/>
                </a:cubicBezTo>
                <a:cubicBezTo>
                  <a:pt x="189" y="286"/>
                  <a:pt x="189" y="286"/>
                  <a:pt x="189" y="286"/>
                </a:cubicBezTo>
                <a:cubicBezTo>
                  <a:pt x="189" y="279"/>
                  <a:pt x="183" y="273"/>
                  <a:pt x="175" y="273"/>
                </a:cubicBezTo>
                <a:cubicBezTo>
                  <a:pt x="168" y="273"/>
                  <a:pt x="162" y="279"/>
                  <a:pt x="162" y="286"/>
                </a:cubicBezTo>
                <a:cubicBezTo>
                  <a:pt x="162" y="286"/>
                  <a:pt x="162" y="397"/>
                  <a:pt x="162" y="428"/>
                </a:cubicBezTo>
                <a:cubicBezTo>
                  <a:pt x="135" y="417"/>
                  <a:pt x="40" y="376"/>
                  <a:pt x="27" y="371"/>
                </a:cubicBezTo>
                <a:cubicBezTo>
                  <a:pt x="27" y="356"/>
                  <a:pt x="27" y="249"/>
                  <a:pt x="27" y="228"/>
                </a:cubicBezTo>
                <a:cubicBezTo>
                  <a:pt x="57" y="227"/>
                  <a:pt x="113" y="216"/>
                  <a:pt x="163" y="201"/>
                </a:cubicBezTo>
                <a:cubicBezTo>
                  <a:pt x="166" y="200"/>
                  <a:pt x="168" y="200"/>
                  <a:pt x="171" y="199"/>
                </a:cubicBezTo>
                <a:cubicBezTo>
                  <a:pt x="211" y="212"/>
                  <a:pt x="258" y="220"/>
                  <a:pt x="312" y="220"/>
                </a:cubicBezTo>
                <a:cubicBezTo>
                  <a:pt x="312" y="241"/>
                  <a:pt x="312" y="346"/>
                  <a:pt x="312" y="358"/>
                </a:cubicBezTo>
                <a:cubicBezTo>
                  <a:pt x="300" y="365"/>
                  <a:pt x="218" y="413"/>
                  <a:pt x="218" y="413"/>
                </a:cubicBezTo>
                <a:cubicBezTo>
                  <a:pt x="214" y="415"/>
                  <a:pt x="211" y="420"/>
                  <a:pt x="211" y="424"/>
                </a:cubicBezTo>
                <a:cubicBezTo>
                  <a:pt x="211" y="426"/>
                  <a:pt x="212" y="429"/>
                  <a:pt x="213" y="431"/>
                </a:cubicBezTo>
                <a:cubicBezTo>
                  <a:pt x="217" y="437"/>
                  <a:pt x="225" y="439"/>
                  <a:pt x="231" y="436"/>
                </a:cubicBezTo>
                <a:cubicBezTo>
                  <a:pt x="332" y="378"/>
                  <a:pt x="332" y="378"/>
                  <a:pt x="332" y="378"/>
                </a:cubicBezTo>
                <a:cubicBezTo>
                  <a:pt x="336" y="375"/>
                  <a:pt x="339" y="371"/>
                  <a:pt x="339" y="366"/>
                </a:cubicBezTo>
                <a:cubicBezTo>
                  <a:pt x="339" y="206"/>
                  <a:pt x="339" y="206"/>
                  <a:pt x="339" y="206"/>
                </a:cubicBezTo>
                <a:cubicBezTo>
                  <a:pt x="339" y="203"/>
                  <a:pt x="337" y="199"/>
                  <a:pt x="335" y="197"/>
                </a:cubicBezTo>
                <a:cubicBezTo>
                  <a:pt x="332" y="194"/>
                  <a:pt x="328" y="193"/>
                  <a:pt x="325" y="193"/>
                </a:cubicBezTo>
                <a:cubicBezTo>
                  <a:pt x="284" y="194"/>
                  <a:pt x="247" y="191"/>
                  <a:pt x="216" y="184"/>
                </a:cubicBezTo>
                <a:cubicBezTo>
                  <a:pt x="266" y="164"/>
                  <a:pt x="296" y="143"/>
                  <a:pt x="304" y="121"/>
                </a:cubicBezTo>
                <a:cubicBezTo>
                  <a:pt x="306" y="118"/>
                  <a:pt x="307" y="113"/>
                  <a:pt x="307" y="107"/>
                </a:cubicBezTo>
                <a:cubicBezTo>
                  <a:pt x="307" y="97"/>
                  <a:pt x="302" y="83"/>
                  <a:pt x="285" y="69"/>
                </a:cubicBezTo>
                <a:cubicBezTo>
                  <a:pt x="263" y="53"/>
                  <a:pt x="243" y="48"/>
                  <a:pt x="225" y="56"/>
                </a:cubicBezTo>
                <a:cubicBezTo>
                  <a:pt x="207" y="64"/>
                  <a:pt x="195" y="83"/>
                  <a:pt x="187" y="103"/>
                </a:cubicBezTo>
                <a:cubicBezTo>
                  <a:pt x="177" y="63"/>
                  <a:pt x="161" y="22"/>
                  <a:pt x="131" y="9"/>
                </a:cubicBezTo>
                <a:cubicBezTo>
                  <a:pt x="109" y="0"/>
                  <a:pt x="85" y="5"/>
                  <a:pt x="58" y="26"/>
                </a:cubicBezTo>
                <a:close/>
                <a:moveTo>
                  <a:pt x="64" y="87"/>
                </a:moveTo>
                <a:cubicBezTo>
                  <a:pt x="62" y="81"/>
                  <a:pt x="61" y="76"/>
                  <a:pt x="61" y="72"/>
                </a:cubicBezTo>
                <a:cubicBezTo>
                  <a:pt x="61" y="62"/>
                  <a:pt x="66" y="53"/>
                  <a:pt x="74" y="47"/>
                </a:cubicBezTo>
                <a:cubicBezTo>
                  <a:pt x="93" y="33"/>
                  <a:pt x="108" y="28"/>
                  <a:pt x="120" y="34"/>
                </a:cubicBezTo>
                <a:cubicBezTo>
                  <a:pt x="144" y="45"/>
                  <a:pt x="163" y="97"/>
                  <a:pt x="170" y="170"/>
                </a:cubicBezTo>
                <a:cubicBezTo>
                  <a:pt x="111" y="148"/>
                  <a:pt x="74" y="115"/>
                  <a:pt x="64" y="87"/>
                </a:cubicBezTo>
                <a:close/>
                <a:moveTo>
                  <a:pt x="236" y="81"/>
                </a:moveTo>
                <a:cubicBezTo>
                  <a:pt x="244" y="77"/>
                  <a:pt x="255" y="80"/>
                  <a:pt x="268" y="90"/>
                </a:cubicBezTo>
                <a:cubicBezTo>
                  <a:pt x="278" y="98"/>
                  <a:pt x="281" y="104"/>
                  <a:pt x="281" y="107"/>
                </a:cubicBezTo>
                <a:cubicBezTo>
                  <a:pt x="281" y="109"/>
                  <a:pt x="280" y="111"/>
                  <a:pt x="280" y="112"/>
                </a:cubicBezTo>
                <a:cubicBezTo>
                  <a:pt x="275" y="124"/>
                  <a:pt x="251" y="142"/>
                  <a:pt x="199" y="161"/>
                </a:cubicBezTo>
                <a:cubicBezTo>
                  <a:pt x="204" y="130"/>
                  <a:pt x="216" y="89"/>
                  <a:pt x="236" y="8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9" name="Freeform 449"/>
          <p:cNvSpPr>
            <a:spLocks/>
          </p:cNvSpPr>
          <p:nvPr userDrawn="1"/>
        </p:nvSpPr>
        <p:spPr bwMode="auto">
          <a:xfrm>
            <a:off x="7020938" y="2386230"/>
            <a:ext cx="269875" cy="511174"/>
          </a:xfrm>
          <a:custGeom>
            <a:avLst/>
            <a:gdLst/>
            <a:ahLst/>
            <a:cxnLst>
              <a:cxn ang="0">
                <a:pos x="129" y="2"/>
              </a:cxn>
              <a:cxn ang="0">
                <a:pos x="16" y="54"/>
              </a:cxn>
              <a:cxn ang="0">
                <a:pos x="16" y="77"/>
              </a:cxn>
              <a:cxn ang="0">
                <a:pos x="128" y="127"/>
              </a:cxn>
              <a:cxn ang="0">
                <a:pos x="176" y="119"/>
              </a:cxn>
              <a:cxn ang="0">
                <a:pos x="118" y="143"/>
              </a:cxn>
              <a:cxn ang="0">
                <a:pos x="115" y="145"/>
              </a:cxn>
              <a:cxn ang="0">
                <a:pos x="114" y="146"/>
              </a:cxn>
              <a:cxn ang="0">
                <a:pos x="113" y="147"/>
              </a:cxn>
              <a:cxn ang="0">
                <a:pos x="112" y="148"/>
              </a:cxn>
              <a:cxn ang="0">
                <a:pos x="112" y="148"/>
              </a:cxn>
              <a:cxn ang="0">
                <a:pos x="111" y="149"/>
              </a:cxn>
              <a:cxn ang="0">
                <a:pos x="111" y="150"/>
              </a:cxn>
              <a:cxn ang="0">
                <a:pos x="110" y="155"/>
              </a:cxn>
              <a:cxn ang="0">
                <a:pos x="110" y="196"/>
              </a:cxn>
              <a:cxn ang="0">
                <a:pos x="128" y="208"/>
              </a:cxn>
              <a:cxn ang="0">
                <a:pos x="177" y="200"/>
              </a:cxn>
              <a:cxn ang="0">
                <a:pos x="110" y="236"/>
              </a:cxn>
              <a:cxn ang="0">
                <a:pos x="116" y="288"/>
              </a:cxn>
              <a:cxn ang="0">
                <a:pos x="177" y="270"/>
              </a:cxn>
              <a:cxn ang="0">
                <a:pos x="119" y="305"/>
              </a:cxn>
              <a:cxn ang="0">
                <a:pos x="110" y="358"/>
              </a:cxn>
              <a:cxn ang="0">
                <a:pos x="128" y="370"/>
              </a:cxn>
              <a:cxn ang="0">
                <a:pos x="177" y="362"/>
              </a:cxn>
              <a:cxn ang="0">
                <a:pos x="111" y="404"/>
              </a:cxn>
              <a:cxn ang="0">
                <a:pos x="128" y="411"/>
              </a:cxn>
              <a:cxn ang="0">
                <a:pos x="203" y="371"/>
              </a:cxn>
              <a:cxn ang="0">
                <a:pos x="197" y="320"/>
              </a:cxn>
              <a:cxn ang="0">
                <a:pos x="136" y="338"/>
              </a:cxn>
              <a:cxn ang="0">
                <a:pos x="195" y="302"/>
              </a:cxn>
              <a:cxn ang="0">
                <a:pos x="203" y="250"/>
              </a:cxn>
              <a:cxn ang="0">
                <a:pos x="185" y="237"/>
              </a:cxn>
              <a:cxn ang="0">
                <a:pos x="136" y="245"/>
              </a:cxn>
              <a:cxn ang="0">
                <a:pos x="203" y="209"/>
              </a:cxn>
              <a:cxn ang="0">
                <a:pos x="197" y="158"/>
              </a:cxn>
              <a:cxn ang="0">
                <a:pos x="136" y="176"/>
              </a:cxn>
              <a:cxn ang="0">
                <a:pos x="195" y="140"/>
              </a:cxn>
              <a:cxn ang="0">
                <a:pos x="203" y="88"/>
              </a:cxn>
              <a:cxn ang="0">
                <a:pos x="185" y="75"/>
              </a:cxn>
              <a:cxn ang="0">
                <a:pos x="52" y="65"/>
              </a:cxn>
              <a:cxn ang="0">
                <a:pos x="212" y="74"/>
              </a:cxn>
              <a:cxn ang="0">
                <a:pos x="123" y="424"/>
              </a:cxn>
              <a:cxn ang="0">
                <a:pos x="27" y="129"/>
              </a:cxn>
              <a:cxn ang="0">
                <a:pos x="0" y="129"/>
              </a:cxn>
              <a:cxn ang="0">
                <a:pos x="7" y="398"/>
              </a:cxn>
              <a:cxn ang="0">
                <a:pos x="123" y="452"/>
              </a:cxn>
              <a:cxn ang="0">
                <a:pos x="231" y="406"/>
              </a:cxn>
              <a:cxn ang="0">
                <a:pos x="239" y="65"/>
              </a:cxn>
            </a:cxnLst>
            <a:rect l="0" t="0" r="r" b="b"/>
            <a:pathLst>
              <a:path w="239" h="452">
                <a:moveTo>
                  <a:pt x="231" y="54"/>
                </a:moveTo>
                <a:cubicBezTo>
                  <a:pt x="129" y="2"/>
                  <a:pt x="129" y="2"/>
                  <a:pt x="129" y="2"/>
                </a:cubicBezTo>
                <a:cubicBezTo>
                  <a:pt x="125" y="0"/>
                  <a:pt x="120" y="1"/>
                  <a:pt x="117" y="2"/>
                </a:cubicBezTo>
                <a:cubicBezTo>
                  <a:pt x="16" y="54"/>
                  <a:pt x="16" y="54"/>
                  <a:pt x="16" y="54"/>
                </a:cubicBezTo>
                <a:cubicBezTo>
                  <a:pt x="12" y="56"/>
                  <a:pt x="9" y="61"/>
                  <a:pt x="9" y="66"/>
                </a:cubicBezTo>
                <a:cubicBezTo>
                  <a:pt x="9" y="71"/>
                  <a:pt x="12" y="75"/>
                  <a:pt x="16" y="77"/>
                </a:cubicBezTo>
                <a:cubicBezTo>
                  <a:pt x="117" y="127"/>
                  <a:pt x="117" y="127"/>
                  <a:pt x="117" y="127"/>
                </a:cubicBezTo>
                <a:cubicBezTo>
                  <a:pt x="120" y="128"/>
                  <a:pt x="124" y="128"/>
                  <a:pt x="128" y="127"/>
                </a:cubicBezTo>
                <a:cubicBezTo>
                  <a:pt x="176" y="108"/>
                  <a:pt x="176" y="108"/>
                  <a:pt x="176" y="108"/>
                </a:cubicBezTo>
                <a:cubicBezTo>
                  <a:pt x="176" y="119"/>
                  <a:pt x="176" y="119"/>
                  <a:pt x="176" y="119"/>
                </a:cubicBezTo>
                <a:cubicBezTo>
                  <a:pt x="118" y="143"/>
                  <a:pt x="118" y="143"/>
                  <a:pt x="118" y="143"/>
                </a:cubicBezTo>
                <a:cubicBezTo>
                  <a:pt x="118" y="143"/>
                  <a:pt x="118" y="143"/>
                  <a:pt x="118" y="143"/>
                </a:cubicBezTo>
                <a:cubicBezTo>
                  <a:pt x="117" y="143"/>
                  <a:pt x="116" y="144"/>
                  <a:pt x="115" y="144"/>
                </a:cubicBezTo>
                <a:cubicBezTo>
                  <a:pt x="115" y="145"/>
                  <a:pt x="115" y="145"/>
                  <a:pt x="115" y="145"/>
                </a:cubicBezTo>
                <a:cubicBezTo>
                  <a:pt x="115" y="145"/>
                  <a:pt x="114" y="145"/>
                  <a:pt x="114" y="145"/>
                </a:cubicBezTo>
                <a:cubicBezTo>
                  <a:pt x="114" y="145"/>
                  <a:pt x="114" y="146"/>
                  <a:pt x="114" y="146"/>
                </a:cubicBezTo>
                <a:cubicBezTo>
                  <a:pt x="114" y="146"/>
                  <a:pt x="114" y="146"/>
                  <a:pt x="113" y="146"/>
                </a:cubicBezTo>
                <a:cubicBezTo>
                  <a:pt x="113" y="146"/>
                  <a:pt x="113" y="146"/>
                  <a:pt x="113" y="147"/>
                </a:cubicBezTo>
                <a:cubicBezTo>
                  <a:pt x="113" y="147"/>
                  <a:pt x="113" y="147"/>
                  <a:pt x="113" y="147"/>
                </a:cubicBezTo>
                <a:cubicBezTo>
                  <a:pt x="112" y="147"/>
                  <a:pt x="112" y="147"/>
                  <a:pt x="112" y="148"/>
                </a:cubicBezTo>
                <a:cubicBezTo>
                  <a:pt x="112" y="148"/>
                  <a:pt x="112" y="148"/>
                  <a:pt x="112" y="148"/>
                </a:cubicBezTo>
                <a:cubicBezTo>
                  <a:pt x="112" y="148"/>
                  <a:pt x="112" y="148"/>
                  <a:pt x="112" y="148"/>
                </a:cubicBezTo>
                <a:cubicBezTo>
                  <a:pt x="111" y="149"/>
                  <a:pt x="111" y="149"/>
                  <a:pt x="111" y="149"/>
                </a:cubicBezTo>
                <a:cubicBezTo>
                  <a:pt x="111" y="149"/>
                  <a:pt x="111" y="149"/>
                  <a:pt x="111" y="149"/>
                </a:cubicBezTo>
                <a:cubicBezTo>
                  <a:pt x="111" y="150"/>
                  <a:pt x="111" y="150"/>
                  <a:pt x="111" y="150"/>
                </a:cubicBezTo>
                <a:cubicBezTo>
                  <a:pt x="111" y="150"/>
                  <a:pt x="111" y="150"/>
                  <a:pt x="111" y="150"/>
                </a:cubicBezTo>
                <a:cubicBezTo>
                  <a:pt x="110" y="151"/>
                  <a:pt x="110" y="152"/>
                  <a:pt x="110" y="153"/>
                </a:cubicBezTo>
                <a:cubicBezTo>
                  <a:pt x="110" y="154"/>
                  <a:pt x="110" y="155"/>
                  <a:pt x="110" y="155"/>
                </a:cubicBezTo>
                <a:cubicBezTo>
                  <a:pt x="110" y="155"/>
                  <a:pt x="110" y="155"/>
                  <a:pt x="110" y="155"/>
                </a:cubicBezTo>
                <a:cubicBezTo>
                  <a:pt x="110" y="196"/>
                  <a:pt x="110" y="196"/>
                  <a:pt x="110" y="196"/>
                </a:cubicBezTo>
                <a:cubicBezTo>
                  <a:pt x="110" y="200"/>
                  <a:pt x="112" y="204"/>
                  <a:pt x="116" y="207"/>
                </a:cubicBezTo>
                <a:cubicBezTo>
                  <a:pt x="119" y="209"/>
                  <a:pt x="124" y="210"/>
                  <a:pt x="128" y="208"/>
                </a:cubicBezTo>
                <a:cubicBezTo>
                  <a:pt x="177" y="189"/>
                  <a:pt x="177" y="189"/>
                  <a:pt x="177" y="189"/>
                </a:cubicBezTo>
                <a:cubicBezTo>
                  <a:pt x="177" y="200"/>
                  <a:pt x="177" y="200"/>
                  <a:pt x="177" y="200"/>
                </a:cubicBezTo>
                <a:cubicBezTo>
                  <a:pt x="119" y="224"/>
                  <a:pt x="119" y="224"/>
                  <a:pt x="119" y="224"/>
                </a:cubicBezTo>
                <a:cubicBezTo>
                  <a:pt x="114" y="225"/>
                  <a:pt x="110" y="230"/>
                  <a:pt x="110" y="236"/>
                </a:cubicBezTo>
                <a:cubicBezTo>
                  <a:pt x="110" y="277"/>
                  <a:pt x="110" y="277"/>
                  <a:pt x="110" y="277"/>
                </a:cubicBezTo>
                <a:cubicBezTo>
                  <a:pt x="110" y="281"/>
                  <a:pt x="112" y="285"/>
                  <a:pt x="116" y="288"/>
                </a:cubicBezTo>
                <a:cubicBezTo>
                  <a:pt x="119" y="290"/>
                  <a:pt x="124" y="291"/>
                  <a:pt x="128" y="289"/>
                </a:cubicBezTo>
                <a:cubicBezTo>
                  <a:pt x="177" y="270"/>
                  <a:pt x="177" y="270"/>
                  <a:pt x="177" y="270"/>
                </a:cubicBezTo>
                <a:cubicBezTo>
                  <a:pt x="177" y="281"/>
                  <a:pt x="177" y="281"/>
                  <a:pt x="177" y="281"/>
                </a:cubicBezTo>
                <a:cubicBezTo>
                  <a:pt x="119" y="305"/>
                  <a:pt x="119" y="305"/>
                  <a:pt x="119" y="305"/>
                </a:cubicBezTo>
                <a:cubicBezTo>
                  <a:pt x="114" y="306"/>
                  <a:pt x="110" y="311"/>
                  <a:pt x="110" y="317"/>
                </a:cubicBezTo>
                <a:cubicBezTo>
                  <a:pt x="110" y="358"/>
                  <a:pt x="110" y="358"/>
                  <a:pt x="110" y="358"/>
                </a:cubicBezTo>
                <a:cubicBezTo>
                  <a:pt x="110" y="362"/>
                  <a:pt x="112" y="366"/>
                  <a:pt x="116" y="369"/>
                </a:cubicBezTo>
                <a:cubicBezTo>
                  <a:pt x="119" y="371"/>
                  <a:pt x="124" y="372"/>
                  <a:pt x="128" y="370"/>
                </a:cubicBezTo>
                <a:cubicBezTo>
                  <a:pt x="177" y="351"/>
                  <a:pt x="177" y="351"/>
                  <a:pt x="177" y="351"/>
                </a:cubicBezTo>
                <a:cubicBezTo>
                  <a:pt x="177" y="362"/>
                  <a:pt x="177" y="362"/>
                  <a:pt x="177" y="362"/>
                </a:cubicBezTo>
                <a:cubicBezTo>
                  <a:pt x="118" y="386"/>
                  <a:pt x="118" y="386"/>
                  <a:pt x="118" y="386"/>
                </a:cubicBezTo>
                <a:cubicBezTo>
                  <a:pt x="111" y="389"/>
                  <a:pt x="108" y="397"/>
                  <a:pt x="111" y="404"/>
                </a:cubicBezTo>
                <a:cubicBezTo>
                  <a:pt x="113" y="409"/>
                  <a:pt x="118" y="412"/>
                  <a:pt x="123" y="412"/>
                </a:cubicBezTo>
                <a:cubicBezTo>
                  <a:pt x="125" y="412"/>
                  <a:pt x="127" y="411"/>
                  <a:pt x="128" y="411"/>
                </a:cubicBezTo>
                <a:cubicBezTo>
                  <a:pt x="195" y="383"/>
                  <a:pt x="195" y="383"/>
                  <a:pt x="195" y="383"/>
                </a:cubicBezTo>
                <a:cubicBezTo>
                  <a:pt x="200" y="381"/>
                  <a:pt x="203" y="376"/>
                  <a:pt x="203" y="371"/>
                </a:cubicBezTo>
                <a:cubicBezTo>
                  <a:pt x="203" y="331"/>
                  <a:pt x="203" y="331"/>
                  <a:pt x="203" y="331"/>
                </a:cubicBezTo>
                <a:cubicBezTo>
                  <a:pt x="203" y="326"/>
                  <a:pt x="201" y="322"/>
                  <a:pt x="197" y="320"/>
                </a:cubicBezTo>
                <a:cubicBezTo>
                  <a:pt x="194" y="317"/>
                  <a:pt x="189" y="317"/>
                  <a:pt x="185" y="318"/>
                </a:cubicBezTo>
                <a:cubicBezTo>
                  <a:pt x="136" y="338"/>
                  <a:pt x="136" y="338"/>
                  <a:pt x="136" y="338"/>
                </a:cubicBezTo>
                <a:cubicBezTo>
                  <a:pt x="136" y="326"/>
                  <a:pt x="136" y="326"/>
                  <a:pt x="136" y="326"/>
                </a:cubicBezTo>
                <a:cubicBezTo>
                  <a:pt x="195" y="302"/>
                  <a:pt x="195" y="302"/>
                  <a:pt x="195" y="302"/>
                </a:cubicBezTo>
                <a:cubicBezTo>
                  <a:pt x="200" y="300"/>
                  <a:pt x="203" y="295"/>
                  <a:pt x="203" y="290"/>
                </a:cubicBezTo>
                <a:cubicBezTo>
                  <a:pt x="203" y="250"/>
                  <a:pt x="203" y="250"/>
                  <a:pt x="203" y="250"/>
                </a:cubicBezTo>
                <a:cubicBezTo>
                  <a:pt x="203" y="245"/>
                  <a:pt x="201" y="241"/>
                  <a:pt x="197" y="239"/>
                </a:cubicBezTo>
                <a:cubicBezTo>
                  <a:pt x="194" y="236"/>
                  <a:pt x="189" y="236"/>
                  <a:pt x="185" y="237"/>
                </a:cubicBezTo>
                <a:cubicBezTo>
                  <a:pt x="136" y="257"/>
                  <a:pt x="136" y="257"/>
                  <a:pt x="136" y="257"/>
                </a:cubicBezTo>
                <a:cubicBezTo>
                  <a:pt x="136" y="245"/>
                  <a:pt x="136" y="245"/>
                  <a:pt x="136" y="245"/>
                </a:cubicBezTo>
                <a:cubicBezTo>
                  <a:pt x="195" y="221"/>
                  <a:pt x="195" y="221"/>
                  <a:pt x="195" y="221"/>
                </a:cubicBezTo>
                <a:cubicBezTo>
                  <a:pt x="200" y="219"/>
                  <a:pt x="203" y="214"/>
                  <a:pt x="203" y="209"/>
                </a:cubicBezTo>
                <a:cubicBezTo>
                  <a:pt x="203" y="169"/>
                  <a:pt x="203" y="169"/>
                  <a:pt x="203" y="169"/>
                </a:cubicBezTo>
                <a:cubicBezTo>
                  <a:pt x="203" y="164"/>
                  <a:pt x="201" y="160"/>
                  <a:pt x="197" y="158"/>
                </a:cubicBezTo>
                <a:cubicBezTo>
                  <a:pt x="194" y="155"/>
                  <a:pt x="189" y="155"/>
                  <a:pt x="185" y="156"/>
                </a:cubicBezTo>
                <a:cubicBezTo>
                  <a:pt x="136" y="176"/>
                  <a:pt x="136" y="176"/>
                  <a:pt x="136" y="176"/>
                </a:cubicBezTo>
                <a:cubicBezTo>
                  <a:pt x="136" y="164"/>
                  <a:pt x="136" y="164"/>
                  <a:pt x="136" y="164"/>
                </a:cubicBezTo>
                <a:cubicBezTo>
                  <a:pt x="195" y="140"/>
                  <a:pt x="195" y="140"/>
                  <a:pt x="195" y="140"/>
                </a:cubicBezTo>
                <a:cubicBezTo>
                  <a:pt x="200" y="138"/>
                  <a:pt x="203" y="133"/>
                  <a:pt x="203" y="128"/>
                </a:cubicBezTo>
                <a:cubicBezTo>
                  <a:pt x="203" y="88"/>
                  <a:pt x="203" y="88"/>
                  <a:pt x="203" y="88"/>
                </a:cubicBezTo>
                <a:cubicBezTo>
                  <a:pt x="203" y="83"/>
                  <a:pt x="201" y="79"/>
                  <a:pt x="197" y="77"/>
                </a:cubicBezTo>
                <a:cubicBezTo>
                  <a:pt x="194" y="74"/>
                  <a:pt x="189" y="74"/>
                  <a:pt x="185" y="75"/>
                </a:cubicBezTo>
                <a:cubicBezTo>
                  <a:pt x="123" y="100"/>
                  <a:pt x="123" y="100"/>
                  <a:pt x="123" y="100"/>
                </a:cubicBezTo>
                <a:cubicBezTo>
                  <a:pt x="52" y="65"/>
                  <a:pt x="52" y="65"/>
                  <a:pt x="52" y="65"/>
                </a:cubicBezTo>
                <a:cubicBezTo>
                  <a:pt x="123" y="29"/>
                  <a:pt x="123" y="29"/>
                  <a:pt x="123" y="29"/>
                </a:cubicBezTo>
                <a:cubicBezTo>
                  <a:pt x="212" y="74"/>
                  <a:pt x="212" y="74"/>
                  <a:pt x="212" y="74"/>
                </a:cubicBezTo>
                <a:cubicBezTo>
                  <a:pt x="212" y="385"/>
                  <a:pt x="212" y="385"/>
                  <a:pt x="212" y="385"/>
                </a:cubicBezTo>
                <a:cubicBezTo>
                  <a:pt x="123" y="424"/>
                  <a:pt x="123" y="424"/>
                  <a:pt x="123" y="424"/>
                </a:cubicBezTo>
                <a:cubicBezTo>
                  <a:pt x="27" y="378"/>
                  <a:pt x="27" y="378"/>
                  <a:pt x="27" y="378"/>
                </a:cubicBezTo>
                <a:cubicBezTo>
                  <a:pt x="27" y="129"/>
                  <a:pt x="27" y="129"/>
                  <a:pt x="27" y="129"/>
                </a:cubicBezTo>
                <a:cubicBezTo>
                  <a:pt x="27" y="122"/>
                  <a:pt x="21" y="116"/>
                  <a:pt x="13" y="116"/>
                </a:cubicBezTo>
                <a:cubicBezTo>
                  <a:pt x="6" y="116"/>
                  <a:pt x="0" y="122"/>
                  <a:pt x="0" y="129"/>
                </a:cubicBezTo>
                <a:cubicBezTo>
                  <a:pt x="0" y="386"/>
                  <a:pt x="0" y="386"/>
                  <a:pt x="0" y="386"/>
                </a:cubicBezTo>
                <a:cubicBezTo>
                  <a:pt x="0" y="391"/>
                  <a:pt x="3" y="396"/>
                  <a:pt x="7" y="398"/>
                </a:cubicBezTo>
                <a:cubicBezTo>
                  <a:pt x="117" y="450"/>
                  <a:pt x="117" y="450"/>
                  <a:pt x="117" y="450"/>
                </a:cubicBezTo>
                <a:cubicBezTo>
                  <a:pt x="119" y="451"/>
                  <a:pt x="121" y="452"/>
                  <a:pt x="123" y="452"/>
                </a:cubicBezTo>
                <a:cubicBezTo>
                  <a:pt x="124" y="452"/>
                  <a:pt x="126" y="451"/>
                  <a:pt x="128" y="451"/>
                </a:cubicBezTo>
                <a:cubicBezTo>
                  <a:pt x="231" y="406"/>
                  <a:pt x="231" y="406"/>
                  <a:pt x="231" y="406"/>
                </a:cubicBezTo>
                <a:cubicBezTo>
                  <a:pt x="236" y="404"/>
                  <a:pt x="239" y="399"/>
                  <a:pt x="239" y="394"/>
                </a:cubicBezTo>
                <a:cubicBezTo>
                  <a:pt x="239" y="65"/>
                  <a:pt x="239" y="65"/>
                  <a:pt x="239" y="65"/>
                </a:cubicBezTo>
                <a:cubicBezTo>
                  <a:pt x="239" y="60"/>
                  <a:pt x="236" y="56"/>
                  <a:pt x="231" y="5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0" name="Freeform 469"/>
          <p:cNvSpPr>
            <a:spLocks/>
          </p:cNvSpPr>
          <p:nvPr userDrawn="1"/>
        </p:nvSpPr>
        <p:spPr bwMode="auto">
          <a:xfrm>
            <a:off x="6898700" y="1839817"/>
            <a:ext cx="514350" cy="328613"/>
          </a:xfrm>
          <a:custGeom>
            <a:avLst/>
            <a:gdLst/>
            <a:ahLst/>
            <a:cxnLst>
              <a:cxn ang="0">
                <a:pos x="210" y="6"/>
              </a:cxn>
              <a:cxn ang="0">
                <a:pos x="198" y="20"/>
              </a:cxn>
              <a:cxn ang="0">
                <a:pos x="212" y="32"/>
              </a:cxn>
              <a:cxn ang="0">
                <a:pos x="372" y="100"/>
              </a:cxn>
              <a:cxn ang="0">
                <a:pos x="421" y="165"/>
              </a:cxn>
              <a:cxn ang="0">
                <a:pos x="337" y="212"/>
              </a:cxn>
              <a:cxn ang="0">
                <a:pos x="222" y="258"/>
              </a:cxn>
              <a:cxn ang="0">
                <a:pos x="66" y="217"/>
              </a:cxn>
              <a:cxn ang="0">
                <a:pos x="29" y="173"/>
              </a:cxn>
              <a:cxn ang="0">
                <a:pos x="141" y="103"/>
              </a:cxn>
              <a:cxn ang="0">
                <a:pos x="129" y="149"/>
              </a:cxn>
              <a:cxn ang="0">
                <a:pos x="217" y="237"/>
              </a:cxn>
              <a:cxn ang="0">
                <a:pos x="306" y="149"/>
              </a:cxn>
              <a:cxn ang="0">
                <a:pos x="241" y="63"/>
              </a:cxn>
              <a:cxn ang="0">
                <a:pos x="225" y="73"/>
              </a:cxn>
              <a:cxn ang="0">
                <a:pos x="234" y="89"/>
              </a:cxn>
              <a:cxn ang="0">
                <a:pos x="279" y="149"/>
              </a:cxn>
              <a:cxn ang="0">
                <a:pos x="217" y="210"/>
              </a:cxn>
              <a:cxn ang="0">
                <a:pos x="155" y="149"/>
              </a:cxn>
              <a:cxn ang="0">
                <a:pos x="183" y="97"/>
              </a:cxn>
              <a:cxn ang="0">
                <a:pos x="188" y="83"/>
              </a:cxn>
              <a:cxn ang="0">
                <a:pos x="175" y="73"/>
              </a:cxn>
              <a:cxn ang="0">
                <a:pos x="108" y="84"/>
              </a:cxn>
              <a:cxn ang="0">
                <a:pos x="2" y="167"/>
              </a:cxn>
              <a:cxn ang="0">
                <a:pos x="1" y="178"/>
              </a:cxn>
              <a:cxn ang="0">
                <a:pos x="48" y="237"/>
              </a:cxn>
              <a:cxn ang="0">
                <a:pos x="224" y="285"/>
              </a:cxn>
              <a:cxn ang="0">
                <a:pos x="353" y="234"/>
              </a:cxn>
              <a:cxn ang="0">
                <a:pos x="444" y="186"/>
              </a:cxn>
              <a:cxn ang="0">
                <a:pos x="453" y="178"/>
              </a:cxn>
              <a:cxn ang="0">
                <a:pos x="453" y="167"/>
              </a:cxn>
              <a:cxn ang="0">
                <a:pos x="392" y="82"/>
              </a:cxn>
              <a:cxn ang="0">
                <a:pos x="210" y="6"/>
              </a:cxn>
            </a:cxnLst>
            <a:rect l="0" t="0" r="r" b="b"/>
            <a:pathLst>
              <a:path w="455" h="291">
                <a:moveTo>
                  <a:pt x="210" y="6"/>
                </a:moveTo>
                <a:cubicBezTo>
                  <a:pt x="202" y="7"/>
                  <a:pt x="197" y="13"/>
                  <a:pt x="198" y="20"/>
                </a:cubicBezTo>
                <a:cubicBezTo>
                  <a:pt x="198" y="28"/>
                  <a:pt x="205" y="33"/>
                  <a:pt x="212" y="32"/>
                </a:cubicBezTo>
                <a:cubicBezTo>
                  <a:pt x="270" y="27"/>
                  <a:pt x="324" y="50"/>
                  <a:pt x="372" y="100"/>
                </a:cubicBezTo>
                <a:cubicBezTo>
                  <a:pt x="396" y="124"/>
                  <a:pt x="413" y="150"/>
                  <a:pt x="421" y="165"/>
                </a:cubicBezTo>
                <a:cubicBezTo>
                  <a:pt x="383" y="178"/>
                  <a:pt x="359" y="196"/>
                  <a:pt x="337" y="212"/>
                </a:cubicBezTo>
                <a:cubicBezTo>
                  <a:pt x="308" y="235"/>
                  <a:pt x="282" y="254"/>
                  <a:pt x="222" y="258"/>
                </a:cubicBezTo>
                <a:cubicBezTo>
                  <a:pt x="158" y="263"/>
                  <a:pt x="105" y="249"/>
                  <a:pt x="66" y="217"/>
                </a:cubicBezTo>
                <a:cubicBezTo>
                  <a:pt x="45" y="200"/>
                  <a:pt x="34" y="182"/>
                  <a:pt x="29" y="173"/>
                </a:cubicBezTo>
                <a:cubicBezTo>
                  <a:pt x="56" y="126"/>
                  <a:pt x="108" y="109"/>
                  <a:pt x="141" y="103"/>
                </a:cubicBezTo>
                <a:cubicBezTo>
                  <a:pt x="133" y="117"/>
                  <a:pt x="129" y="132"/>
                  <a:pt x="129" y="149"/>
                </a:cubicBezTo>
                <a:cubicBezTo>
                  <a:pt x="129" y="197"/>
                  <a:pt x="168" y="237"/>
                  <a:pt x="217" y="237"/>
                </a:cubicBezTo>
                <a:cubicBezTo>
                  <a:pt x="266" y="237"/>
                  <a:pt x="306" y="197"/>
                  <a:pt x="306" y="149"/>
                </a:cubicBezTo>
                <a:cubicBezTo>
                  <a:pt x="306" y="109"/>
                  <a:pt x="279" y="74"/>
                  <a:pt x="241" y="63"/>
                </a:cubicBezTo>
                <a:cubicBezTo>
                  <a:pt x="234" y="61"/>
                  <a:pt x="226" y="66"/>
                  <a:pt x="225" y="73"/>
                </a:cubicBezTo>
                <a:cubicBezTo>
                  <a:pt x="223" y="80"/>
                  <a:pt x="227" y="87"/>
                  <a:pt x="234" y="89"/>
                </a:cubicBezTo>
                <a:cubicBezTo>
                  <a:pt x="260" y="97"/>
                  <a:pt x="279" y="121"/>
                  <a:pt x="279" y="149"/>
                </a:cubicBezTo>
                <a:cubicBezTo>
                  <a:pt x="279" y="183"/>
                  <a:pt x="251" y="210"/>
                  <a:pt x="217" y="210"/>
                </a:cubicBezTo>
                <a:cubicBezTo>
                  <a:pt x="183" y="210"/>
                  <a:pt x="155" y="183"/>
                  <a:pt x="155" y="149"/>
                </a:cubicBezTo>
                <a:cubicBezTo>
                  <a:pt x="155" y="128"/>
                  <a:pt x="166" y="109"/>
                  <a:pt x="183" y="97"/>
                </a:cubicBezTo>
                <a:cubicBezTo>
                  <a:pt x="188" y="94"/>
                  <a:pt x="190" y="88"/>
                  <a:pt x="188" y="83"/>
                </a:cubicBezTo>
                <a:cubicBezTo>
                  <a:pt x="186" y="77"/>
                  <a:pt x="181" y="73"/>
                  <a:pt x="175" y="73"/>
                </a:cubicBezTo>
                <a:cubicBezTo>
                  <a:pt x="174" y="73"/>
                  <a:pt x="144" y="73"/>
                  <a:pt x="108" y="84"/>
                </a:cubicBezTo>
                <a:cubicBezTo>
                  <a:pt x="59" y="99"/>
                  <a:pt x="22" y="127"/>
                  <a:pt x="2" y="167"/>
                </a:cubicBezTo>
                <a:cubicBezTo>
                  <a:pt x="0" y="170"/>
                  <a:pt x="0" y="174"/>
                  <a:pt x="1" y="178"/>
                </a:cubicBezTo>
                <a:cubicBezTo>
                  <a:pt x="2" y="179"/>
                  <a:pt x="14" y="209"/>
                  <a:pt x="48" y="237"/>
                </a:cubicBezTo>
                <a:cubicBezTo>
                  <a:pt x="79" y="262"/>
                  <a:pt x="134" y="291"/>
                  <a:pt x="224" y="285"/>
                </a:cubicBezTo>
                <a:cubicBezTo>
                  <a:pt x="292" y="280"/>
                  <a:pt x="322" y="258"/>
                  <a:pt x="353" y="234"/>
                </a:cubicBezTo>
                <a:cubicBezTo>
                  <a:pt x="377" y="216"/>
                  <a:pt x="401" y="198"/>
                  <a:pt x="444" y="186"/>
                </a:cubicBezTo>
                <a:cubicBezTo>
                  <a:pt x="448" y="185"/>
                  <a:pt x="451" y="182"/>
                  <a:pt x="453" y="178"/>
                </a:cubicBezTo>
                <a:cubicBezTo>
                  <a:pt x="455" y="175"/>
                  <a:pt x="455" y="171"/>
                  <a:pt x="453" y="167"/>
                </a:cubicBezTo>
                <a:cubicBezTo>
                  <a:pt x="452" y="165"/>
                  <a:pt x="432" y="123"/>
                  <a:pt x="392" y="82"/>
                </a:cubicBezTo>
                <a:cubicBezTo>
                  <a:pt x="338" y="26"/>
                  <a:pt x="275" y="0"/>
                  <a:pt x="210" y="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1" name="Freeform 477"/>
          <p:cNvSpPr>
            <a:spLocks noEditPoints="1"/>
          </p:cNvSpPr>
          <p:nvPr userDrawn="1"/>
        </p:nvSpPr>
        <p:spPr bwMode="auto">
          <a:xfrm>
            <a:off x="6893938" y="3112402"/>
            <a:ext cx="523875" cy="271463"/>
          </a:xfrm>
          <a:custGeom>
            <a:avLst/>
            <a:gdLst/>
            <a:ahLst/>
            <a:cxnLst>
              <a:cxn ang="0">
                <a:pos x="31" y="177"/>
              </a:cxn>
              <a:cxn ang="0">
                <a:pos x="0" y="134"/>
              </a:cxn>
              <a:cxn ang="0">
                <a:pos x="32" y="91"/>
              </a:cxn>
              <a:cxn ang="0">
                <a:pos x="45" y="31"/>
              </a:cxn>
              <a:cxn ang="0">
                <a:pos x="120" y="43"/>
              </a:cxn>
              <a:cxn ang="0">
                <a:pos x="121" y="50"/>
              </a:cxn>
              <a:cxn ang="0">
                <a:pos x="148" y="61"/>
              </a:cxn>
              <a:cxn ang="0">
                <a:pos x="158" y="44"/>
              </a:cxn>
              <a:cxn ang="0">
                <a:pos x="193" y="31"/>
              </a:cxn>
              <a:cxn ang="0">
                <a:pos x="182" y="58"/>
              </a:cxn>
              <a:cxn ang="0">
                <a:pos x="140" y="89"/>
              </a:cxn>
              <a:cxn ang="0">
                <a:pos x="100" y="67"/>
              </a:cxn>
              <a:cxn ang="0">
                <a:pos x="58" y="101"/>
              </a:cxn>
              <a:cxn ang="0">
                <a:pos x="44" y="115"/>
              </a:cxn>
              <a:cxn ang="0">
                <a:pos x="27" y="134"/>
              </a:cxn>
              <a:cxn ang="0">
                <a:pos x="45" y="153"/>
              </a:cxn>
              <a:cxn ang="0">
                <a:pos x="46" y="153"/>
              </a:cxn>
              <a:cxn ang="0">
                <a:pos x="96" y="213"/>
              </a:cxn>
              <a:cxn ang="0">
                <a:pos x="139" y="181"/>
              </a:cxn>
              <a:cxn ang="0">
                <a:pos x="178" y="204"/>
              </a:cxn>
              <a:cxn ang="0">
                <a:pos x="219" y="166"/>
              </a:cxn>
              <a:cxn ang="0">
                <a:pos x="247" y="144"/>
              </a:cxn>
              <a:cxn ang="0">
                <a:pos x="250" y="134"/>
              </a:cxn>
              <a:cxn ang="0">
                <a:pos x="242" y="119"/>
              </a:cxn>
              <a:cxn ang="0">
                <a:pos x="219" y="44"/>
              </a:cxn>
              <a:cxn ang="0">
                <a:pos x="287" y="19"/>
              </a:cxn>
              <a:cxn ang="0">
                <a:pos x="325" y="0"/>
              </a:cxn>
              <a:cxn ang="0">
                <a:pos x="367" y="31"/>
              </a:cxn>
              <a:cxn ang="0">
                <a:pos x="431" y="91"/>
              </a:cxn>
              <a:cxn ang="0">
                <a:pos x="463" y="134"/>
              </a:cxn>
              <a:cxn ang="0">
                <a:pos x="439" y="173"/>
              </a:cxn>
              <a:cxn ang="0">
                <a:pos x="427" y="235"/>
              </a:cxn>
              <a:cxn ang="0">
                <a:pos x="343" y="227"/>
              </a:cxn>
              <a:cxn ang="0">
                <a:pos x="325" y="208"/>
              </a:cxn>
              <a:cxn ang="0">
                <a:pos x="323" y="208"/>
              </a:cxn>
              <a:cxn ang="0">
                <a:pos x="306" y="227"/>
              </a:cxn>
              <a:cxn ang="0">
                <a:pos x="257" y="226"/>
              </a:cxn>
              <a:cxn ang="0">
                <a:pos x="288" y="200"/>
              </a:cxn>
              <a:cxn ang="0">
                <a:pos x="324" y="181"/>
              </a:cxn>
              <a:cxn ang="0">
                <a:pos x="325" y="181"/>
              </a:cxn>
              <a:cxn ang="0">
                <a:pos x="367" y="212"/>
              </a:cxn>
              <a:cxn ang="0">
                <a:pos x="417" y="153"/>
              </a:cxn>
              <a:cxn ang="0">
                <a:pos x="423" y="152"/>
              </a:cxn>
              <a:cxn ang="0">
                <a:pos x="434" y="125"/>
              </a:cxn>
              <a:cxn ang="0">
                <a:pos x="416" y="114"/>
              </a:cxn>
              <a:cxn ang="0">
                <a:pos x="356" y="58"/>
              </a:cxn>
              <a:cxn ang="0">
                <a:pos x="329" y="27"/>
              </a:cxn>
              <a:cxn ang="0">
                <a:pos x="318" y="27"/>
              </a:cxn>
              <a:cxn ang="0">
                <a:pos x="292" y="58"/>
              </a:cxn>
              <a:cxn ang="0">
                <a:pos x="257" y="97"/>
              </a:cxn>
              <a:cxn ang="0">
                <a:pos x="277" y="134"/>
              </a:cxn>
              <a:cxn ang="0">
                <a:pos x="245" y="177"/>
              </a:cxn>
              <a:cxn ang="0">
                <a:pos x="232" y="239"/>
              </a:cxn>
              <a:cxn ang="0">
                <a:pos x="157" y="226"/>
              </a:cxn>
              <a:cxn ang="0">
                <a:pos x="157" y="225"/>
              </a:cxn>
              <a:cxn ang="0">
                <a:pos x="139" y="207"/>
              </a:cxn>
              <a:cxn ang="0">
                <a:pos x="120" y="226"/>
              </a:cxn>
              <a:cxn ang="0">
                <a:pos x="106" y="239"/>
              </a:cxn>
              <a:cxn ang="0">
                <a:pos x="329" y="207"/>
              </a:cxn>
              <a:cxn ang="0">
                <a:pos x="335" y="202"/>
              </a:cxn>
              <a:cxn ang="0">
                <a:pos x="336" y="200"/>
              </a:cxn>
              <a:cxn ang="0">
                <a:pos x="336" y="200"/>
              </a:cxn>
            </a:cxnLst>
            <a:rect l="0" t="0" r="r" b="b"/>
            <a:pathLst>
              <a:path w="463" h="239">
                <a:moveTo>
                  <a:pt x="32" y="226"/>
                </a:moveTo>
                <a:cubicBezTo>
                  <a:pt x="32" y="177"/>
                  <a:pt x="32" y="177"/>
                  <a:pt x="32" y="177"/>
                </a:cubicBezTo>
                <a:cubicBezTo>
                  <a:pt x="32" y="177"/>
                  <a:pt x="32" y="177"/>
                  <a:pt x="31" y="177"/>
                </a:cubicBezTo>
                <a:cubicBezTo>
                  <a:pt x="24" y="174"/>
                  <a:pt x="15" y="170"/>
                  <a:pt x="8" y="160"/>
                </a:cubicBezTo>
                <a:cubicBezTo>
                  <a:pt x="4" y="153"/>
                  <a:pt x="1" y="145"/>
                  <a:pt x="0" y="135"/>
                </a:cubicBezTo>
                <a:cubicBezTo>
                  <a:pt x="0" y="134"/>
                  <a:pt x="0" y="134"/>
                  <a:pt x="0" y="134"/>
                </a:cubicBezTo>
                <a:cubicBezTo>
                  <a:pt x="1" y="124"/>
                  <a:pt x="3" y="115"/>
                  <a:pt x="8" y="108"/>
                </a:cubicBezTo>
                <a:cubicBezTo>
                  <a:pt x="12" y="102"/>
                  <a:pt x="18" y="97"/>
                  <a:pt x="23" y="94"/>
                </a:cubicBezTo>
                <a:cubicBezTo>
                  <a:pt x="26" y="93"/>
                  <a:pt x="29" y="91"/>
                  <a:pt x="32" y="91"/>
                </a:cubicBezTo>
                <a:cubicBezTo>
                  <a:pt x="32" y="44"/>
                  <a:pt x="32" y="44"/>
                  <a:pt x="32" y="44"/>
                </a:cubicBezTo>
                <a:cubicBezTo>
                  <a:pt x="32" y="41"/>
                  <a:pt x="33" y="38"/>
                  <a:pt x="36" y="35"/>
                </a:cubicBezTo>
                <a:cubicBezTo>
                  <a:pt x="38" y="33"/>
                  <a:pt x="42" y="31"/>
                  <a:pt x="45" y="31"/>
                </a:cubicBezTo>
                <a:cubicBezTo>
                  <a:pt x="106" y="31"/>
                  <a:pt x="106" y="31"/>
                  <a:pt x="106" y="31"/>
                </a:cubicBezTo>
                <a:cubicBezTo>
                  <a:pt x="113" y="31"/>
                  <a:pt x="119" y="37"/>
                  <a:pt x="119" y="43"/>
                </a:cubicBezTo>
                <a:cubicBezTo>
                  <a:pt x="120" y="43"/>
                  <a:pt x="120" y="43"/>
                  <a:pt x="120" y="43"/>
                </a:cubicBezTo>
                <a:cubicBezTo>
                  <a:pt x="120" y="43"/>
                  <a:pt x="120" y="44"/>
                  <a:pt x="120" y="44"/>
                </a:cubicBezTo>
                <a:cubicBezTo>
                  <a:pt x="120" y="44"/>
                  <a:pt x="120" y="44"/>
                  <a:pt x="120" y="45"/>
                </a:cubicBezTo>
                <a:cubicBezTo>
                  <a:pt x="120" y="46"/>
                  <a:pt x="120" y="48"/>
                  <a:pt x="121" y="50"/>
                </a:cubicBezTo>
                <a:cubicBezTo>
                  <a:pt x="123" y="54"/>
                  <a:pt x="125" y="58"/>
                  <a:pt x="128" y="60"/>
                </a:cubicBezTo>
                <a:cubicBezTo>
                  <a:pt x="131" y="62"/>
                  <a:pt x="134" y="63"/>
                  <a:pt x="139" y="63"/>
                </a:cubicBezTo>
                <a:cubicBezTo>
                  <a:pt x="143" y="63"/>
                  <a:pt x="146" y="62"/>
                  <a:pt x="148" y="61"/>
                </a:cubicBezTo>
                <a:cubicBezTo>
                  <a:pt x="151" y="59"/>
                  <a:pt x="152" y="58"/>
                  <a:pt x="154" y="56"/>
                </a:cubicBezTo>
                <a:cubicBezTo>
                  <a:pt x="156" y="52"/>
                  <a:pt x="158" y="47"/>
                  <a:pt x="158" y="45"/>
                </a:cubicBezTo>
                <a:cubicBezTo>
                  <a:pt x="158" y="44"/>
                  <a:pt x="158" y="44"/>
                  <a:pt x="158" y="44"/>
                </a:cubicBezTo>
                <a:cubicBezTo>
                  <a:pt x="158" y="37"/>
                  <a:pt x="164" y="31"/>
                  <a:pt x="171" y="31"/>
                </a:cubicBezTo>
                <a:cubicBezTo>
                  <a:pt x="193" y="31"/>
                  <a:pt x="193" y="31"/>
                  <a:pt x="193" y="31"/>
                </a:cubicBezTo>
                <a:cubicBezTo>
                  <a:pt x="193" y="31"/>
                  <a:pt x="193" y="31"/>
                  <a:pt x="193" y="31"/>
                </a:cubicBezTo>
                <a:cubicBezTo>
                  <a:pt x="200" y="31"/>
                  <a:pt x="206" y="37"/>
                  <a:pt x="206" y="45"/>
                </a:cubicBezTo>
                <a:cubicBezTo>
                  <a:pt x="206" y="52"/>
                  <a:pt x="200" y="58"/>
                  <a:pt x="193" y="58"/>
                </a:cubicBezTo>
                <a:cubicBezTo>
                  <a:pt x="182" y="58"/>
                  <a:pt x="182" y="58"/>
                  <a:pt x="182" y="58"/>
                </a:cubicBezTo>
                <a:cubicBezTo>
                  <a:pt x="182" y="58"/>
                  <a:pt x="182" y="58"/>
                  <a:pt x="182" y="59"/>
                </a:cubicBezTo>
                <a:cubicBezTo>
                  <a:pt x="179" y="66"/>
                  <a:pt x="174" y="75"/>
                  <a:pt x="164" y="82"/>
                </a:cubicBezTo>
                <a:cubicBezTo>
                  <a:pt x="158" y="86"/>
                  <a:pt x="149" y="89"/>
                  <a:pt x="140" y="89"/>
                </a:cubicBezTo>
                <a:cubicBezTo>
                  <a:pt x="139" y="89"/>
                  <a:pt x="139" y="89"/>
                  <a:pt x="139" y="89"/>
                </a:cubicBezTo>
                <a:cubicBezTo>
                  <a:pt x="129" y="89"/>
                  <a:pt x="120" y="87"/>
                  <a:pt x="114" y="82"/>
                </a:cubicBezTo>
                <a:cubicBezTo>
                  <a:pt x="107" y="78"/>
                  <a:pt x="103" y="72"/>
                  <a:pt x="100" y="67"/>
                </a:cubicBezTo>
                <a:cubicBezTo>
                  <a:pt x="98" y="64"/>
                  <a:pt x="97" y="61"/>
                  <a:pt x="96" y="58"/>
                </a:cubicBezTo>
                <a:cubicBezTo>
                  <a:pt x="58" y="58"/>
                  <a:pt x="58" y="58"/>
                  <a:pt x="58" y="58"/>
                </a:cubicBezTo>
                <a:cubicBezTo>
                  <a:pt x="58" y="101"/>
                  <a:pt x="58" y="101"/>
                  <a:pt x="58" y="101"/>
                </a:cubicBezTo>
                <a:cubicBezTo>
                  <a:pt x="58" y="108"/>
                  <a:pt x="53" y="114"/>
                  <a:pt x="46" y="115"/>
                </a:cubicBezTo>
                <a:cubicBezTo>
                  <a:pt x="46" y="115"/>
                  <a:pt x="46" y="115"/>
                  <a:pt x="46" y="115"/>
                </a:cubicBezTo>
                <a:cubicBezTo>
                  <a:pt x="45" y="115"/>
                  <a:pt x="45" y="115"/>
                  <a:pt x="44" y="115"/>
                </a:cubicBezTo>
                <a:cubicBezTo>
                  <a:pt x="43" y="115"/>
                  <a:pt x="42" y="115"/>
                  <a:pt x="40" y="116"/>
                </a:cubicBezTo>
                <a:cubicBezTo>
                  <a:pt x="36" y="117"/>
                  <a:pt x="32" y="119"/>
                  <a:pt x="30" y="123"/>
                </a:cubicBezTo>
                <a:cubicBezTo>
                  <a:pt x="28" y="125"/>
                  <a:pt x="27" y="129"/>
                  <a:pt x="27" y="134"/>
                </a:cubicBezTo>
                <a:cubicBezTo>
                  <a:pt x="27" y="139"/>
                  <a:pt x="28" y="141"/>
                  <a:pt x="29" y="144"/>
                </a:cubicBezTo>
                <a:cubicBezTo>
                  <a:pt x="30" y="146"/>
                  <a:pt x="32" y="147"/>
                  <a:pt x="34" y="149"/>
                </a:cubicBezTo>
                <a:cubicBezTo>
                  <a:pt x="38" y="151"/>
                  <a:pt x="43" y="152"/>
                  <a:pt x="45" y="153"/>
                </a:cubicBezTo>
                <a:cubicBezTo>
                  <a:pt x="45" y="153"/>
                  <a:pt x="46" y="153"/>
                  <a:pt x="46" y="153"/>
                </a:cubicBezTo>
                <a:cubicBezTo>
                  <a:pt x="46" y="153"/>
                  <a:pt x="46" y="153"/>
                  <a:pt x="46" y="153"/>
                </a:cubicBezTo>
                <a:cubicBezTo>
                  <a:pt x="46" y="153"/>
                  <a:pt x="46" y="153"/>
                  <a:pt x="46" y="153"/>
                </a:cubicBezTo>
                <a:cubicBezTo>
                  <a:pt x="53" y="153"/>
                  <a:pt x="59" y="159"/>
                  <a:pt x="59" y="166"/>
                </a:cubicBezTo>
                <a:cubicBezTo>
                  <a:pt x="59" y="213"/>
                  <a:pt x="59" y="213"/>
                  <a:pt x="59" y="213"/>
                </a:cubicBezTo>
                <a:cubicBezTo>
                  <a:pt x="96" y="213"/>
                  <a:pt x="96" y="213"/>
                  <a:pt x="96" y="213"/>
                </a:cubicBezTo>
                <a:cubicBezTo>
                  <a:pt x="96" y="212"/>
                  <a:pt x="96" y="212"/>
                  <a:pt x="96" y="211"/>
                </a:cubicBezTo>
                <a:cubicBezTo>
                  <a:pt x="99" y="204"/>
                  <a:pt x="104" y="195"/>
                  <a:pt x="114" y="188"/>
                </a:cubicBezTo>
                <a:cubicBezTo>
                  <a:pt x="120" y="184"/>
                  <a:pt x="129" y="181"/>
                  <a:pt x="139" y="181"/>
                </a:cubicBezTo>
                <a:cubicBezTo>
                  <a:pt x="140" y="181"/>
                  <a:pt x="140" y="181"/>
                  <a:pt x="140" y="181"/>
                </a:cubicBezTo>
                <a:cubicBezTo>
                  <a:pt x="149" y="181"/>
                  <a:pt x="158" y="184"/>
                  <a:pt x="165" y="189"/>
                </a:cubicBezTo>
                <a:cubicBezTo>
                  <a:pt x="171" y="193"/>
                  <a:pt x="175" y="199"/>
                  <a:pt x="178" y="204"/>
                </a:cubicBezTo>
                <a:cubicBezTo>
                  <a:pt x="180" y="207"/>
                  <a:pt x="181" y="210"/>
                  <a:pt x="182" y="213"/>
                </a:cubicBezTo>
                <a:cubicBezTo>
                  <a:pt x="219" y="213"/>
                  <a:pt x="219" y="213"/>
                  <a:pt x="219" y="213"/>
                </a:cubicBezTo>
                <a:cubicBezTo>
                  <a:pt x="219" y="166"/>
                  <a:pt x="219" y="166"/>
                  <a:pt x="219" y="166"/>
                </a:cubicBezTo>
                <a:cubicBezTo>
                  <a:pt x="219" y="159"/>
                  <a:pt x="224" y="153"/>
                  <a:pt x="231" y="153"/>
                </a:cubicBezTo>
                <a:cubicBezTo>
                  <a:pt x="236" y="152"/>
                  <a:pt x="240" y="151"/>
                  <a:pt x="242" y="150"/>
                </a:cubicBezTo>
                <a:cubicBezTo>
                  <a:pt x="245" y="148"/>
                  <a:pt x="246" y="146"/>
                  <a:pt x="247" y="144"/>
                </a:cubicBezTo>
                <a:cubicBezTo>
                  <a:pt x="250" y="140"/>
                  <a:pt x="250" y="135"/>
                  <a:pt x="250" y="134"/>
                </a:cubicBezTo>
                <a:cubicBezTo>
                  <a:pt x="250" y="134"/>
                  <a:pt x="250" y="134"/>
                  <a:pt x="250" y="134"/>
                </a:cubicBezTo>
                <a:cubicBezTo>
                  <a:pt x="250" y="134"/>
                  <a:pt x="250" y="134"/>
                  <a:pt x="250" y="134"/>
                </a:cubicBezTo>
                <a:cubicBezTo>
                  <a:pt x="250" y="134"/>
                  <a:pt x="250" y="134"/>
                  <a:pt x="250" y="134"/>
                </a:cubicBezTo>
                <a:cubicBezTo>
                  <a:pt x="250" y="134"/>
                  <a:pt x="250" y="131"/>
                  <a:pt x="249" y="128"/>
                </a:cubicBezTo>
                <a:cubicBezTo>
                  <a:pt x="248" y="125"/>
                  <a:pt x="246" y="122"/>
                  <a:pt x="242" y="119"/>
                </a:cubicBezTo>
                <a:cubicBezTo>
                  <a:pt x="240" y="117"/>
                  <a:pt x="236" y="115"/>
                  <a:pt x="230" y="114"/>
                </a:cubicBezTo>
                <a:cubicBezTo>
                  <a:pt x="223" y="113"/>
                  <a:pt x="219" y="108"/>
                  <a:pt x="219" y="101"/>
                </a:cubicBezTo>
                <a:cubicBezTo>
                  <a:pt x="219" y="44"/>
                  <a:pt x="219" y="44"/>
                  <a:pt x="219" y="44"/>
                </a:cubicBezTo>
                <a:cubicBezTo>
                  <a:pt x="219" y="37"/>
                  <a:pt x="225" y="31"/>
                  <a:pt x="232" y="31"/>
                </a:cubicBezTo>
                <a:cubicBezTo>
                  <a:pt x="281" y="31"/>
                  <a:pt x="281" y="31"/>
                  <a:pt x="281" y="31"/>
                </a:cubicBezTo>
                <a:cubicBezTo>
                  <a:pt x="283" y="27"/>
                  <a:pt x="285" y="23"/>
                  <a:pt x="287" y="19"/>
                </a:cubicBezTo>
                <a:cubicBezTo>
                  <a:pt x="291" y="13"/>
                  <a:pt x="297" y="8"/>
                  <a:pt x="302" y="5"/>
                </a:cubicBezTo>
                <a:cubicBezTo>
                  <a:pt x="312" y="0"/>
                  <a:pt x="322" y="0"/>
                  <a:pt x="324" y="0"/>
                </a:cubicBezTo>
                <a:cubicBezTo>
                  <a:pt x="324" y="0"/>
                  <a:pt x="324" y="0"/>
                  <a:pt x="325" y="0"/>
                </a:cubicBezTo>
                <a:cubicBezTo>
                  <a:pt x="330" y="0"/>
                  <a:pt x="336" y="1"/>
                  <a:pt x="343" y="4"/>
                </a:cubicBezTo>
                <a:cubicBezTo>
                  <a:pt x="350" y="7"/>
                  <a:pt x="358" y="13"/>
                  <a:pt x="363" y="22"/>
                </a:cubicBezTo>
                <a:cubicBezTo>
                  <a:pt x="365" y="25"/>
                  <a:pt x="366" y="28"/>
                  <a:pt x="367" y="31"/>
                </a:cubicBezTo>
                <a:cubicBezTo>
                  <a:pt x="385" y="31"/>
                  <a:pt x="418" y="31"/>
                  <a:pt x="418" y="31"/>
                </a:cubicBezTo>
                <a:cubicBezTo>
                  <a:pt x="425" y="31"/>
                  <a:pt x="431" y="37"/>
                  <a:pt x="431" y="45"/>
                </a:cubicBezTo>
                <a:cubicBezTo>
                  <a:pt x="431" y="91"/>
                  <a:pt x="431" y="91"/>
                  <a:pt x="431" y="91"/>
                </a:cubicBezTo>
                <a:cubicBezTo>
                  <a:pt x="431" y="91"/>
                  <a:pt x="432" y="91"/>
                  <a:pt x="432" y="92"/>
                </a:cubicBezTo>
                <a:cubicBezTo>
                  <a:pt x="439" y="94"/>
                  <a:pt x="449" y="99"/>
                  <a:pt x="455" y="109"/>
                </a:cubicBezTo>
                <a:cubicBezTo>
                  <a:pt x="460" y="116"/>
                  <a:pt x="462" y="124"/>
                  <a:pt x="463" y="134"/>
                </a:cubicBezTo>
                <a:cubicBezTo>
                  <a:pt x="463" y="135"/>
                  <a:pt x="463" y="135"/>
                  <a:pt x="463" y="135"/>
                </a:cubicBezTo>
                <a:cubicBezTo>
                  <a:pt x="462" y="145"/>
                  <a:pt x="459" y="153"/>
                  <a:pt x="455" y="160"/>
                </a:cubicBezTo>
                <a:cubicBezTo>
                  <a:pt x="450" y="166"/>
                  <a:pt x="445" y="171"/>
                  <a:pt x="439" y="173"/>
                </a:cubicBezTo>
                <a:cubicBezTo>
                  <a:pt x="436" y="175"/>
                  <a:pt x="434" y="176"/>
                  <a:pt x="431" y="177"/>
                </a:cubicBezTo>
                <a:cubicBezTo>
                  <a:pt x="431" y="226"/>
                  <a:pt x="431" y="226"/>
                  <a:pt x="431" y="226"/>
                </a:cubicBezTo>
                <a:cubicBezTo>
                  <a:pt x="431" y="229"/>
                  <a:pt x="430" y="233"/>
                  <a:pt x="427" y="235"/>
                </a:cubicBezTo>
                <a:cubicBezTo>
                  <a:pt x="425" y="238"/>
                  <a:pt x="421" y="239"/>
                  <a:pt x="418" y="239"/>
                </a:cubicBezTo>
                <a:cubicBezTo>
                  <a:pt x="357" y="239"/>
                  <a:pt x="357" y="239"/>
                  <a:pt x="357" y="239"/>
                </a:cubicBezTo>
                <a:cubicBezTo>
                  <a:pt x="350" y="239"/>
                  <a:pt x="344" y="234"/>
                  <a:pt x="343" y="227"/>
                </a:cubicBezTo>
                <a:cubicBezTo>
                  <a:pt x="343" y="221"/>
                  <a:pt x="341" y="218"/>
                  <a:pt x="340" y="216"/>
                </a:cubicBezTo>
                <a:cubicBezTo>
                  <a:pt x="338" y="213"/>
                  <a:pt x="336" y="212"/>
                  <a:pt x="334" y="210"/>
                </a:cubicBezTo>
                <a:cubicBezTo>
                  <a:pt x="331" y="208"/>
                  <a:pt x="326" y="208"/>
                  <a:pt x="325" y="208"/>
                </a:cubicBezTo>
                <a:cubicBezTo>
                  <a:pt x="325" y="208"/>
                  <a:pt x="324" y="208"/>
                  <a:pt x="324" y="208"/>
                </a:cubicBezTo>
                <a:cubicBezTo>
                  <a:pt x="324" y="208"/>
                  <a:pt x="324" y="208"/>
                  <a:pt x="324" y="208"/>
                </a:cubicBezTo>
                <a:cubicBezTo>
                  <a:pt x="324" y="208"/>
                  <a:pt x="324" y="208"/>
                  <a:pt x="323" y="208"/>
                </a:cubicBezTo>
                <a:cubicBezTo>
                  <a:pt x="322" y="208"/>
                  <a:pt x="321" y="208"/>
                  <a:pt x="319" y="209"/>
                </a:cubicBezTo>
                <a:cubicBezTo>
                  <a:pt x="316" y="210"/>
                  <a:pt x="312" y="212"/>
                  <a:pt x="310" y="215"/>
                </a:cubicBezTo>
                <a:cubicBezTo>
                  <a:pt x="308" y="218"/>
                  <a:pt x="306" y="222"/>
                  <a:pt x="306" y="227"/>
                </a:cubicBezTo>
                <a:cubicBezTo>
                  <a:pt x="305" y="234"/>
                  <a:pt x="299" y="239"/>
                  <a:pt x="292" y="239"/>
                </a:cubicBezTo>
                <a:cubicBezTo>
                  <a:pt x="271" y="239"/>
                  <a:pt x="271" y="239"/>
                  <a:pt x="271" y="239"/>
                </a:cubicBezTo>
                <a:cubicBezTo>
                  <a:pt x="263" y="239"/>
                  <a:pt x="257" y="233"/>
                  <a:pt x="257" y="226"/>
                </a:cubicBezTo>
                <a:cubicBezTo>
                  <a:pt x="257" y="219"/>
                  <a:pt x="263" y="213"/>
                  <a:pt x="271" y="213"/>
                </a:cubicBezTo>
                <a:cubicBezTo>
                  <a:pt x="282" y="213"/>
                  <a:pt x="282" y="213"/>
                  <a:pt x="282" y="213"/>
                </a:cubicBezTo>
                <a:cubicBezTo>
                  <a:pt x="283" y="208"/>
                  <a:pt x="285" y="204"/>
                  <a:pt x="288" y="200"/>
                </a:cubicBezTo>
                <a:cubicBezTo>
                  <a:pt x="292" y="194"/>
                  <a:pt x="298" y="190"/>
                  <a:pt x="303" y="187"/>
                </a:cubicBezTo>
                <a:cubicBezTo>
                  <a:pt x="314" y="181"/>
                  <a:pt x="323" y="181"/>
                  <a:pt x="324" y="181"/>
                </a:cubicBezTo>
                <a:cubicBezTo>
                  <a:pt x="324" y="181"/>
                  <a:pt x="324" y="181"/>
                  <a:pt x="324" y="181"/>
                </a:cubicBezTo>
                <a:cubicBezTo>
                  <a:pt x="324" y="181"/>
                  <a:pt x="324" y="181"/>
                  <a:pt x="324" y="181"/>
                </a:cubicBezTo>
                <a:cubicBezTo>
                  <a:pt x="324" y="181"/>
                  <a:pt x="324" y="181"/>
                  <a:pt x="324" y="181"/>
                </a:cubicBezTo>
                <a:cubicBezTo>
                  <a:pt x="325" y="181"/>
                  <a:pt x="325" y="181"/>
                  <a:pt x="325" y="181"/>
                </a:cubicBezTo>
                <a:cubicBezTo>
                  <a:pt x="327" y="181"/>
                  <a:pt x="331" y="181"/>
                  <a:pt x="338" y="183"/>
                </a:cubicBezTo>
                <a:cubicBezTo>
                  <a:pt x="345" y="186"/>
                  <a:pt x="354" y="190"/>
                  <a:pt x="361" y="200"/>
                </a:cubicBezTo>
                <a:cubicBezTo>
                  <a:pt x="364" y="204"/>
                  <a:pt x="366" y="208"/>
                  <a:pt x="367" y="212"/>
                </a:cubicBezTo>
                <a:cubicBezTo>
                  <a:pt x="405" y="213"/>
                  <a:pt x="405" y="213"/>
                  <a:pt x="405" y="213"/>
                </a:cubicBezTo>
                <a:cubicBezTo>
                  <a:pt x="405" y="166"/>
                  <a:pt x="405" y="166"/>
                  <a:pt x="405" y="166"/>
                </a:cubicBezTo>
                <a:cubicBezTo>
                  <a:pt x="405" y="159"/>
                  <a:pt x="410" y="153"/>
                  <a:pt x="417" y="153"/>
                </a:cubicBezTo>
                <a:cubicBezTo>
                  <a:pt x="417" y="153"/>
                  <a:pt x="417" y="153"/>
                  <a:pt x="417" y="153"/>
                </a:cubicBezTo>
                <a:cubicBezTo>
                  <a:pt x="418" y="153"/>
                  <a:pt x="418" y="153"/>
                  <a:pt x="419" y="153"/>
                </a:cubicBezTo>
                <a:cubicBezTo>
                  <a:pt x="420" y="153"/>
                  <a:pt x="421" y="152"/>
                  <a:pt x="423" y="152"/>
                </a:cubicBezTo>
                <a:cubicBezTo>
                  <a:pt x="427" y="150"/>
                  <a:pt x="431" y="148"/>
                  <a:pt x="433" y="145"/>
                </a:cubicBezTo>
                <a:cubicBezTo>
                  <a:pt x="434" y="142"/>
                  <a:pt x="436" y="139"/>
                  <a:pt x="436" y="134"/>
                </a:cubicBezTo>
                <a:cubicBezTo>
                  <a:pt x="436" y="130"/>
                  <a:pt x="435" y="127"/>
                  <a:pt x="434" y="125"/>
                </a:cubicBezTo>
                <a:cubicBezTo>
                  <a:pt x="433" y="123"/>
                  <a:pt x="431" y="121"/>
                  <a:pt x="429" y="120"/>
                </a:cubicBezTo>
                <a:cubicBezTo>
                  <a:pt x="425" y="117"/>
                  <a:pt x="419" y="115"/>
                  <a:pt x="417" y="115"/>
                </a:cubicBezTo>
                <a:cubicBezTo>
                  <a:pt x="417" y="114"/>
                  <a:pt x="416" y="114"/>
                  <a:pt x="416" y="114"/>
                </a:cubicBezTo>
                <a:cubicBezTo>
                  <a:pt x="410" y="114"/>
                  <a:pt x="404" y="108"/>
                  <a:pt x="404" y="101"/>
                </a:cubicBezTo>
                <a:cubicBezTo>
                  <a:pt x="404" y="58"/>
                  <a:pt x="404" y="58"/>
                  <a:pt x="404" y="58"/>
                </a:cubicBezTo>
                <a:cubicBezTo>
                  <a:pt x="386" y="58"/>
                  <a:pt x="356" y="58"/>
                  <a:pt x="356" y="58"/>
                </a:cubicBezTo>
                <a:cubicBezTo>
                  <a:pt x="349" y="58"/>
                  <a:pt x="343" y="52"/>
                  <a:pt x="343" y="45"/>
                </a:cubicBezTo>
                <a:cubicBezTo>
                  <a:pt x="342" y="38"/>
                  <a:pt x="340" y="35"/>
                  <a:pt x="338" y="32"/>
                </a:cubicBezTo>
                <a:cubicBezTo>
                  <a:pt x="335" y="29"/>
                  <a:pt x="332" y="28"/>
                  <a:pt x="329" y="27"/>
                </a:cubicBezTo>
                <a:cubicBezTo>
                  <a:pt x="327" y="26"/>
                  <a:pt x="325" y="26"/>
                  <a:pt x="325" y="26"/>
                </a:cubicBezTo>
                <a:cubicBezTo>
                  <a:pt x="325" y="26"/>
                  <a:pt x="325" y="26"/>
                  <a:pt x="325" y="26"/>
                </a:cubicBezTo>
                <a:cubicBezTo>
                  <a:pt x="324" y="26"/>
                  <a:pt x="321" y="26"/>
                  <a:pt x="318" y="27"/>
                </a:cubicBezTo>
                <a:cubicBezTo>
                  <a:pt x="315" y="28"/>
                  <a:pt x="312" y="30"/>
                  <a:pt x="309" y="34"/>
                </a:cubicBezTo>
                <a:cubicBezTo>
                  <a:pt x="307" y="36"/>
                  <a:pt x="306" y="40"/>
                  <a:pt x="305" y="46"/>
                </a:cubicBezTo>
                <a:cubicBezTo>
                  <a:pt x="304" y="53"/>
                  <a:pt x="299" y="58"/>
                  <a:pt x="292" y="58"/>
                </a:cubicBezTo>
                <a:cubicBezTo>
                  <a:pt x="245" y="58"/>
                  <a:pt x="245" y="58"/>
                  <a:pt x="245" y="58"/>
                </a:cubicBezTo>
                <a:cubicBezTo>
                  <a:pt x="245" y="91"/>
                  <a:pt x="245" y="91"/>
                  <a:pt x="245" y="91"/>
                </a:cubicBezTo>
                <a:cubicBezTo>
                  <a:pt x="250" y="93"/>
                  <a:pt x="254" y="95"/>
                  <a:pt x="257" y="97"/>
                </a:cubicBezTo>
                <a:cubicBezTo>
                  <a:pt x="263" y="101"/>
                  <a:pt x="268" y="107"/>
                  <a:pt x="271" y="112"/>
                </a:cubicBezTo>
                <a:cubicBezTo>
                  <a:pt x="276" y="122"/>
                  <a:pt x="277" y="131"/>
                  <a:pt x="277" y="134"/>
                </a:cubicBezTo>
                <a:cubicBezTo>
                  <a:pt x="277" y="134"/>
                  <a:pt x="277" y="134"/>
                  <a:pt x="277" y="134"/>
                </a:cubicBezTo>
                <a:cubicBezTo>
                  <a:pt x="277" y="136"/>
                  <a:pt x="277" y="142"/>
                  <a:pt x="274" y="149"/>
                </a:cubicBezTo>
                <a:cubicBezTo>
                  <a:pt x="272" y="156"/>
                  <a:pt x="267" y="165"/>
                  <a:pt x="257" y="171"/>
                </a:cubicBezTo>
                <a:cubicBezTo>
                  <a:pt x="254" y="174"/>
                  <a:pt x="250" y="176"/>
                  <a:pt x="245" y="177"/>
                </a:cubicBezTo>
                <a:cubicBezTo>
                  <a:pt x="245" y="226"/>
                  <a:pt x="245" y="226"/>
                  <a:pt x="245" y="226"/>
                </a:cubicBezTo>
                <a:cubicBezTo>
                  <a:pt x="245" y="229"/>
                  <a:pt x="244" y="233"/>
                  <a:pt x="241" y="235"/>
                </a:cubicBezTo>
                <a:cubicBezTo>
                  <a:pt x="239" y="238"/>
                  <a:pt x="235" y="239"/>
                  <a:pt x="232" y="239"/>
                </a:cubicBezTo>
                <a:cubicBezTo>
                  <a:pt x="171" y="239"/>
                  <a:pt x="171" y="239"/>
                  <a:pt x="171" y="239"/>
                </a:cubicBezTo>
                <a:cubicBezTo>
                  <a:pt x="163" y="239"/>
                  <a:pt x="158" y="233"/>
                  <a:pt x="157" y="226"/>
                </a:cubicBezTo>
                <a:cubicBezTo>
                  <a:pt x="157" y="226"/>
                  <a:pt x="157" y="226"/>
                  <a:pt x="157" y="226"/>
                </a:cubicBezTo>
                <a:cubicBezTo>
                  <a:pt x="157" y="226"/>
                  <a:pt x="157" y="226"/>
                  <a:pt x="157" y="226"/>
                </a:cubicBezTo>
                <a:cubicBezTo>
                  <a:pt x="157" y="226"/>
                  <a:pt x="157" y="226"/>
                  <a:pt x="157" y="226"/>
                </a:cubicBezTo>
                <a:cubicBezTo>
                  <a:pt x="157" y="226"/>
                  <a:pt x="157" y="225"/>
                  <a:pt x="157" y="225"/>
                </a:cubicBezTo>
                <a:cubicBezTo>
                  <a:pt x="157" y="224"/>
                  <a:pt x="157" y="222"/>
                  <a:pt x="156" y="220"/>
                </a:cubicBezTo>
                <a:cubicBezTo>
                  <a:pt x="155" y="217"/>
                  <a:pt x="153" y="213"/>
                  <a:pt x="150" y="211"/>
                </a:cubicBezTo>
                <a:cubicBezTo>
                  <a:pt x="147" y="209"/>
                  <a:pt x="144" y="208"/>
                  <a:pt x="139" y="207"/>
                </a:cubicBezTo>
                <a:cubicBezTo>
                  <a:pt x="135" y="208"/>
                  <a:pt x="132" y="208"/>
                  <a:pt x="130" y="210"/>
                </a:cubicBezTo>
                <a:cubicBezTo>
                  <a:pt x="128" y="211"/>
                  <a:pt x="126" y="213"/>
                  <a:pt x="125" y="215"/>
                </a:cubicBezTo>
                <a:cubicBezTo>
                  <a:pt x="122" y="218"/>
                  <a:pt x="120" y="224"/>
                  <a:pt x="120" y="226"/>
                </a:cubicBezTo>
                <a:cubicBezTo>
                  <a:pt x="120" y="227"/>
                  <a:pt x="120" y="227"/>
                  <a:pt x="120" y="227"/>
                </a:cubicBezTo>
                <a:cubicBezTo>
                  <a:pt x="120" y="227"/>
                  <a:pt x="120" y="227"/>
                  <a:pt x="120" y="227"/>
                </a:cubicBezTo>
                <a:cubicBezTo>
                  <a:pt x="119" y="234"/>
                  <a:pt x="113" y="239"/>
                  <a:pt x="106" y="239"/>
                </a:cubicBezTo>
                <a:cubicBezTo>
                  <a:pt x="45" y="239"/>
                  <a:pt x="45" y="239"/>
                  <a:pt x="45" y="239"/>
                </a:cubicBezTo>
                <a:cubicBezTo>
                  <a:pt x="38" y="239"/>
                  <a:pt x="32" y="233"/>
                  <a:pt x="32" y="226"/>
                </a:cubicBezTo>
                <a:moveTo>
                  <a:pt x="329" y="207"/>
                </a:moveTo>
                <a:cubicBezTo>
                  <a:pt x="330" y="206"/>
                  <a:pt x="330" y="206"/>
                  <a:pt x="330" y="206"/>
                </a:cubicBezTo>
                <a:cubicBezTo>
                  <a:pt x="330" y="206"/>
                  <a:pt x="330" y="206"/>
                  <a:pt x="329" y="207"/>
                </a:cubicBezTo>
                <a:close/>
                <a:moveTo>
                  <a:pt x="335" y="202"/>
                </a:moveTo>
                <a:cubicBezTo>
                  <a:pt x="335" y="202"/>
                  <a:pt x="335" y="202"/>
                  <a:pt x="336" y="202"/>
                </a:cubicBezTo>
                <a:cubicBezTo>
                  <a:pt x="335" y="202"/>
                  <a:pt x="335" y="202"/>
                  <a:pt x="335" y="202"/>
                </a:cubicBezTo>
                <a:close/>
                <a:moveTo>
                  <a:pt x="336" y="200"/>
                </a:moveTo>
                <a:cubicBezTo>
                  <a:pt x="336" y="200"/>
                  <a:pt x="336" y="200"/>
                  <a:pt x="336" y="201"/>
                </a:cubicBezTo>
                <a:cubicBezTo>
                  <a:pt x="336" y="200"/>
                  <a:pt x="336" y="200"/>
                  <a:pt x="337" y="200"/>
                </a:cubicBezTo>
                <a:cubicBezTo>
                  <a:pt x="337" y="200"/>
                  <a:pt x="337" y="200"/>
                  <a:pt x="336" y="20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1" name="Freeform 552"/>
          <p:cNvSpPr>
            <a:spLocks/>
          </p:cNvSpPr>
          <p:nvPr userDrawn="1"/>
        </p:nvSpPr>
        <p:spPr bwMode="auto">
          <a:xfrm>
            <a:off x="6984425" y="5076234"/>
            <a:ext cx="342900" cy="493713"/>
          </a:xfrm>
          <a:custGeom>
            <a:avLst/>
            <a:gdLst/>
            <a:ahLst/>
            <a:cxnLst>
              <a:cxn ang="0">
                <a:pos x="30" y="424"/>
              </a:cxn>
              <a:cxn ang="0">
                <a:pos x="0" y="372"/>
              </a:cxn>
              <a:cxn ang="0">
                <a:pos x="73" y="220"/>
              </a:cxn>
              <a:cxn ang="0">
                <a:pos x="95" y="235"/>
              </a:cxn>
              <a:cxn ang="0">
                <a:pos x="82" y="287"/>
              </a:cxn>
              <a:cxn ang="0">
                <a:pos x="86" y="290"/>
              </a:cxn>
              <a:cxn ang="0">
                <a:pos x="128" y="263"/>
              </a:cxn>
              <a:cxn ang="0">
                <a:pos x="164" y="198"/>
              </a:cxn>
              <a:cxn ang="0">
                <a:pos x="114" y="153"/>
              </a:cxn>
              <a:cxn ang="0">
                <a:pos x="88" y="157"/>
              </a:cxn>
              <a:cxn ang="0">
                <a:pos x="80" y="149"/>
              </a:cxn>
              <a:cxn ang="0">
                <a:pos x="75" y="122"/>
              </a:cxn>
              <a:cxn ang="0">
                <a:pos x="121" y="64"/>
              </a:cxn>
              <a:cxn ang="0">
                <a:pos x="208" y="69"/>
              </a:cxn>
              <a:cxn ang="0">
                <a:pos x="245" y="162"/>
              </a:cxn>
              <a:cxn ang="0">
                <a:pos x="176" y="318"/>
              </a:cxn>
              <a:cxn ang="0">
                <a:pos x="159" y="298"/>
              </a:cxn>
              <a:cxn ang="0">
                <a:pos x="218" y="162"/>
              </a:cxn>
              <a:cxn ang="0">
                <a:pos x="193" y="91"/>
              </a:cxn>
              <a:cxn ang="0">
                <a:pos x="131" y="89"/>
              </a:cxn>
              <a:cxn ang="0">
                <a:pos x="102" y="122"/>
              </a:cxn>
              <a:cxn ang="0">
                <a:pos x="114" y="127"/>
              </a:cxn>
              <a:cxn ang="0">
                <a:pos x="191" y="198"/>
              </a:cxn>
              <a:cxn ang="0">
                <a:pos x="146" y="282"/>
              </a:cxn>
              <a:cxn ang="0">
                <a:pos x="86" y="317"/>
              </a:cxn>
              <a:cxn ang="0">
                <a:pos x="60" y="304"/>
              </a:cxn>
              <a:cxn ang="0">
                <a:pos x="43" y="320"/>
              </a:cxn>
              <a:cxn ang="0">
                <a:pos x="30" y="389"/>
              </a:cxn>
              <a:cxn ang="0">
                <a:pos x="81" y="410"/>
              </a:cxn>
              <a:cxn ang="0">
                <a:pos x="247" y="254"/>
              </a:cxn>
              <a:cxn ang="0">
                <a:pos x="244" y="68"/>
              </a:cxn>
              <a:cxn ang="0">
                <a:pos x="151" y="26"/>
              </a:cxn>
              <a:cxn ang="0">
                <a:pos x="73" y="64"/>
              </a:cxn>
              <a:cxn ang="0">
                <a:pos x="46" y="145"/>
              </a:cxn>
              <a:cxn ang="0">
                <a:pos x="20" y="148"/>
              </a:cxn>
              <a:cxn ang="0">
                <a:pos x="38" y="69"/>
              </a:cxn>
              <a:cxn ang="0">
                <a:pos x="151" y="0"/>
              </a:cxn>
              <a:cxn ang="0">
                <a:pos x="264" y="50"/>
              </a:cxn>
              <a:cxn ang="0">
                <a:pos x="271" y="266"/>
              </a:cxn>
              <a:cxn ang="0">
                <a:pos x="82" y="437"/>
              </a:cxn>
            </a:cxnLst>
            <a:rect l="0" t="0" r="r" b="b"/>
            <a:pathLst>
              <a:path w="303" h="437">
                <a:moveTo>
                  <a:pt x="81" y="437"/>
                </a:moveTo>
                <a:cubicBezTo>
                  <a:pt x="61" y="437"/>
                  <a:pt x="43" y="431"/>
                  <a:pt x="30" y="424"/>
                </a:cubicBezTo>
                <a:cubicBezTo>
                  <a:pt x="20" y="418"/>
                  <a:pt x="12" y="411"/>
                  <a:pt x="7" y="402"/>
                </a:cubicBezTo>
                <a:cubicBezTo>
                  <a:pt x="2" y="393"/>
                  <a:pt x="0" y="383"/>
                  <a:pt x="0" y="372"/>
                </a:cubicBezTo>
                <a:cubicBezTo>
                  <a:pt x="0" y="353"/>
                  <a:pt x="6" y="333"/>
                  <a:pt x="19" y="308"/>
                </a:cubicBezTo>
                <a:cubicBezTo>
                  <a:pt x="31" y="283"/>
                  <a:pt x="49" y="254"/>
                  <a:pt x="73" y="220"/>
                </a:cubicBezTo>
                <a:cubicBezTo>
                  <a:pt x="77" y="215"/>
                  <a:pt x="85" y="213"/>
                  <a:pt x="91" y="217"/>
                </a:cubicBezTo>
                <a:cubicBezTo>
                  <a:pt x="97" y="221"/>
                  <a:pt x="99" y="229"/>
                  <a:pt x="95" y="235"/>
                </a:cubicBezTo>
                <a:cubicBezTo>
                  <a:pt x="85" y="250"/>
                  <a:pt x="80" y="267"/>
                  <a:pt x="80" y="278"/>
                </a:cubicBezTo>
                <a:cubicBezTo>
                  <a:pt x="80" y="282"/>
                  <a:pt x="81" y="285"/>
                  <a:pt x="82" y="287"/>
                </a:cubicBezTo>
                <a:cubicBezTo>
                  <a:pt x="83" y="289"/>
                  <a:pt x="83" y="289"/>
                  <a:pt x="84" y="290"/>
                </a:cubicBezTo>
                <a:cubicBezTo>
                  <a:pt x="84" y="290"/>
                  <a:pt x="84" y="290"/>
                  <a:pt x="86" y="290"/>
                </a:cubicBezTo>
                <a:cubicBezTo>
                  <a:pt x="88" y="290"/>
                  <a:pt x="93" y="289"/>
                  <a:pt x="100" y="285"/>
                </a:cubicBezTo>
                <a:cubicBezTo>
                  <a:pt x="108" y="281"/>
                  <a:pt x="117" y="274"/>
                  <a:pt x="128" y="263"/>
                </a:cubicBezTo>
                <a:cubicBezTo>
                  <a:pt x="141" y="249"/>
                  <a:pt x="151" y="237"/>
                  <a:pt x="156" y="226"/>
                </a:cubicBezTo>
                <a:cubicBezTo>
                  <a:pt x="162" y="215"/>
                  <a:pt x="164" y="206"/>
                  <a:pt x="164" y="198"/>
                </a:cubicBezTo>
                <a:cubicBezTo>
                  <a:pt x="164" y="184"/>
                  <a:pt x="158" y="174"/>
                  <a:pt x="148" y="166"/>
                </a:cubicBezTo>
                <a:cubicBezTo>
                  <a:pt x="139" y="158"/>
                  <a:pt x="126" y="153"/>
                  <a:pt x="114" y="153"/>
                </a:cubicBezTo>
                <a:cubicBezTo>
                  <a:pt x="108" y="153"/>
                  <a:pt x="103" y="154"/>
                  <a:pt x="98" y="157"/>
                </a:cubicBezTo>
                <a:cubicBezTo>
                  <a:pt x="95" y="158"/>
                  <a:pt x="91" y="158"/>
                  <a:pt x="88" y="157"/>
                </a:cubicBezTo>
                <a:cubicBezTo>
                  <a:pt x="84" y="155"/>
                  <a:pt x="82" y="153"/>
                  <a:pt x="80" y="149"/>
                </a:cubicBezTo>
                <a:cubicBezTo>
                  <a:pt x="80" y="149"/>
                  <a:pt x="80" y="149"/>
                  <a:pt x="80" y="149"/>
                </a:cubicBezTo>
                <a:cubicBezTo>
                  <a:pt x="80" y="149"/>
                  <a:pt x="80" y="149"/>
                  <a:pt x="80" y="149"/>
                </a:cubicBezTo>
                <a:cubicBezTo>
                  <a:pt x="77" y="140"/>
                  <a:pt x="75" y="132"/>
                  <a:pt x="75" y="122"/>
                </a:cubicBezTo>
                <a:cubicBezTo>
                  <a:pt x="75" y="111"/>
                  <a:pt x="78" y="99"/>
                  <a:pt x="86" y="88"/>
                </a:cubicBezTo>
                <a:cubicBezTo>
                  <a:pt x="94" y="78"/>
                  <a:pt x="106" y="70"/>
                  <a:pt x="121" y="64"/>
                </a:cubicBezTo>
                <a:cubicBezTo>
                  <a:pt x="134" y="59"/>
                  <a:pt x="148" y="56"/>
                  <a:pt x="162" y="56"/>
                </a:cubicBezTo>
                <a:cubicBezTo>
                  <a:pt x="178" y="56"/>
                  <a:pt x="194" y="60"/>
                  <a:pt x="208" y="69"/>
                </a:cubicBezTo>
                <a:cubicBezTo>
                  <a:pt x="222" y="79"/>
                  <a:pt x="233" y="93"/>
                  <a:pt x="238" y="113"/>
                </a:cubicBezTo>
                <a:cubicBezTo>
                  <a:pt x="242" y="126"/>
                  <a:pt x="245" y="143"/>
                  <a:pt x="245" y="162"/>
                </a:cubicBezTo>
                <a:cubicBezTo>
                  <a:pt x="245" y="186"/>
                  <a:pt x="240" y="214"/>
                  <a:pt x="230" y="242"/>
                </a:cubicBezTo>
                <a:cubicBezTo>
                  <a:pt x="219" y="269"/>
                  <a:pt x="202" y="296"/>
                  <a:pt x="176" y="318"/>
                </a:cubicBezTo>
                <a:cubicBezTo>
                  <a:pt x="170" y="323"/>
                  <a:pt x="161" y="322"/>
                  <a:pt x="157" y="317"/>
                </a:cubicBezTo>
                <a:cubicBezTo>
                  <a:pt x="152" y="311"/>
                  <a:pt x="153" y="303"/>
                  <a:pt x="159" y="298"/>
                </a:cubicBezTo>
                <a:cubicBezTo>
                  <a:pt x="181" y="279"/>
                  <a:pt x="196" y="256"/>
                  <a:pt x="205" y="232"/>
                </a:cubicBezTo>
                <a:cubicBezTo>
                  <a:pt x="214" y="208"/>
                  <a:pt x="218" y="183"/>
                  <a:pt x="218" y="162"/>
                </a:cubicBezTo>
                <a:cubicBezTo>
                  <a:pt x="218" y="145"/>
                  <a:pt x="216" y="130"/>
                  <a:pt x="213" y="120"/>
                </a:cubicBezTo>
                <a:cubicBezTo>
                  <a:pt x="208" y="106"/>
                  <a:pt x="201" y="97"/>
                  <a:pt x="193" y="91"/>
                </a:cubicBezTo>
                <a:cubicBezTo>
                  <a:pt x="184" y="85"/>
                  <a:pt x="174" y="82"/>
                  <a:pt x="162" y="82"/>
                </a:cubicBezTo>
                <a:cubicBezTo>
                  <a:pt x="152" y="82"/>
                  <a:pt x="141" y="85"/>
                  <a:pt x="131" y="89"/>
                </a:cubicBezTo>
                <a:cubicBezTo>
                  <a:pt x="119" y="93"/>
                  <a:pt x="112" y="99"/>
                  <a:pt x="108" y="104"/>
                </a:cubicBezTo>
                <a:cubicBezTo>
                  <a:pt x="104" y="110"/>
                  <a:pt x="102" y="116"/>
                  <a:pt x="102" y="122"/>
                </a:cubicBezTo>
                <a:cubicBezTo>
                  <a:pt x="102" y="124"/>
                  <a:pt x="102" y="126"/>
                  <a:pt x="102" y="128"/>
                </a:cubicBezTo>
                <a:cubicBezTo>
                  <a:pt x="106" y="127"/>
                  <a:pt x="110" y="127"/>
                  <a:pt x="114" y="127"/>
                </a:cubicBezTo>
                <a:cubicBezTo>
                  <a:pt x="132" y="127"/>
                  <a:pt x="151" y="133"/>
                  <a:pt x="165" y="145"/>
                </a:cubicBezTo>
                <a:cubicBezTo>
                  <a:pt x="180" y="157"/>
                  <a:pt x="191" y="176"/>
                  <a:pt x="191" y="198"/>
                </a:cubicBezTo>
                <a:cubicBezTo>
                  <a:pt x="191" y="211"/>
                  <a:pt x="187" y="224"/>
                  <a:pt x="180" y="238"/>
                </a:cubicBezTo>
                <a:cubicBezTo>
                  <a:pt x="173" y="252"/>
                  <a:pt x="162" y="267"/>
                  <a:pt x="146" y="282"/>
                </a:cubicBezTo>
                <a:cubicBezTo>
                  <a:pt x="134" y="294"/>
                  <a:pt x="124" y="302"/>
                  <a:pt x="114" y="308"/>
                </a:cubicBezTo>
                <a:cubicBezTo>
                  <a:pt x="104" y="313"/>
                  <a:pt x="95" y="317"/>
                  <a:pt x="86" y="317"/>
                </a:cubicBezTo>
                <a:cubicBezTo>
                  <a:pt x="81" y="317"/>
                  <a:pt x="76" y="316"/>
                  <a:pt x="71" y="313"/>
                </a:cubicBezTo>
                <a:cubicBezTo>
                  <a:pt x="67" y="311"/>
                  <a:pt x="63" y="307"/>
                  <a:pt x="60" y="304"/>
                </a:cubicBezTo>
                <a:cubicBezTo>
                  <a:pt x="59" y="301"/>
                  <a:pt x="57" y="298"/>
                  <a:pt x="56" y="295"/>
                </a:cubicBezTo>
                <a:cubicBezTo>
                  <a:pt x="51" y="304"/>
                  <a:pt x="46" y="312"/>
                  <a:pt x="43" y="320"/>
                </a:cubicBezTo>
                <a:cubicBezTo>
                  <a:pt x="31" y="343"/>
                  <a:pt x="26" y="360"/>
                  <a:pt x="26" y="372"/>
                </a:cubicBezTo>
                <a:cubicBezTo>
                  <a:pt x="26" y="379"/>
                  <a:pt x="28" y="384"/>
                  <a:pt x="30" y="389"/>
                </a:cubicBezTo>
                <a:cubicBezTo>
                  <a:pt x="33" y="393"/>
                  <a:pt x="37" y="397"/>
                  <a:pt x="43" y="401"/>
                </a:cubicBezTo>
                <a:cubicBezTo>
                  <a:pt x="52" y="406"/>
                  <a:pt x="66" y="411"/>
                  <a:pt x="81" y="410"/>
                </a:cubicBezTo>
                <a:cubicBezTo>
                  <a:pt x="100" y="410"/>
                  <a:pt x="121" y="404"/>
                  <a:pt x="142" y="385"/>
                </a:cubicBezTo>
                <a:cubicBezTo>
                  <a:pt x="192" y="336"/>
                  <a:pt x="226" y="292"/>
                  <a:pt x="247" y="254"/>
                </a:cubicBezTo>
                <a:cubicBezTo>
                  <a:pt x="268" y="215"/>
                  <a:pt x="276" y="181"/>
                  <a:pt x="276" y="153"/>
                </a:cubicBezTo>
                <a:cubicBezTo>
                  <a:pt x="276" y="117"/>
                  <a:pt x="263" y="89"/>
                  <a:pt x="244" y="68"/>
                </a:cubicBezTo>
                <a:cubicBezTo>
                  <a:pt x="225" y="47"/>
                  <a:pt x="199" y="34"/>
                  <a:pt x="174" y="29"/>
                </a:cubicBezTo>
                <a:cubicBezTo>
                  <a:pt x="166" y="27"/>
                  <a:pt x="158" y="26"/>
                  <a:pt x="151" y="26"/>
                </a:cubicBezTo>
                <a:cubicBezTo>
                  <a:pt x="134" y="26"/>
                  <a:pt x="119" y="30"/>
                  <a:pt x="106" y="37"/>
                </a:cubicBezTo>
                <a:cubicBezTo>
                  <a:pt x="94" y="44"/>
                  <a:pt x="82" y="53"/>
                  <a:pt x="73" y="64"/>
                </a:cubicBezTo>
                <a:cubicBezTo>
                  <a:pt x="55" y="86"/>
                  <a:pt x="45" y="115"/>
                  <a:pt x="46" y="136"/>
                </a:cubicBezTo>
                <a:cubicBezTo>
                  <a:pt x="46" y="139"/>
                  <a:pt x="46" y="142"/>
                  <a:pt x="46" y="145"/>
                </a:cubicBezTo>
                <a:cubicBezTo>
                  <a:pt x="47" y="152"/>
                  <a:pt x="42" y="159"/>
                  <a:pt x="35" y="160"/>
                </a:cubicBezTo>
                <a:cubicBezTo>
                  <a:pt x="27" y="160"/>
                  <a:pt x="21" y="155"/>
                  <a:pt x="20" y="148"/>
                </a:cubicBezTo>
                <a:cubicBezTo>
                  <a:pt x="19" y="144"/>
                  <a:pt x="19" y="140"/>
                  <a:pt x="19" y="136"/>
                </a:cubicBezTo>
                <a:cubicBezTo>
                  <a:pt x="19" y="115"/>
                  <a:pt x="26" y="91"/>
                  <a:pt x="38" y="69"/>
                </a:cubicBezTo>
                <a:cubicBezTo>
                  <a:pt x="51" y="47"/>
                  <a:pt x="69" y="26"/>
                  <a:pt x="94" y="13"/>
                </a:cubicBezTo>
                <a:cubicBezTo>
                  <a:pt x="110" y="5"/>
                  <a:pt x="130" y="0"/>
                  <a:pt x="151" y="0"/>
                </a:cubicBezTo>
                <a:cubicBezTo>
                  <a:pt x="160" y="0"/>
                  <a:pt x="170" y="1"/>
                  <a:pt x="180" y="3"/>
                </a:cubicBezTo>
                <a:cubicBezTo>
                  <a:pt x="210" y="9"/>
                  <a:pt x="240" y="25"/>
                  <a:pt x="264" y="50"/>
                </a:cubicBezTo>
                <a:cubicBezTo>
                  <a:pt x="287" y="75"/>
                  <a:pt x="303" y="110"/>
                  <a:pt x="303" y="153"/>
                </a:cubicBezTo>
                <a:cubicBezTo>
                  <a:pt x="303" y="187"/>
                  <a:pt x="293" y="224"/>
                  <a:pt x="271" y="266"/>
                </a:cubicBezTo>
                <a:cubicBezTo>
                  <a:pt x="248" y="308"/>
                  <a:pt x="212" y="354"/>
                  <a:pt x="160" y="404"/>
                </a:cubicBezTo>
                <a:cubicBezTo>
                  <a:pt x="135" y="428"/>
                  <a:pt x="107" y="437"/>
                  <a:pt x="82" y="437"/>
                </a:cubicBezTo>
                <a:cubicBezTo>
                  <a:pt x="82" y="437"/>
                  <a:pt x="82" y="437"/>
                  <a:pt x="81" y="437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92" name="Group 319"/>
          <p:cNvGrpSpPr>
            <a:grpSpLocks noChangeAspect="1"/>
          </p:cNvGrpSpPr>
          <p:nvPr userDrawn="1"/>
        </p:nvGrpSpPr>
        <p:grpSpPr bwMode="auto">
          <a:xfrm>
            <a:off x="7631288" y="1168800"/>
            <a:ext cx="266700" cy="506413"/>
            <a:chOff x="2579" y="548"/>
            <a:chExt cx="168" cy="319"/>
          </a:xfrm>
          <a:noFill/>
        </p:grpSpPr>
        <p:sp>
          <p:nvSpPr>
            <p:cNvPr id="93" name="Freeform 320"/>
            <p:cNvSpPr>
              <a:spLocks/>
            </p:cNvSpPr>
            <p:nvPr/>
          </p:nvSpPr>
          <p:spPr bwMode="auto">
            <a:xfrm>
              <a:off x="2579" y="548"/>
              <a:ext cx="168" cy="319"/>
            </a:xfrm>
            <a:custGeom>
              <a:avLst/>
              <a:gdLst/>
              <a:ahLst/>
              <a:cxnLst>
                <a:cxn ang="0">
                  <a:pos x="197" y="418"/>
                </a:cxn>
                <a:cxn ang="0">
                  <a:pos x="0" y="369"/>
                </a:cxn>
                <a:cxn ang="0">
                  <a:pos x="0" y="61"/>
                </a:cxn>
                <a:cxn ang="0">
                  <a:pos x="79" y="33"/>
                </a:cxn>
                <a:cxn ang="0">
                  <a:pos x="88" y="31"/>
                </a:cxn>
                <a:cxn ang="0">
                  <a:pos x="88" y="7"/>
                </a:cxn>
                <a:cxn ang="0">
                  <a:pos x="147" y="7"/>
                </a:cxn>
                <a:cxn ang="0">
                  <a:pos x="147" y="32"/>
                </a:cxn>
                <a:cxn ang="0">
                  <a:pos x="151" y="32"/>
                </a:cxn>
                <a:cxn ang="0">
                  <a:pos x="235" y="61"/>
                </a:cxn>
                <a:cxn ang="0">
                  <a:pos x="235" y="369"/>
                </a:cxn>
              </a:cxnLst>
              <a:rect l="0" t="0" r="r" b="b"/>
              <a:pathLst>
                <a:path w="235" h="449">
                  <a:moveTo>
                    <a:pt x="197" y="418"/>
                  </a:moveTo>
                  <a:cubicBezTo>
                    <a:pt x="130" y="449"/>
                    <a:pt x="0" y="433"/>
                    <a:pt x="0" y="369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0" y="45"/>
                    <a:pt x="35" y="36"/>
                    <a:pt x="79" y="33"/>
                  </a:cubicBezTo>
                  <a:cubicBezTo>
                    <a:pt x="88" y="31"/>
                    <a:pt x="88" y="31"/>
                    <a:pt x="88" y="31"/>
                  </a:cubicBezTo>
                  <a:cubicBezTo>
                    <a:pt x="88" y="7"/>
                    <a:pt x="88" y="7"/>
                    <a:pt x="88" y="7"/>
                  </a:cubicBezTo>
                  <a:cubicBezTo>
                    <a:pt x="88" y="0"/>
                    <a:pt x="147" y="0"/>
                    <a:pt x="147" y="7"/>
                  </a:cubicBezTo>
                  <a:cubicBezTo>
                    <a:pt x="147" y="32"/>
                    <a:pt x="147" y="32"/>
                    <a:pt x="147" y="32"/>
                  </a:cubicBezTo>
                  <a:cubicBezTo>
                    <a:pt x="151" y="32"/>
                    <a:pt x="151" y="32"/>
                    <a:pt x="151" y="32"/>
                  </a:cubicBezTo>
                  <a:cubicBezTo>
                    <a:pt x="197" y="35"/>
                    <a:pt x="235" y="45"/>
                    <a:pt x="235" y="61"/>
                  </a:cubicBezTo>
                  <a:cubicBezTo>
                    <a:pt x="235" y="369"/>
                    <a:pt x="235" y="369"/>
                    <a:pt x="235" y="369"/>
                  </a:cubicBezTo>
                </a:path>
              </a:pathLst>
            </a:custGeom>
            <a:grpFill/>
            <a:ln w="28575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4" name="Freeform 321"/>
            <p:cNvSpPr>
              <a:spLocks/>
            </p:cNvSpPr>
            <p:nvPr/>
          </p:nvSpPr>
          <p:spPr bwMode="auto">
            <a:xfrm>
              <a:off x="2626" y="590"/>
              <a:ext cx="121" cy="19"/>
            </a:xfrm>
            <a:custGeom>
              <a:avLst/>
              <a:gdLst/>
              <a:ahLst/>
              <a:cxnLst>
                <a:cxn ang="0">
                  <a:pos x="169" y="0"/>
                </a:cxn>
                <a:cxn ang="0">
                  <a:pos x="51" y="27"/>
                </a:cxn>
                <a:cxn ang="0">
                  <a:pos x="0" y="24"/>
                </a:cxn>
              </a:cxnLst>
              <a:rect l="0" t="0" r="r" b="b"/>
              <a:pathLst>
                <a:path w="169" h="27">
                  <a:moveTo>
                    <a:pt x="169" y="0"/>
                  </a:moveTo>
                  <a:cubicBezTo>
                    <a:pt x="169" y="15"/>
                    <a:pt x="117" y="27"/>
                    <a:pt x="51" y="27"/>
                  </a:cubicBezTo>
                  <a:cubicBezTo>
                    <a:pt x="33" y="27"/>
                    <a:pt x="15" y="26"/>
                    <a:pt x="0" y="24"/>
                  </a:cubicBezTo>
                </a:path>
              </a:pathLst>
            </a:custGeom>
            <a:grpFill/>
            <a:ln w="28575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95" name="Freeform 389"/>
          <p:cNvSpPr>
            <a:spLocks/>
          </p:cNvSpPr>
          <p:nvPr userDrawn="1"/>
        </p:nvSpPr>
        <p:spPr bwMode="auto">
          <a:xfrm>
            <a:off x="7549532" y="4511961"/>
            <a:ext cx="430213" cy="298450"/>
          </a:xfrm>
          <a:custGeom>
            <a:avLst/>
            <a:gdLst/>
            <a:ahLst/>
            <a:cxnLst>
              <a:cxn ang="0">
                <a:pos x="274" y="19"/>
              </a:cxn>
              <a:cxn ang="0">
                <a:pos x="255" y="64"/>
              </a:cxn>
              <a:cxn ang="0">
                <a:pos x="256" y="75"/>
              </a:cxn>
              <a:cxn ang="0">
                <a:pos x="151" y="181"/>
              </a:cxn>
              <a:cxn ang="0">
                <a:pos x="142" y="202"/>
              </a:cxn>
              <a:cxn ang="0">
                <a:pos x="142" y="202"/>
              </a:cxn>
              <a:cxn ang="0">
                <a:pos x="147" y="220"/>
              </a:cxn>
              <a:cxn ang="0">
                <a:pos x="123" y="235"/>
              </a:cxn>
              <a:cxn ang="0">
                <a:pos x="104" y="233"/>
              </a:cxn>
              <a:cxn ang="0">
                <a:pos x="100" y="213"/>
              </a:cxn>
              <a:cxn ang="0">
                <a:pos x="81" y="170"/>
              </a:cxn>
              <a:cxn ang="0">
                <a:pos x="32" y="182"/>
              </a:cxn>
              <a:cxn ang="0">
                <a:pos x="7" y="218"/>
              </a:cxn>
              <a:cxn ang="0">
                <a:pos x="5" y="221"/>
              </a:cxn>
              <a:cxn ang="0">
                <a:pos x="6" y="221"/>
              </a:cxn>
              <a:cxn ang="0">
                <a:pos x="5" y="239"/>
              </a:cxn>
              <a:cxn ang="0">
                <a:pos x="23" y="241"/>
              </a:cxn>
              <a:cxn ang="0">
                <a:pos x="30" y="231"/>
              </a:cxn>
              <a:cxn ang="0">
                <a:pos x="31" y="231"/>
              </a:cxn>
              <a:cxn ang="0">
                <a:pos x="70" y="194"/>
              </a:cxn>
              <a:cxn ang="0">
                <a:pos x="73" y="211"/>
              </a:cxn>
              <a:cxn ang="0">
                <a:pos x="89" y="255"/>
              </a:cxn>
              <a:cxn ang="0">
                <a:pos x="129" y="261"/>
              </a:cxn>
              <a:cxn ang="0">
                <a:pos x="176" y="225"/>
              </a:cxn>
              <a:cxn ang="0">
                <a:pos x="178" y="219"/>
              </a:cxn>
              <a:cxn ang="0">
                <a:pos x="174" y="209"/>
              </a:cxn>
              <a:cxn ang="0">
                <a:pos x="170" y="205"/>
              </a:cxn>
              <a:cxn ang="0">
                <a:pos x="168" y="202"/>
              </a:cxn>
              <a:cxn ang="0">
                <a:pos x="170" y="200"/>
              </a:cxn>
              <a:cxn ang="0">
                <a:pos x="280" y="89"/>
              </a:cxn>
              <a:cxn ang="0">
                <a:pos x="284" y="76"/>
              </a:cxn>
              <a:cxn ang="0">
                <a:pos x="293" y="38"/>
              </a:cxn>
              <a:cxn ang="0">
                <a:pos x="319" y="27"/>
              </a:cxn>
              <a:cxn ang="0">
                <a:pos x="346" y="38"/>
              </a:cxn>
              <a:cxn ang="0">
                <a:pos x="357" y="65"/>
              </a:cxn>
              <a:cxn ang="0">
                <a:pos x="346" y="91"/>
              </a:cxn>
              <a:cxn ang="0">
                <a:pos x="308" y="100"/>
              </a:cxn>
              <a:cxn ang="0">
                <a:pos x="295" y="104"/>
              </a:cxn>
              <a:cxn ang="0">
                <a:pos x="193" y="206"/>
              </a:cxn>
              <a:cxn ang="0">
                <a:pos x="193" y="225"/>
              </a:cxn>
              <a:cxn ang="0">
                <a:pos x="212" y="225"/>
              </a:cxn>
              <a:cxn ang="0">
                <a:pos x="308" y="128"/>
              </a:cxn>
              <a:cxn ang="0">
                <a:pos x="365" y="110"/>
              </a:cxn>
              <a:cxn ang="0">
                <a:pos x="383" y="65"/>
              </a:cxn>
              <a:cxn ang="0">
                <a:pos x="365" y="19"/>
              </a:cxn>
              <a:cxn ang="0">
                <a:pos x="319" y="0"/>
              </a:cxn>
              <a:cxn ang="0">
                <a:pos x="274" y="19"/>
              </a:cxn>
            </a:cxnLst>
            <a:rect l="0" t="0" r="r" b="b"/>
            <a:pathLst>
              <a:path w="383" h="264">
                <a:moveTo>
                  <a:pt x="274" y="19"/>
                </a:moveTo>
                <a:cubicBezTo>
                  <a:pt x="262" y="31"/>
                  <a:pt x="255" y="48"/>
                  <a:pt x="255" y="64"/>
                </a:cubicBezTo>
                <a:cubicBezTo>
                  <a:pt x="255" y="68"/>
                  <a:pt x="256" y="72"/>
                  <a:pt x="256" y="75"/>
                </a:cubicBezTo>
                <a:cubicBezTo>
                  <a:pt x="247" y="85"/>
                  <a:pt x="151" y="181"/>
                  <a:pt x="151" y="181"/>
                </a:cubicBezTo>
                <a:cubicBezTo>
                  <a:pt x="145" y="187"/>
                  <a:pt x="142" y="194"/>
                  <a:pt x="142" y="202"/>
                </a:cubicBezTo>
                <a:cubicBezTo>
                  <a:pt x="142" y="202"/>
                  <a:pt x="142" y="202"/>
                  <a:pt x="142" y="202"/>
                </a:cubicBezTo>
                <a:cubicBezTo>
                  <a:pt x="142" y="209"/>
                  <a:pt x="144" y="215"/>
                  <a:pt x="147" y="220"/>
                </a:cubicBezTo>
                <a:cubicBezTo>
                  <a:pt x="141" y="227"/>
                  <a:pt x="132" y="232"/>
                  <a:pt x="123" y="235"/>
                </a:cubicBezTo>
                <a:cubicBezTo>
                  <a:pt x="117" y="236"/>
                  <a:pt x="110" y="237"/>
                  <a:pt x="104" y="233"/>
                </a:cubicBezTo>
                <a:cubicBezTo>
                  <a:pt x="99" y="229"/>
                  <a:pt x="99" y="225"/>
                  <a:pt x="100" y="213"/>
                </a:cubicBezTo>
                <a:cubicBezTo>
                  <a:pt x="101" y="201"/>
                  <a:pt x="103" y="180"/>
                  <a:pt x="81" y="170"/>
                </a:cubicBezTo>
                <a:cubicBezTo>
                  <a:pt x="71" y="165"/>
                  <a:pt x="52" y="161"/>
                  <a:pt x="32" y="182"/>
                </a:cubicBezTo>
                <a:cubicBezTo>
                  <a:pt x="21" y="193"/>
                  <a:pt x="13" y="208"/>
                  <a:pt x="7" y="218"/>
                </a:cubicBezTo>
                <a:cubicBezTo>
                  <a:pt x="6" y="221"/>
                  <a:pt x="5" y="221"/>
                  <a:pt x="5" y="221"/>
                </a:cubicBezTo>
                <a:cubicBezTo>
                  <a:pt x="6" y="221"/>
                  <a:pt x="6" y="221"/>
                  <a:pt x="6" y="221"/>
                </a:cubicBezTo>
                <a:cubicBezTo>
                  <a:pt x="1" y="225"/>
                  <a:pt x="0" y="234"/>
                  <a:pt x="5" y="239"/>
                </a:cubicBezTo>
                <a:cubicBezTo>
                  <a:pt x="10" y="245"/>
                  <a:pt x="17" y="246"/>
                  <a:pt x="23" y="241"/>
                </a:cubicBezTo>
                <a:cubicBezTo>
                  <a:pt x="25" y="239"/>
                  <a:pt x="28" y="236"/>
                  <a:pt x="30" y="231"/>
                </a:cubicBezTo>
                <a:cubicBezTo>
                  <a:pt x="30" y="231"/>
                  <a:pt x="31" y="231"/>
                  <a:pt x="31" y="231"/>
                </a:cubicBezTo>
                <a:cubicBezTo>
                  <a:pt x="45" y="204"/>
                  <a:pt x="57" y="188"/>
                  <a:pt x="70" y="194"/>
                </a:cubicBezTo>
                <a:cubicBezTo>
                  <a:pt x="74" y="196"/>
                  <a:pt x="75" y="197"/>
                  <a:pt x="73" y="211"/>
                </a:cubicBezTo>
                <a:cubicBezTo>
                  <a:pt x="72" y="223"/>
                  <a:pt x="71" y="242"/>
                  <a:pt x="89" y="255"/>
                </a:cubicBezTo>
                <a:cubicBezTo>
                  <a:pt x="100" y="262"/>
                  <a:pt x="114" y="264"/>
                  <a:pt x="129" y="261"/>
                </a:cubicBezTo>
                <a:cubicBezTo>
                  <a:pt x="148" y="256"/>
                  <a:pt x="167" y="242"/>
                  <a:pt x="176" y="225"/>
                </a:cubicBezTo>
                <a:cubicBezTo>
                  <a:pt x="176" y="225"/>
                  <a:pt x="178" y="219"/>
                  <a:pt x="178" y="219"/>
                </a:cubicBezTo>
                <a:cubicBezTo>
                  <a:pt x="179" y="215"/>
                  <a:pt x="177" y="213"/>
                  <a:pt x="174" y="209"/>
                </a:cubicBezTo>
                <a:cubicBezTo>
                  <a:pt x="170" y="205"/>
                  <a:pt x="170" y="205"/>
                  <a:pt x="170" y="205"/>
                </a:cubicBezTo>
                <a:cubicBezTo>
                  <a:pt x="169" y="204"/>
                  <a:pt x="168" y="203"/>
                  <a:pt x="168" y="202"/>
                </a:cubicBezTo>
                <a:cubicBezTo>
                  <a:pt x="168" y="202"/>
                  <a:pt x="169" y="201"/>
                  <a:pt x="170" y="200"/>
                </a:cubicBezTo>
                <a:cubicBezTo>
                  <a:pt x="280" y="89"/>
                  <a:pt x="280" y="89"/>
                  <a:pt x="280" y="89"/>
                </a:cubicBezTo>
                <a:cubicBezTo>
                  <a:pt x="284" y="86"/>
                  <a:pt x="285" y="80"/>
                  <a:pt x="284" y="76"/>
                </a:cubicBezTo>
                <a:cubicBezTo>
                  <a:pt x="279" y="62"/>
                  <a:pt x="283" y="48"/>
                  <a:pt x="293" y="38"/>
                </a:cubicBezTo>
                <a:cubicBezTo>
                  <a:pt x="300" y="31"/>
                  <a:pt x="309" y="27"/>
                  <a:pt x="319" y="27"/>
                </a:cubicBezTo>
                <a:cubicBezTo>
                  <a:pt x="329" y="27"/>
                  <a:pt x="339" y="31"/>
                  <a:pt x="346" y="38"/>
                </a:cubicBezTo>
                <a:cubicBezTo>
                  <a:pt x="353" y="45"/>
                  <a:pt x="357" y="55"/>
                  <a:pt x="357" y="65"/>
                </a:cubicBezTo>
                <a:cubicBezTo>
                  <a:pt x="357" y="75"/>
                  <a:pt x="353" y="84"/>
                  <a:pt x="346" y="91"/>
                </a:cubicBezTo>
                <a:cubicBezTo>
                  <a:pt x="336" y="101"/>
                  <a:pt x="322" y="104"/>
                  <a:pt x="308" y="100"/>
                </a:cubicBezTo>
                <a:cubicBezTo>
                  <a:pt x="304" y="99"/>
                  <a:pt x="298" y="100"/>
                  <a:pt x="295" y="104"/>
                </a:cubicBezTo>
                <a:cubicBezTo>
                  <a:pt x="193" y="206"/>
                  <a:pt x="193" y="206"/>
                  <a:pt x="193" y="206"/>
                </a:cubicBezTo>
                <a:cubicBezTo>
                  <a:pt x="188" y="211"/>
                  <a:pt x="188" y="219"/>
                  <a:pt x="193" y="225"/>
                </a:cubicBezTo>
                <a:cubicBezTo>
                  <a:pt x="198" y="230"/>
                  <a:pt x="206" y="230"/>
                  <a:pt x="212" y="225"/>
                </a:cubicBezTo>
                <a:cubicBezTo>
                  <a:pt x="212" y="225"/>
                  <a:pt x="299" y="137"/>
                  <a:pt x="308" y="128"/>
                </a:cubicBezTo>
                <a:cubicBezTo>
                  <a:pt x="329" y="131"/>
                  <a:pt x="350" y="125"/>
                  <a:pt x="365" y="110"/>
                </a:cubicBezTo>
                <a:cubicBezTo>
                  <a:pt x="377" y="98"/>
                  <a:pt x="383" y="82"/>
                  <a:pt x="383" y="65"/>
                </a:cubicBezTo>
                <a:cubicBezTo>
                  <a:pt x="383" y="47"/>
                  <a:pt x="377" y="31"/>
                  <a:pt x="365" y="19"/>
                </a:cubicBezTo>
                <a:cubicBezTo>
                  <a:pt x="353" y="7"/>
                  <a:pt x="336" y="0"/>
                  <a:pt x="319" y="0"/>
                </a:cubicBezTo>
                <a:cubicBezTo>
                  <a:pt x="302" y="0"/>
                  <a:pt x="286" y="7"/>
                  <a:pt x="274" y="1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6" name="Freeform 457"/>
          <p:cNvSpPr>
            <a:spLocks noEditPoints="1"/>
          </p:cNvSpPr>
          <p:nvPr userDrawn="1"/>
        </p:nvSpPr>
        <p:spPr bwMode="auto">
          <a:xfrm>
            <a:off x="7596363" y="2405280"/>
            <a:ext cx="336550" cy="473075"/>
          </a:xfrm>
          <a:custGeom>
            <a:avLst/>
            <a:gdLst/>
            <a:ahLst/>
            <a:cxnLst>
              <a:cxn ang="0">
                <a:pos x="139" y="0"/>
              </a:cxn>
              <a:cxn ang="0">
                <a:pos x="60" y="45"/>
              </a:cxn>
              <a:cxn ang="0">
                <a:pos x="66" y="70"/>
              </a:cxn>
              <a:cxn ang="0">
                <a:pos x="200" y="115"/>
              </a:cxn>
              <a:cxn ang="0">
                <a:pos x="146" y="150"/>
              </a:cxn>
              <a:cxn ang="0">
                <a:pos x="141" y="194"/>
              </a:cxn>
              <a:cxn ang="0">
                <a:pos x="141" y="220"/>
              </a:cxn>
              <a:cxn ang="0">
                <a:pos x="146" y="259"/>
              </a:cxn>
              <a:cxn ang="0">
                <a:pos x="128" y="272"/>
              </a:cxn>
              <a:cxn ang="0">
                <a:pos x="146" y="286"/>
              </a:cxn>
              <a:cxn ang="0">
                <a:pos x="65" y="322"/>
              </a:cxn>
              <a:cxn ang="0">
                <a:pos x="26" y="322"/>
              </a:cxn>
              <a:cxn ang="0">
                <a:pos x="46" y="255"/>
              </a:cxn>
              <a:cxn ang="0">
                <a:pos x="78" y="248"/>
              </a:cxn>
              <a:cxn ang="0">
                <a:pos x="125" y="210"/>
              </a:cxn>
              <a:cxn ang="0">
                <a:pos x="68" y="223"/>
              </a:cxn>
              <a:cxn ang="0">
                <a:pos x="45" y="228"/>
              </a:cxn>
              <a:cxn ang="0">
                <a:pos x="26" y="158"/>
              </a:cxn>
              <a:cxn ang="0">
                <a:pos x="78" y="123"/>
              </a:cxn>
              <a:cxn ang="0">
                <a:pos x="65" y="84"/>
              </a:cxn>
              <a:cxn ang="0">
                <a:pos x="52" y="115"/>
              </a:cxn>
              <a:cxn ang="0">
                <a:pos x="0" y="150"/>
              </a:cxn>
              <a:cxn ang="0">
                <a:pos x="13" y="348"/>
              </a:cxn>
              <a:cxn ang="0">
                <a:pos x="52" y="406"/>
              </a:cxn>
              <a:cxn ang="0">
                <a:pos x="213" y="419"/>
              </a:cxn>
              <a:cxn ang="0">
                <a:pos x="226" y="309"/>
              </a:cxn>
              <a:cxn ang="0">
                <a:pos x="222" y="300"/>
              </a:cxn>
              <a:cxn ang="0">
                <a:pos x="221" y="298"/>
              </a:cxn>
              <a:cxn ang="0">
                <a:pos x="220" y="298"/>
              </a:cxn>
              <a:cxn ang="0">
                <a:pos x="219" y="297"/>
              </a:cxn>
              <a:cxn ang="0">
                <a:pos x="218" y="297"/>
              </a:cxn>
              <a:cxn ang="0">
                <a:pos x="216" y="296"/>
              </a:cxn>
              <a:cxn ang="0">
                <a:pos x="214" y="296"/>
              </a:cxn>
              <a:cxn ang="0">
                <a:pos x="212" y="296"/>
              </a:cxn>
              <a:cxn ang="0">
                <a:pos x="207" y="297"/>
              </a:cxn>
              <a:cxn ang="0">
                <a:pos x="207" y="297"/>
              </a:cxn>
              <a:cxn ang="0">
                <a:pos x="206" y="297"/>
              </a:cxn>
              <a:cxn ang="0">
                <a:pos x="173" y="158"/>
              </a:cxn>
              <a:cxn ang="0">
                <a:pos x="226" y="123"/>
              </a:cxn>
              <a:cxn ang="0">
                <a:pos x="213" y="43"/>
              </a:cxn>
              <a:cxn ang="0">
                <a:pos x="143" y="27"/>
              </a:cxn>
              <a:cxn ang="0">
                <a:pos x="272" y="357"/>
              </a:cxn>
              <a:cxn ang="0">
                <a:pos x="237" y="392"/>
              </a:cxn>
              <a:cxn ang="0">
                <a:pos x="292" y="377"/>
              </a:cxn>
              <a:cxn ang="0">
                <a:pos x="298" y="14"/>
              </a:cxn>
              <a:cxn ang="0">
                <a:pos x="78" y="348"/>
              </a:cxn>
              <a:cxn ang="0">
                <a:pos x="164" y="348"/>
              </a:cxn>
              <a:cxn ang="0">
                <a:pos x="200" y="331"/>
              </a:cxn>
              <a:cxn ang="0">
                <a:pos x="78" y="392"/>
              </a:cxn>
            </a:cxnLst>
            <a:rect l="0" t="0" r="r" b="b"/>
            <a:pathLst>
              <a:path w="298" h="419">
                <a:moveTo>
                  <a:pt x="285" y="0"/>
                </a:moveTo>
                <a:cubicBezTo>
                  <a:pt x="139" y="0"/>
                  <a:pt x="139" y="0"/>
                  <a:pt x="139" y="0"/>
                </a:cubicBezTo>
                <a:cubicBezTo>
                  <a:pt x="137" y="0"/>
                  <a:pt x="134" y="1"/>
                  <a:pt x="132" y="2"/>
                </a:cubicBezTo>
                <a:cubicBezTo>
                  <a:pt x="60" y="45"/>
                  <a:pt x="60" y="45"/>
                  <a:pt x="60" y="45"/>
                </a:cubicBezTo>
                <a:cubicBezTo>
                  <a:pt x="54" y="48"/>
                  <a:pt x="52" y="54"/>
                  <a:pt x="53" y="60"/>
                </a:cubicBezTo>
                <a:cubicBezTo>
                  <a:pt x="55" y="66"/>
                  <a:pt x="60" y="70"/>
                  <a:pt x="66" y="70"/>
                </a:cubicBezTo>
                <a:cubicBezTo>
                  <a:pt x="200" y="70"/>
                  <a:pt x="200" y="70"/>
                  <a:pt x="200" y="70"/>
                </a:cubicBezTo>
                <a:cubicBezTo>
                  <a:pt x="200" y="115"/>
                  <a:pt x="200" y="115"/>
                  <a:pt x="200" y="115"/>
                </a:cubicBezTo>
                <a:cubicBezTo>
                  <a:pt x="154" y="138"/>
                  <a:pt x="154" y="138"/>
                  <a:pt x="154" y="138"/>
                </a:cubicBezTo>
                <a:cubicBezTo>
                  <a:pt x="149" y="140"/>
                  <a:pt x="146" y="144"/>
                  <a:pt x="146" y="150"/>
                </a:cubicBezTo>
                <a:cubicBezTo>
                  <a:pt x="146" y="194"/>
                  <a:pt x="146" y="194"/>
                  <a:pt x="146" y="194"/>
                </a:cubicBezTo>
                <a:cubicBezTo>
                  <a:pt x="141" y="194"/>
                  <a:pt x="141" y="194"/>
                  <a:pt x="141" y="194"/>
                </a:cubicBezTo>
                <a:cubicBezTo>
                  <a:pt x="134" y="194"/>
                  <a:pt x="128" y="200"/>
                  <a:pt x="128" y="207"/>
                </a:cubicBezTo>
                <a:cubicBezTo>
                  <a:pt x="128" y="214"/>
                  <a:pt x="134" y="220"/>
                  <a:pt x="141" y="220"/>
                </a:cubicBezTo>
                <a:cubicBezTo>
                  <a:pt x="146" y="220"/>
                  <a:pt x="146" y="220"/>
                  <a:pt x="146" y="220"/>
                </a:cubicBezTo>
                <a:cubicBezTo>
                  <a:pt x="146" y="259"/>
                  <a:pt x="146" y="259"/>
                  <a:pt x="146" y="259"/>
                </a:cubicBezTo>
                <a:cubicBezTo>
                  <a:pt x="141" y="259"/>
                  <a:pt x="141" y="259"/>
                  <a:pt x="141" y="259"/>
                </a:cubicBezTo>
                <a:cubicBezTo>
                  <a:pt x="134" y="259"/>
                  <a:pt x="128" y="265"/>
                  <a:pt x="128" y="272"/>
                </a:cubicBezTo>
                <a:cubicBezTo>
                  <a:pt x="128" y="280"/>
                  <a:pt x="134" y="286"/>
                  <a:pt x="141" y="286"/>
                </a:cubicBezTo>
                <a:cubicBezTo>
                  <a:pt x="146" y="286"/>
                  <a:pt x="146" y="286"/>
                  <a:pt x="146" y="286"/>
                </a:cubicBezTo>
                <a:cubicBezTo>
                  <a:pt x="146" y="322"/>
                  <a:pt x="146" y="322"/>
                  <a:pt x="146" y="322"/>
                </a:cubicBezTo>
                <a:cubicBezTo>
                  <a:pt x="65" y="322"/>
                  <a:pt x="65" y="322"/>
                  <a:pt x="65" y="322"/>
                </a:cubicBezTo>
                <a:cubicBezTo>
                  <a:pt x="54" y="322"/>
                  <a:pt x="54" y="322"/>
                  <a:pt x="54" y="322"/>
                </a:cubicBezTo>
                <a:cubicBezTo>
                  <a:pt x="26" y="322"/>
                  <a:pt x="26" y="322"/>
                  <a:pt x="26" y="322"/>
                </a:cubicBezTo>
                <a:cubicBezTo>
                  <a:pt x="26" y="255"/>
                  <a:pt x="26" y="255"/>
                  <a:pt x="26" y="255"/>
                </a:cubicBezTo>
                <a:cubicBezTo>
                  <a:pt x="46" y="255"/>
                  <a:pt x="46" y="255"/>
                  <a:pt x="46" y="255"/>
                </a:cubicBezTo>
                <a:cubicBezTo>
                  <a:pt x="49" y="259"/>
                  <a:pt x="54" y="261"/>
                  <a:pt x="60" y="261"/>
                </a:cubicBezTo>
                <a:cubicBezTo>
                  <a:pt x="68" y="261"/>
                  <a:pt x="75" y="255"/>
                  <a:pt x="78" y="248"/>
                </a:cubicBezTo>
                <a:cubicBezTo>
                  <a:pt x="119" y="228"/>
                  <a:pt x="119" y="228"/>
                  <a:pt x="119" y="228"/>
                </a:cubicBezTo>
                <a:cubicBezTo>
                  <a:pt x="125" y="225"/>
                  <a:pt x="128" y="217"/>
                  <a:pt x="125" y="210"/>
                </a:cubicBezTo>
                <a:cubicBezTo>
                  <a:pt x="122" y="204"/>
                  <a:pt x="114" y="201"/>
                  <a:pt x="107" y="204"/>
                </a:cubicBezTo>
                <a:cubicBezTo>
                  <a:pt x="68" y="223"/>
                  <a:pt x="68" y="223"/>
                  <a:pt x="68" y="223"/>
                </a:cubicBezTo>
                <a:cubicBezTo>
                  <a:pt x="65" y="222"/>
                  <a:pt x="62" y="221"/>
                  <a:pt x="60" y="221"/>
                </a:cubicBezTo>
                <a:cubicBezTo>
                  <a:pt x="54" y="221"/>
                  <a:pt x="48" y="224"/>
                  <a:pt x="45" y="228"/>
                </a:cubicBezTo>
                <a:cubicBezTo>
                  <a:pt x="26" y="228"/>
                  <a:pt x="26" y="228"/>
                  <a:pt x="26" y="228"/>
                </a:cubicBezTo>
                <a:cubicBezTo>
                  <a:pt x="26" y="158"/>
                  <a:pt x="26" y="158"/>
                  <a:pt x="26" y="158"/>
                </a:cubicBezTo>
                <a:cubicBezTo>
                  <a:pt x="71" y="135"/>
                  <a:pt x="71" y="135"/>
                  <a:pt x="71" y="135"/>
                </a:cubicBezTo>
                <a:cubicBezTo>
                  <a:pt x="76" y="133"/>
                  <a:pt x="78" y="128"/>
                  <a:pt x="78" y="123"/>
                </a:cubicBezTo>
                <a:cubicBezTo>
                  <a:pt x="78" y="98"/>
                  <a:pt x="78" y="98"/>
                  <a:pt x="78" y="98"/>
                </a:cubicBezTo>
                <a:cubicBezTo>
                  <a:pt x="78" y="90"/>
                  <a:pt x="72" y="84"/>
                  <a:pt x="65" y="84"/>
                </a:cubicBezTo>
                <a:cubicBezTo>
                  <a:pt x="58" y="84"/>
                  <a:pt x="52" y="90"/>
                  <a:pt x="52" y="98"/>
                </a:cubicBezTo>
                <a:cubicBezTo>
                  <a:pt x="52" y="115"/>
                  <a:pt x="52" y="115"/>
                  <a:pt x="52" y="115"/>
                </a:cubicBezTo>
                <a:cubicBezTo>
                  <a:pt x="7" y="138"/>
                  <a:pt x="7" y="138"/>
                  <a:pt x="7" y="138"/>
                </a:cubicBezTo>
                <a:cubicBezTo>
                  <a:pt x="2" y="140"/>
                  <a:pt x="0" y="144"/>
                  <a:pt x="0" y="150"/>
                </a:cubicBezTo>
                <a:cubicBezTo>
                  <a:pt x="0" y="335"/>
                  <a:pt x="0" y="335"/>
                  <a:pt x="0" y="335"/>
                </a:cubicBezTo>
                <a:cubicBezTo>
                  <a:pt x="0" y="342"/>
                  <a:pt x="6" y="348"/>
                  <a:pt x="13" y="348"/>
                </a:cubicBezTo>
                <a:cubicBezTo>
                  <a:pt x="52" y="348"/>
                  <a:pt x="52" y="348"/>
                  <a:pt x="52" y="348"/>
                </a:cubicBezTo>
                <a:cubicBezTo>
                  <a:pt x="52" y="406"/>
                  <a:pt x="52" y="406"/>
                  <a:pt x="52" y="406"/>
                </a:cubicBezTo>
                <a:cubicBezTo>
                  <a:pt x="52" y="413"/>
                  <a:pt x="58" y="419"/>
                  <a:pt x="65" y="419"/>
                </a:cubicBezTo>
                <a:cubicBezTo>
                  <a:pt x="213" y="419"/>
                  <a:pt x="213" y="419"/>
                  <a:pt x="213" y="419"/>
                </a:cubicBezTo>
                <a:cubicBezTo>
                  <a:pt x="220" y="419"/>
                  <a:pt x="226" y="413"/>
                  <a:pt x="226" y="406"/>
                </a:cubicBezTo>
                <a:cubicBezTo>
                  <a:pt x="226" y="309"/>
                  <a:pt x="226" y="309"/>
                  <a:pt x="226" y="309"/>
                </a:cubicBezTo>
                <a:cubicBezTo>
                  <a:pt x="226" y="306"/>
                  <a:pt x="225" y="302"/>
                  <a:pt x="223" y="300"/>
                </a:cubicBezTo>
                <a:cubicBezTo>
                  <a:pt x="223" y="300"/>
                  <a:pt x="222" y="300"/>
                  <a:pt x="222" y="300"/>
                </a:cubicBezTo>
                <a:cubicBezTo>
                  <a:pt x="222" y="299"/>
                  <a:pt x="222" y="299"/>
                  <a:pt x="221" y="299"/>
                </a:cubicBezTo>
                <a:cubicBezTo>
                  <a:pt x="221" y="299"/>
                  <a:pt x="221" y="298"/>
                  <a:pt x="221" y="298"/>
                </a:cubicBezTo>
                <a:cubicBezTo>
                  <a:pt x="220" y="298"/>
                  <a:pt x="220" y="298"/>
                  <a:pt x="220" y="298"/>
                </a:cubicBezTo>
                <a:cubicBezTo>
                  <a:pt x="220" y="298"/>
                  <a:pt x="220" y="298"/>
                  <a:pt x="220" y="298"/>
                </a:cubicBezTo>
                <a:cubicBezTo>
                  <a:pt x="220" y="298"/>
                  <a:pt x="220" y="298"/>
                  <a:pt x="220" y="298"/>
                </a:cubicBezTo>
                <a:cubicBezTo>
                  <a:pt x="220" y="298"/>
                  <a:pt x="219" y="297"/>
                  <a:pt x="219" y="297"/>
                </a:cubicBezTo>
                <a:cubicBezTo>
                  <a:pt x="219" y="297"/>
                  <a:pt x="219" y="297"/>
                  <a:pt x="219" y="297"/>
                </a:cubicBezTo>
                <a:cubicBezTo>
                  <a:pt x="218" y="297"/>
                  <a:pt x="218" y="297"/>
                  <a:pt x="218" y="297"/>
                </a:cubicBezTo>
                <a:cubicBezTo>
                  <a:pt x="218" y="297"/>
                  <a:pt x="217" y="296"/>
                  <a:pt x="217" y="296"/>
                </a:cubicBezTo>
                <a:cubicBezTo>
                  <a:pt x="217" y="296"/>
                  <a:pt x="216" y="296"/>
                  <a:pt x="216" y="296"/>
                </a:cubicBezTo>
                <a:cubicBezTo>
                  <a:pt x="216" y="296"/>
                  <a:pt x="216" y="296"/>
                  <a:pt x="215" y="296"/>
                </a:cubicBezTo>
                <a:cubicBezTo>
                  <a:pt x="215" y="296"/>
                  <a:pt x="215" y="296"/>
                  <a:pt x="214" y="296"/>
                </a:cubicBezTo>
                <a:cubicBezTo>
                  <a:pt x="214" y="296"/>
                  <a:pt x="214" y="296"/>
                  <a:pt x="214" y="296"/>
                </a:cubicBezTo>
                <a:cubicBezTo>
                  <a:pt x="213" y="296"/>
                  <a:pt x="213" y="296"/>
                  <a:pt x="212" y="296"/>
                </a:cubicBezTo>
                <a:cubicBezTo>
                  <a:pt x="212" y="296"/>
                  <a:pt x="212" y="296"/>
                  <a:pt x="212" y="296"/>
                </a:cubicBezTo>
                <a:cubicBezTo>
                  <a:pt x="210" y="296"/>
                  <a:pt x="209" y="296"/>
                  <a:pt x="207" y="297"/>
                </a:cubicBezTo>
                <a:cubicBezTo>
                  <a:pt x="207" y="297"/>
                  <a:pt x="207" y="297"/>
                  <a:pt x="207" y="297"/>
                </a:cubicBezTo>
                <a:cubicBezTo>
                  <a:pt x="207" y="297"/>
                  <a:pt x="207" y="297"/>
                  <a:pt x="207" y="297"/>
                </a:cubicBezTo>
                <a:cubicBezTo>
                  <a:pt x="207" y="297"/>
                  <a:pt x="207" y="297"/>
                  <a:pt x="207" y="297"/>
                </a:cubicBezTo>
                <a:cubicBezTo>
                  <a:pt x="206" y="297"/>
                  <a:pt x="206" y="297"/>
                  <a:pt x="206" y="297"/>
                </a:cubicBezTo>
                <a:cubicBezTo>
                  <a:pt x="173" y="314"/>
                  <a:pt x="173" y="314"/>
                  <a:pt x="173" y="314"/>
                </a:cubicBezTo>
                <a:cubicBezTo>
                  <a:pt x="173" y="158"/>
                  <a:pt x="173" y="158"/>
                  <a:pt x="173" y="158"/>
                </a:cubicBezTo>
                <a:cubicBezTo>
                  <a:pt x="219" y="135"/>
                  <a:pt x="219" y="135"/>
                  <a:pt x="219" y="135"/>
                </a:cubicBezTo>
                <a:cubicBezTo>
                  <a:pt x="223" y="133"/>
                  <a:pt x="226" y="128"/>
                  <a:pt x="226" y="123"/>
                </a:cubicBezTo>
                <a:cubicBezTo>
                  <a:pt x="226" y="56"/>
                  <a:pt x="226" y="56"/>
                  <a:pt x="226" y="56"/>
                </a:cubicBezTo>
                <a:cubicBezTo>
                  <a:pt x="226" y="49"/>
                  <a:pt x="220" y="43"/>
                  <a:pt x="213" y="43"/>
                </a:cubicBezTo>
                <a:cubicBezTo>
                  <a:pt x="115" y="43"/>
                  <a:pt x="115" y="43"/>
                  <a:pt x="115" y="43"/>
                </a:cubicBezTo>
                <a:cubicBezTo>
                  <a:pt x="143" y="27"/>
                  <a:pt x="143" y="27"/>
                  <a:pt x="143" y="27"/>
                </a:cubicBezTo>
                <a:cubicBezTo>
                  <a:pt x="272" y="27"/>
                  <a:pt x="272" y="27"/>
                  <a:pt x="272" y="27"/>
                </a:cubicBezTo>
                <a:cubicBezTo>
                  <a:pt x="272" y="357"/>
                  <a:pt x="272" y="357"/>
                  <a:pt x="272" y="357"/>
                </a:cubicBezTo>
                <a:cubicBezTo>
                  <a:pt x="242" y="374"/>
                  <a:pt x="242" y="374"/>
                  <a:pt x="242" y="374"/>
                </a:cubicBezTo>
                <a:cubicBezTo>
                  <a:pt x="235" y="378"/>
                  <a:pt x="233" y="386"/>
                  <a:pt x="237" y="392"/>
                </a:cubicBezTo>
                <a:cubicBezTo>
                  <a:pt x="240" y="399"/>
                  <a:pt x="249" y="401"/>
                  <a:pt x="255" y="397"/>
                </a:cubicBezTo>
                <a:cubicBezTo>
                  <a:pt x="292" y="377"/>
                  <a:pt x="292" y="377"/>
                  <a:pt x="292" y="377"/>
                </a:cubicBezTo>
                <a:cubicBezTo>
                  <a:pt x="296" y="374"/>
                  <a:pt x="298" y="370"/>
                  <a:pt x="298" y="365"/>
                </a:cubicBezTo>
                <a:cubicBezTo>
                  <a:pt x="298" y="14"/>
                  <a:pt x="298" y="14"/>
                  <a:pt x="298" y="14"/>
                </a:cubicBezTo>
                <a:cubicBezTo>
                  <a:pt x="298" y="6"/>
                  <a:pt x="292" y="0"/>
                  <a:pt x="285" y="0"/>
                </a:cubicBezTo>
                <a:close/>
                <a:moveTo>
                  <a:pt x="78" y="348"/>
                </a:moveTo>
                <a:cubicBezTo>
                  <a:pt x="157" y="348"/>
                  <a:pt x="157" y="348"/>
                  <a:pt x="157" y="348"/>
                </a:cubicBezTo>
                <a:cubicBezTo>
                  <a:pt x="159" y="349"/>
                  <a:pt x="162" y="349"/>
                  <a:pt x="164" y="348"/>
                </a:cubicBezTo>
                <a:cubicBezTo>
                  <a:pt x="166" y="348"/>
                  <a:pt x="168" y="347"/>
                  <a:pt x="169" y="346"/>
                </a:cubicBezTo>
                <a:cubicBezTo>
                  <a:pt x="200" y="331"/>
                  <a:pt x="200" y="331"/>
                  <a:pt x="200" y="331"/>
                </a:cubicBezTo>
                <a:cubicBezTo>
                  <a:pt x="200" y="392"/>
                  <a:pt x="200" y="392"/>
                  <a:pt x="200" y="392"/>
                </a:cubicBezTo>
                <a:cubicBezTo>
                  <a:pt x="78" y="392"/>
                  <a:pt x="78" y="392"/>
                  <a:pt x="78" y="392"/>
                </a:cubicBezTo>
                <a:lnTo>
                  <a:pt x="78" y="348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7" name="Freeform 465"/>
          <p:cNvSpPr>
            <a:spLocks/>
          </p:cNvSpPr>
          <p:nvPr userDrawn="1"/>
        </p:nvSpPr>
        <p:spPr bwMode="auto">
          <a:xfrm>
            <a:off x="7504288" y="1737423"/>
            <a:ext cx="520700" cy="533401"/>
          </a:xfrm>
          <a:custGeom>
            <a:avLst/>
            <a:gdLst/>
            <a:ahLst/>
            <a:cxnLst>
              <a:cxn ang="0">
                <a:pos x="28" y="296"/>
              </a:cxn>
              <a:cxn ang="0">
                <a:pos x="28" y="301"/>
              </a:cxn>
              <a:cxn ang="0">
                <a:pos x="16" y="330"/>
              </a:cxn>
              <a:cxn ang="0">
                <a:pos x="2" y="394"/>
              </a:cxn>
              <a:cxn ang="0">
                <a:pos x="160" y="426"/>
              </a:cxn>
              <a:cxn ang="0">
                <a:pos x="168" y="415"/>
              </a:cxn>
              <a:cxn ang="0">
                <a:pos x="271" y="373"/>
              </a:cxn>
              <a:cxn ang="0">
                <a:pos x="377" y="462"/>
              </a:cxn>
              <a:cxn ang="0">
                <a:pos x="274" y="346"/>
              </a:cxn>
              <a:cxn ang="0">
                <a:pos x="160" y="385"/>
              </a:cxn>
              <a:cxn ang="0">
                <a:pos x="148" y="398"/>
              </a:cxn>
              <a:cxn ang="0">
                <a:pos x="138" y="409"/>
              </a:cxn>
              <a:cxn ang="0">
                <a:pos x="28" y="389"/>
              </a:cxn>
              <a:cxn ang="0">
                <a:pos x="38" y="345"/>
              </a:cxn>
              <a:cxn ang="0">
                <a:pos x="61" y="319"/>
              </a:cxn>
              <a:cxn ang="0">
                <a:pos x="54" y="296"/>
              </a:cxn>
              <a:cxn ang="0">
                <a:pos x="375" y="34"/>
              </a:cxn>
              <a:cxn ang="0">
                <a:pos x="430" y="73"/>
              </a:cxn>
              <a:cxn ang="0">
                <a:pos x="331" y="150"/>
              </a:cxn>
              <a:cxn ang="0">
                <a:pos x="305" y="101"/>
              </a:cxn>
              <a:cxn ang="0">
                <a:pos x="300" y="99"/>
              </a:cxn>
              <a:cxn ang="0">
                <a:pos x="134" y="235"/>
              </a:cxn>
              <a:cxn ang="0">
                <a:pos x="135" y="242"/>
              </a:cxn>
              <a:cxn ang="0">
                <a:pos x="141" y="249"/>
              </a:cxn>
              <a:cxn ang="0">
                <a:pos x="177" y="278"/>
              </a:cxn>
              <a:cxn ang="0">
                <a:pos x="79" y="355"/>
              </a:cxn>
              <a:cxn ang="0">
                <a:pos x="58" y="345"/>
              </a:cxn>
              <a:cxn ang="0">
                <a:pos x="57" y="371"/>
              </a:cxn>
              <a:cxn ang="0">
                <a:pos x="59" y="374"/>
              </a:cxn>
              <a:cxn ang="0">
                <a:pos x="158" y="353"/>
              </a:cxn>
              <a:cxn ang="0">
                <a:pos x="201" y="263"/>
              </a:cxn>
              <a:cxn ang="0">
                <a:pos x="198" y="259"/>
              </a:cxn>
              <a:cxn ang="0">
                <a:pos x="161" y="231"/>
              </a:cxn>
              <a:cxn ang="0">
                <a:pos x="290" y="126"/>
              </a:cxn>
              <a:cxn ang="0">
                <a:pos x="311" y="167"/>
              </a:cxn>
              <a:cxn ang="0">
                <a:pos x="314" y="171"/>
              </a:cxn>
              <a:cxn ang="0">
                <a:pos x="453" y="58"/>
              </a:cxn>
              <a:cxn ang="0">
                <a:pos x="453" y="57"/>
              </a:cxn>
              <a:cxn ang="0">
                <a:pos x="385" y="9"/>
              </a:cxn>
              <a:cxn ang="0">
                <a:pos x="384" y="8"/>
              </a:cxn>
              <a:cxn ang="0">
                <a:pos x="158" y="95"/>
              </a:cxn>
            </a:cxnLst>
            <a:rect l="0" t="0" r="r" b="b"/>
            <a:pathLst>
              <a:path w="463" h="474">
                <a:moveTo>
                  <a:pt x="158" y="95"/>
                </a:moveTo>
                <a:cubicBezTo>
                  <a:pt x="83" y="157"/>
                  <a:pt x="33" y="233"/>
                  <a:pt x="28" y="296"/>
                </a:cubicBezTo>
                <a:cubicBezTo>
                  <a:pt x="28" y="296"/>
                  <a:pt x="27" y="296"/>
                  <a:pt x="27" y="297"/>
                </a:cubicBezTo>
                <a:cubicBezTo>
                  <a:pt x="27" y="298"/>
                  <a:pt x="28" y="299"/>
                  <a:pt x="28" y="301"/>
                </a:cubicBezTo>
                <a:cubicBezTo>
                  <a:pt x="28" y="301"/>
                  <a:pt x="30" y="307"/>
                  <a:pt x="32" y="314"/>
                </a:cubicBezTo>
                <a:cubicBezTo>
                  <a:pt x="25" y="320"/>
                  <a:pt x="18" y="328"/>
                  <a:pt x="16" y="330"/>
                </a:cubicBezTo>
                <a:cubicBezTo>
                  <a:pt x="6" y="345"/>
                  <a:pt x="0" y="362"/>
                  <a:pt x="0" y="379"/>
                </a:cubicBezTo>
                <a:cubicBezTo>
                  <a:pt x="0" y="384"/>
                  <a:pt x="1" y="389"/>
                  <a:pt x="2" y="394"/>
                </a:cubicBezTo>
                <a:cubicBezTo>
                  <a:pt x="6" y="416"/>
                  <a:pt x="18" y="435"/>
                  <a:pt x="36" y="448"/>
                </a:cubicBezTo>
                <a:cubicBezTo>
                  <a:pt x="74" y="474"/>
                  <a:pt x="131" y="464"/>
                  <a:pt x="160" y="426"/>
                </a:cubicBezTo>
                <a:cubicBezTo>
                  <a:pt x="160" y="426"/>
                  <a:pt x="160" y="426"/>
                  <a:pt x="159" y="426"/>
                </a:cubicBezTo>
                <a:cubicBezTo>
                  <a:pt x="159" y="426"/>
                  <a:pt x="168" y="415"/>
                  <a:pt x="168" y="415"/>
                </a:cubicBezTo>
                <a:cubicBezTo>
                  <a:pt x="169" y="415"/>
                  <a:pt x="179" y="403"/>
                  <a:pt x="180" y="403"/>
                </a:cubicBezTo>
                <a:cubicBezTo>
                  <a:pt x="201" y="380"/>
                  <a:pt x="236" y="369"/>
                  <a:pt x="271" y="373"/>
                </a:cubicBezTo>
                <a:cubicBezTo>
                  <a:pt x="319" y="379"/>
                  <a:pt x="358" y="411"/>
                  <a:pt x="362" y="450"/>
                </a:cubicBezTo>
                <a:cubicBezTo>
                  <a:pt x="363" y="457"/>
                  <a:pt x="370" y="463"/>
                  <a:pt x="377" y="462"/>
                </a:cubicBezTo>
                <a:cubicBezTo>
                  <a:pt x="385" y="461"/>
                  <a:pt x="390" y="454"/>
                  <a:pt x="389" y="447"/>
                </a:cubicBezTo>
                <a:cubicBezTo>
                  <a:pt x="383" y="396"/>
                  <a:pt x="334" y="353"/>
                  <a:pt x="274" y="346"/>
                </a:cubicBezTo>
                <a:cubicBezTo>
                  <a:pt x="230" y="341"/>
                  <a:pt x="187" y="355"/>
                  <a:pt x="160" y="384"/>
                </a:cubicBezTo>
                <a:cubicBezTo>
                  <a:pt x="160" y="385"/>
                  <a:pt x="160" y="385"/>
                  <a:pt x="160" y="385"/>
                </a:cubicBezTo>
                <a:cubicBezTo>
                  <a:pt x="148" y="397"/>
                  <a:pt x="148" y="397"/>
                  <a:pt x="148" y="397"/>
                </a:cubicBezTo>
                <a:cubicBezTo>
                  <a:pt x="148" y="398"/>
                  <a:pt x="148" y="398"/>
                  <a:pt x="148" y="398"/>
                </a:cubicBezTo>
                <a:cubicBezTo>
                  <a:pt x="139" y="409"/>
                  <a:pt x="139" y="409"/>
                  <a:pt x="139" y="409"/>
                </a:cubicBezTo>
                <a:cubicBezTo>
                  <a:pt x="139" y="409"/>
                  <a:pt x="139" y="409"/>
                  <a:pt x="138" y="409"/>
                </a:cubicBezTo>
                <a:cubicBezTo>
                  <a:pt x="116" y="439"/>
                  <a:pt x="75" y="442"/>
                  <a:pt x="52" y="426"/>
                </a:cubicBezTo>
                <a:cubicBezTo>
                  <a:pt x="39" y="417"/>
                  <a:pt x="31" y="404"/>
                  <a:pt x="28" y="389"/>
                </a:cubicBezTo>
                <a:cubicBezTo>
                  <a:pt x="27" y="386"/>
                  <a:pt x="27" y="383"/>
                  <a:pt x="27" y="379"/>
                </a:cubicBezTo>
                <a:cubicBezTo>
                  <a:pt x="27" y="367"/>
                  <a:pt x="31" y="356"/>
                  <a:pt x="38" y="345"/>
                </a:cubicBezTo>
                <a:cubicBezTo>
                  <a:pt x="40" y="343"/>
                  <a:pt x="49" y="334"/>
                  <a:pt x="54" y="331"/>
                </a:cubicBezTo>
                <a:cubicBezTo>
                  <a:pt x="58" y="329"/>
                  <a:pt x="61" y="324"/>
                  <a:pt x="61" y="319"/>
                </a:cubicBezTo>
                <a:cubicBezTo>
                  <a:pt x="61" y="318"/>
                  <a:pt x="61" y="317"/>
                  <a:pt x="60" y="315"/>
                </a:cubicBezTo>
                <a:cubicBezTo>
                  <a:pt x="60" y="315"/>
                  <a:pt x="56" y="300"/>
                  <a:pt x="54" y="296"/>
                </a:cubicBezTo>
                <a:cubicBezTo>
                  <a:pt x="60" y="241"/>
                  <a:pt x="107" y="171"/>
                  <a:pt x="175" y="116"/>
                </a:cubicBezTo>
                <a:cubicBezTo>
                  <a:pt x="243" y="61"/>
                  <a:pt x="321" y="29"/>
                  <a:pt x="375" y="34"/>
                </a:cubicBezTo>
                <a:cubicBezTo>
                  <a:pt x="395" y="43"/>
                  <a:pt x="413" y="55"/>
                  <a:pt x="429" y="70"/>
                </a:cubicBezTo>
                <a:cubicBezTo>
                  <a:pt x="429" y="71"/>
                  <a:pt x="430" y="72"/>
                  <a:pt x="430" y="73"/>
                </a:cubicBezTo>
                <a:cubicBezTo>
                  <a:pt x="430" y="85"/>
                  <a:pt x="419" y="106"/>
                  <a:pt x="394" y="127"/>
                </a:cubicBezTo>
                <a:cubicBezTo>
                  <a:pt x="367" y="148"/>
                  <a:pt x="342" y="154"/>
                  <a:pt x="331" y="150"/>
                </a:cubicBezTo>
                <a:cubicBezTo>
                  <a:pt x="324" y="137"/>
                  <a:pt x="318" y="123"/>
                  <a:pt x="313" y="109"/>
                </a:cubicBezTo>
                <a:cubicBezTo>
                  <a:pt x="312" y="105"/>
                  <a:pt x="308" y="102"/>
                  <a:pt x="305" y="101"/>
                </a:cubicBezTo>
                <a:cubicBezTo>
                  <a:pt x="303" y="100"/>
                  <a:pt x="303" y="100"/>
                  <a:pt x="303" y="100"/>
                </a:cubicBezTo>
                <a:cubicBezTo>
                  <a:pt x="302" y="100"/>
                  <a:pt x="301" y="100"/>
                  <a:pt x="300" y="99"/>
                </a:cubicBezTo>
                <a:cubicBezTo>
                  <a:pt x="268" y="96"/>
                  <a:pt x="226" y="111"/>
                  <a:pt x="193" y="138"/>
                </a:cubicBezTo>
                <a:cubicBezTo>
                  <a:pt x="160" y="165"/>
                  <a:pt x="136" y="203"/>
                  <a:pt x="134" y="235"/>
                </a:cubicBezTo>
                <a:cubicBezTo>
                  <a:pt x="134" y="235"/>
                  <a:pt x="134" y="236"/>
                  <a:pt x="134" y="236"/>
                </a:cubicBezTo>
                <a:cubicBezTo>
                  <a:pt x="134" y="238"/>
                  <a:pt x="134" y="240"/>
                  <a:pt x="135" y="242"/>
                </a:cubicBezTo>
                <a:cubicBezTo>
                  <a:pt x="136" y="243"/>
                  <a:pt x="136" y="243"/>
                  <a:pt x="136" y="243"/>
                </a:cubicBezTo>
                <a:cubicBezTo>
                  <a:pt x="137" y="246"/>
                  <a:pt x="139" y="248"/>
                  <a:pt x="141" y="249"/>
                </a:cubicBezTo>
                <a:cubicBezTo>
                  <a:pt x="154" y="257"/>
                  <a:pt x="166" y="266"/>
                  <a:pt x="177" y="276"/>
                </a:cubicBezTo>
                <a:cubicBezTo>
                  <a:pt x="177" y="276"/>
                  <a:pt x="177" y="277"/>
                  <a:pt x="177" y="278"/>
                </a:cubicBezTo>
                <a:cubicBezTo>
                  <a:pt x="177" y="290"/>
                  <a:pt x="166" y="312"/>
                  <a:pt x="141" y="332"/>
                </a:cubicBezTo>
                <a:cubicBezTo>
                  <a:pt x="114" y="354"/>
                  <a:pt x="89" y="359"/>
                  <a:pt x="79" y="355"/>
                </a:cubicBezTo>
                <a:cubicBezTo>
                  <a:pt x="77" y="353"/>
                  <a:pt x="76" y="351"/>
                  <a:pt x="76" y="351"/>
                </a:cubicBezTo>
                <a:cubicBezTo>
                  <a:pt x="72" y="344"/>
                  <a:pt x="64" y="342"/>
                  <a:pt x="58" y="345"/>
                </a:cubicBezTo>
                <a:cubicBezTo>
                  <a:pt x="51" y="349"/>
                  <a:pt x="49" y="357"/>
                  <a:pt x="53" y="363"/>
                </a:cubicBezTo>
                <a:cubicBezTo>
                  <a:pt x="57" y="371"/>
                  <a:pt x="57" y="371"/>
                  <a:pt x="57" y="371"/>
                </a:cubicBezTo>
                <a:cubicBezTo>
                  <a:pt x="57" y="372"/>
                  <a:pt x="58" y="372"/>
                  <a:pt x="58" y="373"/>
                </a:cubicBezTo>
                <a:cubicBezTo>
                  <a:pt x="59" y="374"/>
                  <a:pt x="59" y="374"/>
                  <a:pt x="59" y="374"/>
                </a:cubicBezTo>
                <a:cubicBezTo>
                  <a:pt x="60" y="375"/>
                  <a:pt x="61" y="376"/>
                  <a:pt x="62" y="376"/>
                </a:cubicBezTo>
                <a:cubicBezTo>
                  <a:pt x="83" y="391"/>
                  <a:pt x="123" y="381"/>
                  <a:pt x="158" y="353"/>
                </a:cubicBezTo>
                <a:cubicBezTo>
                  <a:pt x="187" y="330"/>
                  <a:pt x="203" y="301"/>
                  <a:pt x="203" y="278"/>
                </a:cubicBezTo>
                <a:cubicBezTo>
                  <a:pt x="203" y="273"/>
                  <a:pt x="203" y="268"/>
                  <a:pt x="201" y="263"/>
                </a:cubicBezTo>
                <a:cubicBezTo>
                  <a:pt x="200" y="262"/>
                  <a:pt x="200" y="261"/>
                  <a:pt x="199" y="260"/>
                </a:cubicBezTo>
                <a:cubicBezTo>
                  <a:pt x="198" y="259"/>
                  <a:pt x="198" y="259"/>
                  <a:pt x="198" y="259"/>
                </a:cubicBezTo>
                <a:cubicBezTo>
                  <a:pt x="198" y="259"/>
                  <a:pt x="197" y="258"/>
                  <a:pt x="197" y="258"/>
                </a:cubicBezTo>
                <a:cubicBezTo>
                  <a:pt x="186" y="248"/>
                  <a:pt x="174" y="239"/>
                  <a:pt x="161" y="231"/>
                </a:cubicBezTo>
                <a:cubicBezTo>
                  <a:pt x="165" y="210"/>
                  <a:pt x="181" y="182"/>
                  <a:pt x="210" y="159"/>
                </a:cubicBezTo>
                <a:cubicBezTo>
                  <a:pt x="239" y="135"/>
                  <a:pt x="270" y="126"/>
                  <a:pt x="290" y="126"/>
                </a:cubicBezTo>
                <a:cubicBezTo>
                  <a:pt x="296" y="140"/>
                  <a:pt x="302" y="153"/>
                  <a:pt x="310" y="166"/>
                </a:cubicBezTo>
                <a:cubicBezTo>
                  <a:pt x="310" y="166"/>
                  <a:pt x="311" y="167"/>
                  <a:pt x="311" y="167"/>
                </a:cubicBezTo>
                <a:cubicBezTo>
                  <a:pt x="312" y="168"/>
                  <a:pt x="312" y="168"/>
                  <a:pt x="312" y="168"/>
                </a:cubicBezTo>
                <a:cubicBezTo>
                  <a:pt x="312" y="169"/>
                  <a:pt x="313" y="170"/>
                  <a:pt x="314" y="171"/>
                </a:cubicBezTo>
                <a:cubicBezTo>
                  <a:pt x="336" y="185"/>
                  <a:pt x="376" y="176"/>
                  <a:pt x="411" y="147"/>
                </a:cubicBezTo>
                <a:cubicBezTo>
                  <a:pt x="446" y="119"/>
                  <a:pt x="463" y="82"/>
                  <a:pt x="453" y="58"/>
                </a:cubicBezTo>
                <a:cubicBezTo>
                  <a:pt x="453" y="58"/>
                  <a:pt x="453" y="58"/>
                  <a:pt x="453" y="58"/>
                </a:cubicBezTo>
                <a:cubicBezTo>
                  <a:pt x="453" y="57"/>
                  <a:pt x="453" y="57"/>
                  <a:pt x="453" y="57"/>
                </a:cubicBezTo>
                <a:cubicBezTo>
                  <a:pt x="452" y="55"/>
                  <a:pt x="451" y="53"/>
                  <a:pt x="450" y="52"/>
                </a:cubicBezTo>
                <a:cubicBezTo>
                  <a:pt x="430" y="34"/>
                  <a:pt x="409" y="20"/>
                  <a:pt x="385" y="9"/>
                </a:cubicBezTo>
                <a:cubicBezTo>
                  <a:pt x="385" y="9"/>
                  <a:pt x="385" y="9"/>
                  <a:pt x="384" y="9"/>
                </a:cubicBezTo>
                <a:cubicBezTo>
                  <a:pt x="384" y="8"/>
                  <a:pt x="384" y="8"/>
                  <a:pt x="384" y="8"/>
                </a:cubicBezTo>
                <a:cubicBezTo>
                  <a:pt x="383" y="8"/>
                  <a:pt x="382" y="8"/>
                  <a:pt x="380" y="8"/>
                </a:cubicBezTo>
                <a:cubicBezTo>
                  <a:pt x="319" y="0"/>
                  <a:pt x="234" y="34"/>
                  <a:pt x="158" y="9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8" name="Freeform 481"/>
          <p:cNvSpPr>
            <a:spLocks/>
          </p:cNvSpPr>
          <p:nvPr userDrawn="1"/>
        </p:nvSpPr>
        <p:spPr bwMode="auto">
          <a:xfrm>
            <a:off x="7524926" y="2999690"/>
            <a:ext cx="479425" cy="496887"/>
          </a:xfrm>
          <a:custGeom>
            <a:avLst/>
            <a:gdLst/>
            <a:ahLst/>
            <a:cxnLst>
              <a:cxn ang="0">
                <a:pos x="366" y="146"/>
              </a:cxn>
              <a:cxn ang="0">
                <a:pos x="276" y="107"/>
              </a:cxn>
              <a:cxn ang="0">
                <a:pos x="185" y="144"/>
              </a:cxn>
              <a:cxn ang="0">
                <a:pos x="153" y="218"/>
              </a:cxn>
              <a:cxn ang="0">
                <a:pos x="183" y="292"/>
              </a:cxn>
              <a:cxn ang="0">
                <a:pos x="244" y="318"/>
              </a:cxn>
              <a:cxn ang="0">
                <a:pos x="306" y="294"/>
              </a:cxn>
              <a:cxn ang="0">
                <a:pos x="307" y="192"/>
              </a:cxn>
              <a:cxn ang="0">
                <a:pos x="265" y="174"/>
              </a:cxn>
              <a:cxn ang="0">
                <a:pos x="222" y="191"/>
              </a:cxn>
              <a:cxn ang="0">
                <a:pos x="221" y="263"/>
              </a:cxn>
              <a:cxn ang="0">
                <a:pos x="240" y="263"/>
              </a:cxn>
              <a:cxn ang="0">
                <a:pos x="240" y="244"/>
              </a:cxn>
              <a:cxn ang="0">
                <a:pos x="241" y="210"/>
              </a:cxn>
              <a:cxn ang="0">
                <a:pos x="264" y="200"/>
              </a:cxn>
              <a:cxn ang="0">
                <a:pos x="288" y="210"/>
              </a:cxn>
              <a:cxn ang="0">
                <a:pos x="287" y="275"/>
              </a:cxn>
              <a:cxn ang="0">
                <a:pos x="245" y="292"/>
              </a:cxn>
              <a:cxn ang="0">
                <a:pos x="202" y="274"/>
              </a:cxn>
              <a:cxn ang="0">
                <a:pos x="180" y="218"/>
              </a:cxn>
              <a:cxn ang="0">
                <a:pos x="204" y="163"/>
              </a:cxn>
              <a:cxn ang="0">
                <a:pos x="276" y="134"/>
              </a:cxn>
              <a:cxn ang="0">
                <a:pos x="347" y="164"/>
              </a:cxn>
              <a:cxn ang="0">
                <a:pos x="345" y="348"/>
              </a:cxn>
              <a:cxn ang="0">
                <a:pos x="110" y="346"/>
              </a:cxn>
              <a:cxn ang="0">
                <a:pos x="112" y="49"/>
              </a:cxn>
              <a:cxn ang="0">
                <a:pos x="112" y="113"/>
              </a:cxn>
              <a:cxn ang="0">
                <a:pos x="125" y="127"/>
              </a:cxn>
              <a:cxn ang="0">
                <a:pos x="138" y="113"/>
              </a:cxn>
              <a:cxn ang="0">
                <a:pos x="138" y="14"/>
              </a:cxn>
              <a:cxn ang="0">
                <a:pos x="134" y="4"/>
              </a:cxn>
              <a:cxn ang="0">
                <a:pos x="125" y="0"/>
              </a:cxn>
              <a:cxn ang="0">
                <a:pos x="25" y="0"/>
              </a:cxn>
              <a:cxn ang="0">
                <a:pos x="12" y="14"/>
              </a:cxn>
              <a:cxn ang="0">
                <a:pos x="25" y="27"/>
              </a:cxn>
              <a:cxn ang="0">
                <a:pos x="97" y="27"/>
              </a:cxn>
              <a:cxn ang="0">
                <a:pos x="95" y="28"/>
              </a:cxn>
              <a:cxn ang="0">
                <a:pos x="91" y="364"/>
              </a:cxn>
              <a:cxn ang="0">
                <a:pos x="364" y="367"/>
              </a:cxn>
              <a:cxn ang="0">
                <a:pos x="366" y="146"/>
              </a:cxn>
            </a:cxnLst>
            <a:rect l="0" t="0" r="r" b="b"/>
            <a:pathLst>
              <a:path w="427" h="442">
                <a:moveTo>
                  <a:pt x="366" y="146"/>
                </a:moveTo>
                <a:cubicBezTo>
                  <a:pt x="342" y="121"/>
                  <a:pt x="310" y="107"/>
                  <a:pt x="276" y="107"/>
                </a:cubicBezTo>
                <a:cubicBezTo>
                  <a:pt x="242" y="107"/>
                  <a:pt x="209" y="120"/>
                  <a:pt x="185" y="144"/>
                </a:cubicBezTo>
                <a:cubicBezTo>
                  <a:pt x="165" y="163"/>
                  <a:pt x="154" y="189"/>
                  <a:pt x="153" y="218"/>
                </a:cubicBezTo>
                <a:cubicBezTo>
                  <a:pt x="153" y="246"/>
                  <a:pt x="164" y="272"/>
                  <a:pt x="183" y="292"/>
                </a:cubicBezTo>
                <a:cubicBezTo>
                  <a:pt x="200" y="309"/>
                  <a:pt x="221" y="318"/>
                  <a:pt x="244" y="318"/>
                </a:cubicBezTo>
                <a:cubicBezTo>
                  <a:pt x="268" y="319"/>
                  <a:pt x="289" y="310"/>
                  <a:pt x="306" y="294"/>
                </a:cubicBezTo>
                <a:cubicBezTo>
                  <a:pt x="335" y="266"/>
                  <a:pt x="335" y="220"/>
                  <a:pt x="307" y="192"/>
                </a:cubicBezTo>
                <a:cubicBezTo>
                  <a:pt x="296" y="180"/>
                  <a:pt x="281" y="174"/>
                  <a:pt x="265" y="174"/>
                </a:cubicBezTo>
                <a:cubicBezTo>
                  <a:pt x="249" y="173"/>
                  <a:pt x="233" y="179"/>
                  <a:pt x="222" y="191"/>
                </a:cubicBezTo>
                <a:cubicBezTo>
                  <a:pt x="202" y="210"/>
                  <a:pt x="201" y="243"/>
                  <a:pt x="221" y="263"/>
                </a:cubicBezTo>
                <a:cubicBezTo>
                  <a:pt x="226" y="268"/>
                  <a:pt x="235" y="268"/>
                  <a:pt x="240" y="263"/>
                </a:cubicBezTo>
                <a:cubicBezTo>
                  <a:pt x="245" y="258"/>
                  <a:pt x="245" y="249"/>
                  <a:pt x="240" y="244"/>
                </a:cubicBezTo>
                <a:cubicBezTo>
                  <a:pt x="231" y="235"/>
                  <a:pt x="231" y="219"/>
                  <a:pt x="241" y="210"/>
                </a:cubicBezTo>
                <a:cubicBezTo>
                  <a:pt x="247" y="203"/>
                  <a:pt x="255" y="200"/>
                  <a:pt x="264" y="200"/>
                </a:cubicBezTo>
                <a:cubicBezTo>
                  <a:pt x="273" y="200"/>
                  <a:pt x="282" y="204"/>
                  <a:pt x="288" y="210"/>
                </a:cubicBezTo>
                <a:cubicBezTo>
                  <a:pt x="306" y="228"/>
                  <a:pt x="305" y="257"/>
                  <a:pt x="287" y="275"/>
                </a:cubicBezTo>
                <a:cubicBezTo>
                  <a:pt x="276" y="286"/>
                  <a:pt x="261" y="292"/>
                  <a:pt x="245" y="292"/>
                </a:cubicBezTo>
                <a:cubicBezTo>
                  <a:pt x="229" y="292"/>
                  <a:pt x="214" y="285"/>
                  <a:pt x="202" y="274"/>
                </a:cubicBezTo>
                <a:cubicBezTo>
                  <a:pt x="188" y="259"/>
                  <a:pt x="180" y="239"/>
                  <a:pt x="180" y="218"/>
                </a:cubicBezTo>
                <a:cubicBezTo>
                  <a:pt x="180" y="197"/>
                  <a:pt x="189" y="177"/>
                  <a:pt x="204" y="163"/>
                </a:cubicBezTo>
                <a:cubicBezTo>
                  <a:pt x="223" y="144"/>
                  <a:pt x="249" y="133"/>
                  <a:pt x="276" y="134"/>
                </a:cubicBezTo>
                <a:cubicBezTo>
                  <a:pt x="303" y="134"/>
                  <a:pt x="328" y="145"/>
                  <a:pt x="347" y="164"/>
                </a:cubicBezTo>
                <a:cubicBezTo>
                  <a:pt x="397" y="216"/>
                  <a:pt x="396" y="298"/>
                  <a:pt x="345" y="348"/>
                </a:cubicBezTo>
                <a:cubicBezTo>
                  <a:pt x="280" y="412"/>
                  <a:pt x="174" y="411"/>
                  <a:pt x="110" y="346"/>
                </a:cubicBezTo>
                <a:cubicBezTo>
                  <a:pt x="30" y="263"/>
                  <a:pt x="30" y="131"/>
                  <a:pt x="112" y="49"/>
                </a:cubicBezTo>
                <a:cubicBezTo>
                  <a:pt x="112" y="77"/>
                  <a:pt x="112" y="113"/>
                  <a:pt x="112" y="113"/>
                </a:cubicBezTo>
                <a:cubicBezTo>
                  <a:pt x="112" y="121"/>
                  <a:pt x="117" y="127"/>
                  <a:pt x="125" y="127"/>
                </a:cubicBezTo>
                <a:cubicBezTo>
                  <a:pt x="132" y="127"/>
                  <a:pt x="138" y="121"/>
                  <a:pt x="138" y="113"/>
                </a:cubicBezTo>
                <a:cubicBezTo>
                  <a:pt x="138" y="14"/>
                  <a:pt x="138" y="14"/>
                  <a:pt x="138" y="14"/>
                </a:cubicBezTo>
                <a:cubicBezTo>
                  <a:pt x="138" y="10"/>
                  <a:pt x="137" y="7"/>
                  <a:pt x="134" y="4"/>
                </a:cubicBezTo>
                <a:cubicBezTo>
                  <a:pt x="132" y="2"/>
                  <a:pt x="128" y="0"/>
                  <a:pt x="125" y="0"/>
                </a:cubicBezTo>
                <a:cubicBezTo>
                  <a:pt x="25" y="0"/>
                  <a:pt x="25" y="0"/>
                  <a:pt x="25" y="0"/>
                </a:cubicBezTo>
                <a:cubicBezTo>
                  <a:pt x="18" y="0"/>
                  <a:pt x="12" y="6"/>
                  <a:pt x="12" y="14"/>
                </a:cubicBezTo>
                <a:cubicBezTo>
                  <a:pt x="12" y="21"/>
                  <a:pt x="18" y="27"/>
                  <a:pt x="25" y="27"/>
                </a:cubicBezTo>
                <a:cubicBezTo>
                  <a:pt x="25" y="27"/>
                  <a:pt x="69" y="27"/>
                  <a:pt x="97" y="27"/>
                </a:cubicBezTo>
                <a:cubicBezTo>
                  <a:pt x="96" y="27"/>
                  <a:pt x="95" y="28"/>
                  <a:pt x="95" y="28"/>
                </a:cubicBezTo>
                <a:cubicBezTo>
                  <a:pt x="1" y="120"/>
                  <a:pt x="0" y="271"/>
                  <a:pt x="91" y="364"/>
                </a:cubicBezTo>
                <a:cubicBezTo>
                  <a:pt x="165" y="440"/>
                  <a:pt x="288" y="442"/>
                  <a:pt x="364" y="367"/>
                </a:cubicBezTo>
                <a:cubicBezTo>
                  <a:pt x="426" y="307"/>
                  <a:pt x="427" y="207"/>
                  <a:pt x="366" y="14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9" name="Freeform 537"/>
          <p:cNvSpPr>
            <a:spLocks noEditPoints="1"/>
          </p:cNvSpPr>
          <p:nvPr userDrawn="1"/>
        </p:nvSpPr>
        <p:spPr bwMode="auto">
          <a:xfrm>
            <a:off x="7582869" y="3681867"/>
            <a:ext cx="363538" cy="509587"/>
          </a:xfrm>
          <a:custGeom>
            <a:avLst/>
            <a:gdLst/>
            <a:ahLst/>
            <a:cxnLst>
              <a:cxn ang="0">
                <a:pos x="299" y="124"/>
              </a:cxn>
              <a:cxn ang="0">
                <a:pos x="262" y="196"/>
              </a:cxn>
              <a:cxn ang="0">
                <a:pos x="230" y="147"/>
              </a:cxn>
              <a:cxn ang="0">
                <a:pos x="162" y="84"/>
              </a:cxn>
              <a:cxn ang="0">
                <a:pos x="95" y="147"/>
              </a:cxn>
              <a:cxn ang="0">
                <a:pos x="34" y="211"/>
              </a:cxn>
              <a:cxn ang="0">
                <a:pos x="28" y="82"/>
              </a:cxn>
              <a:cxn ang="0">
                <a:pos x="163" y="27"/>
              </a:cxn>
              <a:cxn ang="0">
                <a:pos x="284" y="72"/>
              </a:cxn>
              <a:cxn ang="0">
                <a:pos x="318" y="83"/>
              </a:cxn>
              <a:cxn ang="0">
                <a:pos x="311" y="58"/>
              </a:cxn>
              <a:cxn ang="0">
                <a:pos x="163" y="0"/>
              </a:cxn>
              <a:cxn ang="0">
                <a:pos x="14" y="58"/>
              </a:cxn>
              <a:cxn ang="0">
                <a:pos x="2" y="76"/>
              </a:cxn>
              <a:cxn ang="0">
                <a:pos x="97" y="425"/>
              </a:cxn>
              <a:cxn ang="0">
                <a:pos x="163" y="453"/>
              </a:cxn>
              <a:cxn ang="0">
                <a:pos x="228" y="425"/>
              </a:cxn>
              <a:cxn ang="0">
                <a:pos x="315" y="117"/>
              </a:cxn>
              <a:cxn ang="0">
                <a:pos x="149" y="264"/>
              </a:cxn>
              <a:cxn ang="0">
                <a:pos x="95" y="227"/>
              </a:cxn>
              <a:cxn ang="0">
                <a:pos x="185" y="227"/>
              </a:cxn>
              <a:cxn ang="0">
                <a:pos x="176" y="227"/>
              </a:cxn>
              <a:cxn ang="0">
                <a:pos x="181" y="195"/>
              </a:cxn>
              <a:cxn ang="0">
                <a:pos x="149" y="200"/>
              </a:cxn>
              <a:cxn ang="0">
                <a:pos x="149" y="191"/>
              </a:cxn>
              <a:cxn ang="0">
                <a:pos x="149" y="235"/>
              </a:cxn>
              <a:cxn ang="0">
                <a:pos x="149" y="227"/>
              </a:cxn>
              <a:cxn ang="0">
                <a:pos x="214" y="227"/>
              </a:cxn>
              <a:cxn ang="0">
                <a:pos x="176" y="279"/>
              </a:cxn>
              <a:cxn ang="0">
                <a:pos x="230" y="200"/>
              </a:cxn>
              <a:cxn ang="0">
                <a:pos x="176" y="163"/>
              </a:cxn>
              <a:cxn ang="0">
                <a:pos x="113" y="167"/>
              </a:cxn>
              <a:cxn ang="0">
                <a:pos x="125" y="176"/>
              </a:cxn>
              <a:cxn ang="0">
                <a:pos x="113" y="167"/>
              </a:cxn>
              <a:cxn ang="0">
                <a:pos x="183" y="423"/>
              </a:cxn>
              <a:cxn ang="0">
                <a:pos x="162" y="427"/>
              </a:cxn>
              <a:cxn ang="0">
                <a:pos x="39" y="257"/>
              </a:cxn>
              <a:cxn ang="0">
                <a:pos x="67" y="227"/>
              </a:cxn>
              <a:cxn ang="0">
                <a:pos x="149" y="329"/>
              </a:cxn>
              <a:cxn ang="0">
                <a:pos x="176" y="306"/>
              </a:cxn>
              <a:cxn ang="0">
                <a:pos x="266" y="227"/>
              </a:cxn>
              <a:cxn ang="0">
                <a:pos x="291" y="198"/>
              </a:cxn>
            </a:cxnLst>
            <a:rect l="0" t="0" r="r" b="b"/>
            <a:pathLst>
              <a:path w="324" h="454">
                <a:moveTo>
                  <a:pt x="315" y="117"/>
                </a:moveTo>
                <a:cubicBezTo>
                  <a:pt x="315" y="117"/>
                  <a:pt x="315" y="117"/>
                  <a:pt x="315" y="117"/>
                </a:cubicBezTo>
                <a:cubicBezTo>
                  <a:pt x="309" y="115"/>
                  <a:pt x="302" y="118"/>
                  <a:pt x="299" y="124"/>
                </a:cubicBezTo>
                <a:cubicBezTo>
                  <a:pt x="299" y="124"/>
                  <a:pt x="297" y="129"/>
                  <a:pt x="293" y="136"/>
                </a:cubicBezTo>
                <a:cubicBezTo>
                  <a:pt x="288" y="147"/>
                  <a:pt x="280" y="163"/>
                  <a:pt x="272" y="177"/>
                </a:cubicBezTo>
                <a:cubicBezTo>
                  <a:pt x="268" y="184"/>
                  <a:pt x="265" y="191"/>
                  <a:pt x="262" y="196"/>
                </a:cubicBezTo>
                <a:cubicBezTo>
                  <a:pt x="261" y="197"/>
                  <a:pt x="260" y="199"/>
                  <a:pt x="259" y="200"/>
                </a:cubicBezTo>
                <a:cubicBezTo>
                  <a:pt x="257" y="200"/>
                  <a:pt x="257" y="200"/>
                  <a:pt x="257" y="200"/>
                </a:cubicBezTo>
                <a:cubicBezTo>
                  <a:pt x="254" y="180"/>
                  <a:pt x="244" y="161"/>
                  <a:pt x="230" y="147"/>
                </a:cubicBezTo>
                <a:cubicBezTo>
                  <a:pt x="215" y="134"/>
                  <a:pt x="197" y="124"/>
                  <a:pt x="176" y="121"/>
                </a:cubicBezTo>
                <a:cubicBezTo>
                  <a:pt x="176" y="98"/>
                  <a:pt x="176" y="98"/>
                  <a:pt x="176" y="98"/>
                </a:cubicBezTo>
                <a:cubicBezTo>
                  <a:pt x="176" y="90"/>
                  <a:pt x="170" y="84"/>
                  <a:pt x="162" y="84"/>
                </a:cubicBezTo>
                <a:cubicBezTo>
                  <a:pt x="155" y="84"/>
                  <a:pt x="149" y="90"/>
                  <a:pt x="149" y="98"/>
                </a:cubicBezTo>
                <a:cubicBezTo>
                  <a:pt x="149" y="121"/>
                  <a:pt x="149" y="121"/>
                  <a:pt x="149" y="121"/>
                </a:cubicBezTo>
                <a:cubicBezTo>
                  <a:pt x="128" y="124"/>
                  <a:pt x="109" y="134"/>
                  <a:pt x="95" y="147"/>
                </a:cubicBezTo>
                <a:cubicBezTo>
                  <a:pt x="80" y="161"/>
                  <a:pt x="71" y="180"/>
                  <a:pt x="67" y="200"/>
                </a:cubicBezTo>
                <a:cubicBezTo>
                  <a:pt x="47" y="200"/>
                  <a:pt x="47" y="200"/>
                  <a:pt x="47" y="200"/>
                </a:cubicBezTo>
                <a:cubicBezTo>
                  <a:pt x="40" y="200"/>
                  <a:pt x="35" y="205"/>
                  <a:pt x="34" y="211"/>
                </a:cubicBezTo>
                <a:cubicBezTo>
                  <a:pt x="30" y="174"/>
                  <a:pt x="27" y="128"/>
                  <a:pt x="27" y="100"/>
                </a:cubicBezTo>
                <a:cubicBezTo>
                  <a:pt x="27" y="93"/>
                  <a:pt x="27" y="88"/>
                  <a:pt x="27" y="84"/>
                </a:cubicBezTo>
                <a:cubicBezTo>
                  <a:pt x="28" y="83"/>
                  <a:pt x="28" y="82"/>
                  <a:pt x="28" y="82"/>
                </a:cubicBezTo>
                <a:cubicBezTo>
                  <a:pt x="28" y="81"/>
                  <a:pt x="29" y="80"/>
                  <a:pt x="30" y="79"/>
                </a:cubicBezTo>
                <a:cubicBezTo>
                  <a:pt x="40" y="72"/>
                  <a:pt x="60" y="59"/>
                  <a:pt x="84" y="47"/>
                </a:cubicBezTo>
                <a:cubicBezTo>
                  <a:pt x="109" y="36"/>
                  <a:pt x="137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92" y="27"/>
                  <a:pt x="225" y="39"/>
                  <a:pt x="251" y="52"/>
                </a:cubicBezTo>
                <a:cubicBezTo>
                  <a:pt x="264" y="59"/>
                  <a:pt x="276" y="66"/>
                  <a:pt x="284" y="72"/>
                </a:cubicBezTo>
                <a:cubicBezTo>
                  <a:pt x="289" y="75"/>
                  <a:pt x="292" y="77"/>
                  <a:pt x="295" y="79"/>
                </a:cubicBezTo>
                <a:cubicBezTo>
                  <a:pt x="297" y="81"/>
                  <a:pt x="299" y="83"/>
                  <a:pt x="299" y="83"/>
                </a:cubicBezTo>
                <a:cubicBezTo>
                  <a:pt x="305" y="88"/>
                  <a:pt x="313" y="88"/>
                  <a:pt x="318" y="83"/>
                </a:cubicBezTo>
                <a:cubicBezTo>
                  <a:pt x="323" y="78"/>
                  <a:pt x="323" y="70"/>
                  <a:pt x="318" y="64"/>
                </a:cubicBezTo>
                <a:cubicBezTo>
                  <a:pt x="318" y="64"/>
                  <a:pt x="318" y="64"/>
                  <a:pt x="318" y="64"/>
                </a:cubicBezTo>
                <a:cubicBezTo>
                  <a:pt x="316" y="62"/>
                  <a:pt x="314" y="61"/>
                  <a:pt x="311" y="58"/>
                </a:cubicBezTo>
                <a:cubicBezTo>
                  <a:pt x="300" y="50"/>
                  <a:pt x="279" y="36"/>
                  <a:pt x="252" y="23"/>
                </a:cubicBezTo>
                <a:cubicBezTo>
                  <a:pt x="226" y="11"/>
                  <a:pt x="194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26" y="0"/>
                  <a:pt x="91" y="14"/>
                  <a:pt x="62" y="29"/>
                </a:cubicBezTo>
                <a:cubicBezTo>
                  <a:pt x="48" y="36"/>
                  <a:pt x="36" y="44"/>
                  <a:pt x="26" y="50"/>
                </a:cubicBezTo>
                <a:cubicBezTo>
                  <a:pt x="21" y="53"/>
                  <a:pt x="17" y="56"/>
                  <a:pt x="14" y="58"/>
                </a:cubicBezTo>
                <a:cubicBezTo>
                  <a:pt x="11" y="61"/>
                  <a:pt x="9" y="62"/>
                  <a:pt x="7" y="64"/>
                </a:cubicBezTo>
                <a:cubicBezTo>
                  <a:pt x="5" y="66"/>
                  <a:pt x="4" y="68"/>
                  <a:pt x="3" y="70"/>
                </a:cubicBezTo>
                <a:cubicBezTo>
                  <a:pt x="2" y="72"/>
                  <a:pt x="2" y="74"/>
                  <a:pt x="2" y="76"/>
                </a:cubicBezTo>
                <a:cubicBezTo>
                  <a:pt x="1" y="83"/>
                  <a:pt x="0" y="90"/>
                  <a:pt x="0" y="100"/>
                </a:cubicBezTo>
                <a:cubicBezTo>
                  <a:pt x="0" y="145"/>
                  <a:pt x="8" y="228"/>
                  <a:pt x="12" y="261"/>
                </a:cubicBezTo>
                <a:cubicBezTo>
                  <a:pt x="25" y="347"/>
                  <a:pt x="66" y="398"/>
                  <a:pt x="97" y="425"/>
                </a:cubicBezTo>
                <a:cubicBezTo>
                  <a:pt x="110" y="436"/>
                  <a:pt x="122" y="443"/>
                  <a:pt x="133" y="448"/>
                </a:cubicBezTo>
                <a:cubicBezTo>
                  <a:pt x="143" y="452"/>
                  <a:pt x="153" y="453"/>
                  <a:pt x="162" y="453"/>
                </a:cubicBezTo>
                <a:cubicBezTo>
                  <a:pt x="162" y="453"/>
                  <a:pt x="162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72" y="454"/>
                  <a:pt x="182" y="452"/>
                  <a:pt x="193" y="448"/>
                </a:cubicBezTo>
                <a:cubicBezTo>
                  <a:pt x="204" y="443"/>
                  <a:pt x="215" y="436"/>
                  <a:pt x="228" y="425"/>
                </a:cubicBezTo>
                <a:cubicBezTo>
                  <a:pt x="259" y="398"/>
                  <a:pt x="300" y="347"/>
                  <a:pt x="313" y="261"/>
                </a:cubicBezTo>
                <a:cubicBezTo>
                  <a:pt x="317" y="235"/>
                  <a:pt x="322" y="176"/>
                  <a:pt x="324" y="131"/>
                </a:cubicBezTo>
                <a:cubicBezTo>
                  <a:pt x="324" y="125"/>
                  <a:pt x="321" y="119"/>
                  <a:pt x="315" y="117"/>
                </a:cubicBezTo>
                <a:close/>
                <a:moveTo>
                  <a:pt x="111" y="227"/>
                </a:moveTo>
                <a:cubicBezTo>
                  <a:pt x="113" y="236"/>
                  <a:pt x="118" y="244"/>
                  <a:pt x="125" y="250"/>
                </a:cubicBezTo>
                <a:cubicBezTo>
                  <a:pt x="131" y="257"/>
                  <a:pt x="140" y="262"/>
                  <a:pt x="149" y="264"/>
                </a:cubicBezTo>
                <a:cubicBezTo>
                  <a:pt x="149" y="279"/>
                  <a:pt x="149" y="279"/>
                  <a:pt x="149" y="279"/>
                </a:cubicBezTo>
                <a:cubicBezTo>
                  <a:pt x="135" y="276"/>
                  <a:pt x="123" y="269"/>
                  <a:pt x="113" y="260"/>
                </a:cubicBezTo>
                <a:cubicBezTo>
                  <a:pt x="104" y="251"/>
                  <a:pt x="97" y="240"/>
                  <a:pt x="95" y="227"/>
                </a:cubicBezTo>
                <a:lnTo>
                  <a:pt x="111" y="227"/>
                </a:lnTo>
                <a:close/>
                <a:moveTo>
                  <a:pt x="176" y="227"/>
                </a:moveTo>
                <a:cubicBezTo>
                  <a:pt x="185" y="227"/>
                  <a:pt x="185" y="227"/>
                  <a:pt x="185" y="227"/>
                </a:cubicBezTo>
                <a:cubicBezTo>
                  <a:pt x="184" y="228"/>
                  <a:pt x="183" y="230"/>
                  <a:pt x="181" y="231"/>
                </a:cubicBezTo>
                <a:cubicBezTo>
                  <a:pt x="180" y="233"/>
                  <a:pt x="178" y="234"/>
                  <a:pt x="176" y="235"/>
                </a:cubicBezTo>
                <a:lnTo>
                  <a:pt x="176" y="227"/>
                </a:lnTo>
                <a:close/>
                <a:moveTo>
                  <a:pt x="176" y="200"/>
                </a:moveTo>
                <a:cubicBezTo>
                  <a:pt x="176" y="191"/>
                  <a:pt x="176" y="191"/>
                  <a:pt x="176" y="191"/>
                </a:cubicBezTo>
                <a:cubicBezTo>
                  <a:pt x="178" y="192"/>
                  <a:pt x="180" y="194"/>
                  <a:pt x="181" y="195"/>
                </a:cubicBezTo>
                <a:cubicBezTo>
                  <a:pt x="183" y="197"/>
                  <a:pt x="184" y="198"/>
                  <a:pt x="185" y="200"/>
                </a:cubicBezTo>
                <a:lnTo>
                  <a:pt x="176" y="200"/>
                </a:lnTo>
                <a:close/>
                <a:moveTo>
                  <a:pt x="149" y="200"/>
                </a:moveTo>
                <a:cubicBezTo>
                  <a:pt x="139" y="200"/>
                  <a:pt x="139" y="200"/>
                  <a:pt x="139" y="200"/>
                </a:cubicBezTo>
                <a:cubicBezTo>
                  <a:pt x="140" y="198"/>
                  <a:pt x="142" y="197"/>
                  <a:pt x="143" y="195"/>
                </a:cubicBezTo>
                <a:cubicBezTo>
                  <a:pt x="145" y="194"/>
                  <a:pt x="147" y="192"/>
                  <a:pt x="149" y="191"/>
                </a:cubicBezTo>
                <a:lnTo>
                  <a:pt x="149" y="200"/>
                </a:lnTo>
                <a:close/>
                <a:moveTo>
                  <a:pt x="149" y="227"/>
                </a:moveTo>
                <a:cubicBezTo>
                  <a:pt x="149" y="235"/>
                  <a:pt x="149" y="235"/>
                  <a:pt x="149" y="235"/>
                </a:cubicBezTo>
                <a:cubicBezTo>
                  <a:pt x="147" y="234"/>
                  <a:pt x="145" y="233"/>
                  <a:pt x="143" y="231"/>
                </a:cubicBezTo>
                <a:cubicBezTo>
                  <a:pt x="142" y="230"/>
                  <a:pt x="140" y="228"/>
                  <a:pt x="139" y="227"/>
                </a:cubicBezTo>
                <a:lnTo>
                  <a:pt x="149" y="227"/>
                </a:lnTo>
                <a:close/>
                <a:moveTo>
                  <a:pt x="176" y="264"/>
                </a:moveTo>
                <a:cubicBezTo>
                  <a:pt x="185" y="262"/>
                  <a:pt x="193" y="257"/>
                  <a:pt x="200" y="250"/>
                </a:cubicBezTo>
                <a:cubicBezTo>
                  <a:pt x="207" y="244"/>
                  <a:pt x="211" y="236"/>
                  <a:pt x="214" y="227"/>
                </a:cubicBezTo>
                <a:cubicBezTo>
                  <a:pt x="230" y="227"/>
                  <a:pt x="230" y="227"/>
                  <a:pt x="230" y="227"/>
                </a:cubicBezTo>
                <a:cubicBezTo>
                  <a:pt x="227" y="240"/>
                  <a:pt x="221" y="251"/>
                  <a:pt x="211" y="260"/>
                </a:cubicBezTo>
                <a:cubicBezTo>
                  <a:pt x="202" y="269"/>
                  <a:pt x="189" y="276"/>
                  <a:pt x="176" y="279"/>
                </a:cubicBezTo>
                <a:lnTo>
                  <a:pt x="176" y="264"/>
                </a:lnTo>
                <a:close/>
                <a:moveTo>
                  <a:pt x="211" y="167"/>
                </a:moveTo>
                <a:cubicBezTo>
                  <a:pt x="221" y="176"/>
                  <a:pt x="227" y="187"/>
                  <a:pt x="230" y="200"/>
                </a:cubicBezTo>
                <a:cubicBezTo>
                  <a:pt x="214" y="200"/>
                  <a:pt x="214" y="200"/>
                  <a:pt x="214" y="200"/>
                </a:cubicBezTo>
                <a:cubicBezTo>
                  <a:pt x="211" y="191"/>
                  <a:pt x="207" y="183"/>
                  <a:pt x="200" y="176"/>
                </a:cubicBezTo>
                <a:cubicBezTo>
                  <a:pt x="193" y="170"/>
                  <a:pt x="185" y="165"/>
                  <a:pt x="176" y="163"/>
                </a:cubicBezTo>
                <a:cubicBezTo>
                  <a:pt x="176" y="148"/>
                  <a:pt x="176" y="148"/>
                  <a:pt x="176" y="148"/>
                </a:cubicBezTo>
                <a:cubicBezTo>
                  <a:pt x="189" y="151"/>
                  <a:pt x="202" y="157"/>
                  <a:pt x="211" y="167"/>
                </a:cubicBezTo>
                <a:close/>
                <a:moveTo>
                  <a:pt x="113" y="167"/>
                </a:moveTo>
                <a:cubicBezTo>
                  <a:pt x="123" y="157"/>
                  <a:pt x="135" y="151"/>
                  <a:pt x="149" y="148"/>
                </a:cubicBezTo>
                <a:cubicBezTo>
                  <a:pt x="149" y="163"/>
                  <a:pt x="149" y="163"/>
                  <a:pt x="149" y="163"/>
                </a:cubicBezTo>
                <a:cubicBezTo>
                  <a:pt x="140" y="165"/>
                  <a:pt x="131" y="170"/>
                  <a:pt x="125" y="176"/>
                </a:cubicBezTo>
                <a:cubicBezTo>
                  <a:pt x="118" y="183"/>
                  <a:pt x="113" y="191"/>
                  <a:pt x="111" y="200"/>
                </a:cubicBezTo>
                <a:cubicBezTo>
                  <a:pt x="95" y="200"/>
                  <a:pt x="95" y="200"/>
                  <a:pt x="95" y="200"/>
                </a:cubicBezTo>
                <a:cubicBezTo>
                  <a:pt x="97" y="187"/>
                  <a:pt x="104" y="176"/>
                  <a:pt x="113" y="167"/>
                </a:cubicBezTo>
                <a:close/>
                <a:moveTo>
                  <a:pt x="286" y="257"/>
                </a:moveTo>
                <a:cubicBezTo>
                  <a:pt x="274" y="337"/>
                  <a:pt x="238" y="381"/>
                  <a:pt x="211" y="405"/>
                </a:cubicBezTo>
                <a:cubicBezTo>
                  <a:pt x="200" y="414"/>
                  <a:pt x="190" y="420"/>
                  <a:pt x="183" y="423"/>
                </a:cubicBezTo>
                <a:cubicBezTo>
                  <a:pt x="175" y="426"/>
                  <a:pt x="169" y="427"/>
                  <a:pt x="163" y="427"/>
                </a:cubicBezTo>
                <a:cubicBezTo>
                  <a:pt x="163" y="427"/>
                  <a:pt x="163" y="427"/>
                  <a:pt x="163" y="427"/>
                </a:cubicBezTo>
                <a:cubicBezTo>
                  <a:pt x="162" y="427"/>
                  <a:pt x="162" y="427"/>
                  <a:pt x="162" y="427"/>
                </a:cubicBezTo>
                <a:cubicBezTo>
                  <a:pt x="156" y="427"/>
                  <a:pt x="150" y="426"/>
                  <a:pt x="143" y="423"/>
                </a:cubicBezTo>
                <a:cubicBezTo>
                  <a:pt x="135" y="420"/>
                  <a:pt x="126" y="414"/>
                  <a:pt x="114" y="405"/>
                </a:cubicBezTo>
                <a:cubicBezTo>
                  <a:pt x="88" y="381"/>
                  <a:pt x="51" y="337"/>
                  <a:pt x="39" y="257"/>
                </a:cubicBezTo>
                <a:cubicBezTo>
                  <a:pt x="38" y="248"/>
                  <a:pt x="36" y="235"/>
                  <a:pt x="34" y="219"/>
                </a:cubicBezTo>
                <a:cubicBezTo>
                  <a:pt x="36" y="223"/>
                  <a:pt x="41" y="227"/>
                  <a:pt x="47" y="227"/>
                </a:cubicBezTo>
                <a:cubicBezTo>
                  <a:pt x="67" y="227"/>
                  <a:pt x="67" y="227"/>
                  <a:pt x="67" y="227"/>
                </a:cubicBezTo>
                <a:cubicBezTo>
                  <a:pt x="71" y="247"/>
                  <a:pt x="80" y="266"/>
                  <a:pt x="95" y="279"/>
                </a:cubicBezTo>
                <a:cubicBezTo>
                  <a:pt x="109" y="293"/>
                  <a:pt x="128" y="303"/>
                  <a:pt x="149" y="306"/>
                </a:cubicBezTo>
                <a:cubicBezTo>
                  <a:pt x="149" y="329"/>
                  <a:pt x="149" y="329"/>
                  <a:pt x="149" y="329"/>
                </a:cubicBezTo>
                <a:cubicBezTo>
                  <a:pt x="149" y="336"/>
                  <a:pt x="155" y="342"/>
                  <a:pt x="162" y="342"/>
                </a:cubicBezTo>
                <a:cubicBezTo>
                  <a:pt x="170" y="342"/>
                  <a:pt x="176" y="336"/>
                  <a:pt x="176" y="329"/>
                </a:cubicBezTo>
                <a:cubicBezTo>
                  <a:pt x="176" y="306"/>
                  <a:pt x="176" y="306"/>
                  <a:pt x="176" y="306"/>
                </a:cubicBezTo>
                <a:cubicBezTo>
                  <a:pt x="197" y="303"/>
                  <a:pt x="215" y="293"/>
                  <a:pt x="230" y="279"/>
                </a:cubicBezTo>
                <a:cubicBezTo>
                  <a:pt x="244" y="266"/>
                  <a:pt x="254" y="247"/>
                  <a:pt x="257" y="227"/>
                </a:cubicBezTo>
                <a:cubicBezTo>
                  <a:pt x="266" y="227"/>
                  <a:pt x="266" y="227"/>
                  <a:pt x="266" y="227"/>
                </a:cubicBezTo>
                <a:cubicBezTo>
                  <a:pt x="270" y="227"/>
                  <a:pt x="273" y="225"/>
                  <a:pt x="275" y="223"/>
                </a:cubicBezTo>
                <a:cubicBezTo>
                  <a:pt x="277" y="221"/>
                  <a:pt x="278" y="220"/>
                  <a:pt x="279" y="219"/>
                </a:cubicBezTo>
                <a:cubicBezTo>
                  <a:pt x="282" y="214"/>
                  <a:pt x="286" y="207"/>
                  <a:pt x="291" y="198"/>
                </a:cubicBezTo>
                <a:cubicBezTo>
                  <a:pt x="292" y="197"/>
                  <a:pt x="292" y="196"/>
                  <a:pt x="293" y="194"/>
                </a:cubicBezTo>
                <a:cubicBezTo>
                  <a:pt x="291" y="220"/>
                  <a:pt x="288" y="244"/>
                  <a:pt x="286" y="25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0" name="Freeform 556"/>
          <p:cNvSpPr>
            <a:spLocks/>
          </p:cNvSpPr>
          <p:nvPr userDrawn="1"/>
        </p:nvSpPr>
        <p:spPr bwMode="auto">
          <a:xfrm>
            <a:off x="7534451" y="5128621"/>
            <a:ext cx="460375" cy="388938"/>
          </a:xfrm>
          <a:custGeom>
            <a:avLst/>
            <a:gdLst/>
            <a:ahLst/>
            <a:cxnLst>
              <a:cxn ang="0">
                <a:pos x="304" y="345"/>
              </a:cxn>
              <a:cxn ang="0">
                <a:pos x="262" y="194"/>
              </a:cxn>
              <a:cxn ang="0">
                <a:pos x="262" y="191"/>
              </a:cxn>
              <a:cxn ang="0">
                <a:pos x="144" y="191"/>
              </a:cxn>
              <a:cxn ang="0">
                <a:pos x="144" y="194"/>
              </a:cxn>
              <a:cxn ang="0">
                <a:pos x="103" y="345"/>
              </a:cxn>
              <a:cxn ang="0">
                <a:pos x="0" y="303"/>
              </a:cxn>
              <a:cxn ang="0">
                <a:pos x="33" y="134"/>
              </a:cxn>
              <a:cxn ang="0">
                <a:pos x="78" y="31"/>
              </a:cxn>
              <a:cxn ang="0">
                <a:pos x="149" y="63"/>
              </a:cxn>
              <a:cxn ang="0">
                <a:pos x="202" y="0"/>
              </a:cxn>
              <a:cxn ang="0">
                <a:pos x="257" y="63"/>
              </a:cxn>
              <a:cxn ang="0">
                <a:pos x="328" y="31"/>
              </a:cxn>
              <a:cxn ang="0">
                <a:pos x="374" y="133"/>
              </a:cxn>
              <a:cxn ang="0">
                <a:pos x="409" y="315"/>
              </a:cxn>
              <a:cxn ang="0">
                <a:pos x="382" y="315"/>
              </a:cxn>
              <a:cxn ang="0">
                <a:pos x="367" y="160"/>
              </a:cxn>
              <a:cxn ang="0">
                <a:pos x="336" y="146"/>
              </a:cxn>
              <a:cxn ang="0">
                <a:pos x="343" y="124"/>
              </a:cxn>
              <a:cxn ang="0">
                <a:pos x="328" y="58"/>
              </a:cxn>
              <a:cxn ang="0">
                <a:pos x="309" y="121"/>
              </a:cxn>
              <a:cxn ang="0">
                <a:pos x="315" y="141"/>
              </a:cxn>
              <a:cxn ang="0">
                <a:pos x="292" y="150"/>
              </a:cxn>
              <a:cxn ang="0">
                <a:pos x="232" y="74"/>
              </a:cxn>
              <a:cxn ang="0">
                <a:pos x="219" y="35"/>
              </a:cxn>
              <a:cxn ang="0">
                <a:pos x="187" y="37"/>
              </a:cxn>
              <a:cxn ang="0">
                <a:pos x="174" y="74"/>
              </a:cxn>
              <a:cxn ang="0">
                <a:pos x="115" y="150"/>
              </a:cxn>
              <a:cxn ang="0">
                <a:pos x="91" y="141"/>
              </a:cxn>
              <a:cxn ang="0">
                <a:pos x="97" y="121"/>
              </a:cxn>
              <a:cxn ang="0">
                <a:pos x="78" y="58"/>
              </a:cxn>
              <a:cxn ang="0">
                <a:pos x="63" y="124"/>
              </a:cxn>
              <a:cxn ang="0">
                <a:pos x="71" y="146"/>
              </a:cxn>
              <a:cxn ang="0">
                <a:pos x="42" y="160"/>
              </a:cxn>
              <a:cxn ang="0">
                <a:pos x="27" y="303"/>
              </a:cxn>
              <a:cxn ang="0">
                <a:pos x="103" y="318"/>
              </a:cxn>
              <a:cxn ang="0">
                <a:pos x="117" y="194"/>
              </a:cxn>
              <a:cxn ang="0">
                <a:pos x="118" y="188"/>
              </a:cxn>
              <a:cxn ang="0">
                <a:pos x="187" y="97"/>
              </a:cxn>
              <a:cxn ang="0">
                <a:pos x="193" y="89"/>
              </a:cxn>
              <a:cxn ang="0">
                <a:pos x="203" y="85"/>
              </a:cxn>
              <a:cxn ang="0">
                <a:pos x="219" y="96"/>
              </a:cxn>
              <a:cxn ang="0">
                <a:pos x="286" y="178"/>
              </a:cxn>
              <a:cxn ang="0">
                <a:pos x="289" y="189"/>
              </a:cxn>
              <a:cxn ang="0">
                <a:pos x="289" y="303"/>
              </a:cxn>
              <a:cxn ang="0">
                <a:pos x="367" y="318"/>
              </a:cxn>
              <a:cxn ang="0">
                <a:pos x="367" y="345"/>
              </a:cxn>
            </a:cxnLst>
            <a:rect l="0" t="0" r="r" b="b"/>
            <a:pathLst>
              <a:path w="409" h="345">
                <a:moveTo>
                  <a:pt x="367" y="345"/>
                </a:moveTo>
                <a:cubicBezTo>
                  <a:pt x="304" y="345"/>
                  <a:pt x="304" y="345"/>
                  <a:pt x="304" y="345"/>
                </a:cubicBezTo>
                <a:cubicBezTo>
                  <a:pt x="281" y="345"/>
                  <a:pt x="262" y="326"/>
                  <a:pt x="262" y="303"/>
                </a:cubicBezTo>
                <a:cubicBezTo>
                  <a:pt x="262" y="194"/>
                  <a:pt x="262" y="194"/>
                  <a:pt x="262" y="194"/>
                </a:cubicBezTo>
                <a:cubicBezTo>
                  <a:pt x="262" y="193"/>
                  <a:pt x="262" y="193"/>
                  <a:pt x="262" y="193"/>
                </a:cubicBezTo>
                <a:cubicBezTo>
                  <a:pt x="262" y="192"/>
                  <a:pt x="262" y="191"/>
                  <a:pt x="262" y="191"/>
                </a:cubicBezTo>
                <a:cubicBezTo>
                  <a:pt x="203" y="119"/>
                  <a:pt x="203" y="119"/>
                  <a:pt x="203" y="119"/>
                </a:cubicBezTo>
                <a:cubicBezTo>
                  <a:pt x="144" y="191"/>
                  <a:pt x="144" y="191"/>
                  <a:pt x="144" y="191"/>
                </a:cubicBezTo>
                <a:cubicBezTo>
                  <a:pt x="144" y="191"/>
                  <a:pt x="144" y="192"/>
                  <a:pt x="144" y="193"/>
                </a:cubicBezTo>
                <a:cubicBezTo>
                  <a:pt x="144" y="193"/>
                  <a:pt x="144" y="193"/>
                  <a:pt x="144" y="194"/>
                </a:cubicBezTo>
                <a:cubicBezTo>
                  <a:pt x="144" y="303"/>
                  <a:pt x="144" y="303"/>
                  <a:pt x="144" y="303"/>
                </a:cubicBezTo>
                <a:cubicBezTo>
                  <a:pt x="144" y="326"/>
                  <a:pt x="125" y="345"/>
                  <a:pt x="103" y="345"/>
                </a:cubicBezTo>
                <a:cubicBezTo>
                  <a:pt x="42" y="345"/>
                  <a:pt x="42" y="345"/>
                  <a:pt x="42" y="345"/>
                </a:cubicBezTo>
                <a:cubicBezTo>
                  <a:pt x="19" y="345"/>
                  <a:pt x="0" y="326"/>
                  <a:pt x="0" y="303"/>
                </a:cubicBezTo>
                <a:cubicBezTo>
                  <a:pt x="0" y="174"/>
                  <a:pt x="0" y="174"/>
                  <a:pt x="0" y="174"/>
                </a:cubicBezTo>
                <a:cubicBezTo>
                  <a:pt x="0" y="154"/>
                  <a:pt x="14" y="138"/>
                  <a:pt x="33" y="134"/>
                </a:cubicBezTo>
                <a:cubicBezTo>
                  <a:pt x="23" y="123"/>
                  <a:pt x="17" y="108"/>
                  <a:pt x="17" y="92"/>
                </a:cubicBezTo>
                <a:cubicBezTo>
                  <a:pt x="17" y="59"/>
                  <a:pt x="44" y="31"/>
                  <a:pt x="78" y="31"/>
                </a:cubicBezTo>
                <a:cubicBezTo>
                  <a:pt x="107" y="31"/>
                  <a:pt x="131" y="51"/>
                  <a:pt x="137" y="78"/>
                </a:cubicBezTo>
                <a:cubicBezTo>
                  <a:pt x="149" y="63"/>
                  <a:pt x="149" y="63"/>
                  <a:pt x="149" y="63"/>
                </a:cubicBezTo>
                <a:cubicBezTo>
                  <a:pt x="161" y="30"/>
                  <a:pt x="161" y="30"/>
                  <a:pt x="161" y="30"/>
                </a:cubicBezTo>
                <a:cubicBezTo>
                  <a:pt x="164" y="19"/>
                  <a:pt x="176" y="0"/>
                  <a:pt x="202" y="0"/>
                </a:cubicBezTo>
                <a:cubicBezTo>
                  <a:pt x="230" y="0"/>
                  <a:pt x="242" y="18"/>
                  <a:pt x="245" y="28"/>
                </a:cubicBezTo>
                <a:cubicBezTo>
                  <a:pt x="257" y="63"/>
                  <a:pt x="257" y="63"/>
                  <a:pt x="257" y="63"/>
                </a:cubicBezTo>
                <a:cubicBezTo>
                  <a:pt x="269" y="78"/>
                  <a:pt x="269" y="78"/>
                  <a:pt x="269" y="78"/>
                </a:cubicBezTo>
                <a:cubicBezTo>
                  <a:pt x="275" y="51"/>
                  <a:pt x="300" y="31"/>
                  <a:pt x="328" y="31"/>
                </a:cubicBezTo>
                <a:cubicBezTo>
                  <a:pt x="362" y="31"/>
                  <a:pt x="390" y="59"/>
                  <a:pt x="390" y="92"/>
                </a:cubicBezTo>
                <a:cubicBezTo>
                  <a:pt x="390" y="108"/>
                  <a:pt x="384" y="122"/>
                  <a:pt x="374" y="133"/>
                </a:cubicBezTo>
                <a:cubicBezTo>
                  <a:pt x="394" y="136"/>
                  <a:pt x="409" y="154"/>
                  <a:pt x="409" y="174"/>
                </a:cubicBezTo>
                <a:cubicBezTo>
                  <a:pt x="409" y="315"/>
                  <a:pt x="409" y="315"/>
                  <a:pt x="409" y="315"/>
                </a:cubicBezTo>
                <a:cubicBezTo>
                  <a:pt x="409" y="323"/>
                  <a:pt x="403" y="329"/>
                  <a:pt x="395" y="329"/>
                </a:cubicBezTo>
                <a:cubicBezTo>
                  <a:pt x="388" y="329"/>
                  <a:pt x="382" y="323"/>
                  <a:pt x="382" y="315"/>
                </a:cubicBezTo>
                <a:cubicBezTo>
                  <a:pt x="382" y="174"/>
                  <a:pt x="382" y="174"/>
                  <a:pt x="382" y="174"/>
                </a:cubicBezTo>
                <a:cubicBezTo>
                  <a:pt x="382" y="166"/>
                  <a:pt x="375" y="160"/>
                  <a:pt x="367" y="160"/>
                </a:cubicBezTo>
                <a:cubicBezTo>
                  <a:pt x="349" y="160"/>
                  <a:pt x="349" y="160"/>
                  <a:pt x="349" y="160"/>
                </a:cubicBezTo>
                <a:cubicBezTo>
                  <a:pt x="342" y="160"/>
                  <a:pt x="336" y="154"/>
                  <a:pt x="336" y="146"/>
                </a:cubicBezTo>
                <a:cubicBezTo>
                  <a:pt x="336" y="136"/>
                  <a:pt x="336" y="136"/>
                  <a:pt x="336" y="136"/>
                </a:cubicBezTo>
                <a:cubicBezTo>
                  <a:pt x="336" y="131"/>
                  <a:pt x="339" y="126"/>
                  <a:pt x="343" y="124"/>
                </a:cubicBezTo>
                <a:cubicBezTo>
                  <a:pt x="355" y="118"/>
                  <a:pt x="363" y="106"/>
                  <a:pt x="363" y="92"/>
                </a:cubicBezTo>
                <a:cubicBezTo>
                  <a:pt x="363" y="73"/>
                  <a:pt x="347" y="58"/>
                  <a:pt x="328" y="58"/>
                </a:cubicBezTo>
                <a:cubicBezTo>
                  <a:pt x="309" y="58"/>
                  <a:pt x="294" y="73"/>
                  <a:pt x="294" y="92"/>
                </a:cubicBezTo>
                <a:cubicBezTo>
                  <a:pt x="294" y="104"/>
                  <a:pt x="300" y="115"/>
                  <a:pt x="309" y="121"/>
                </a:cubicBezTo>
                <a:cubicBezTo>
                  <a:pt x="313" y="124"/>
                  <a:pt x="315" y="128"/>
                  <a:pt x="315" y="132"/>
                </a:cubicBezTo>
                <a:cubicBezTo>
                  <a:pt x="315" y="141"/>
                  <a:pt x="315" y="141"/>
                  <a:pt x="315" y="141"/>
                </a:cubicBezTo>
                <a:cubicBezTo>
                  <a:pt x="315" y="147"/>
                  <a:pt x="312" y="152"/>
                  <a:pt x="306" y="154"/>
                </a:cubicBezTo>
                <a:cubicBezTo>
                  <a:pt x="301" y="156"/>
                  <a:pt x="295" y="154"/>
                  <a:pt x="292" y="150"/>
                </a:cubicBezTo>
                <a:cubicBezTo>
                  <a:pt x="235" y="78"/>
                  <a:pt x="235" y="78"/>
                  <a:pt x="235" y="78"/>
                </a:cubicBezTo>
                <a:cubicBezTo>
                  <a:pt x="234" y="77"/>
                  <a:pt x="233" y="75"/>
                  <a:pt x="232" y="74"/>
                </a:cubicBezTo>
                <a:cubicBezTo>
                  <a:pt x="219" y="37"/>
                  <a:pt x="219" y="37"/>
                  <a:pt x="219" y="37"/>
                </a:cubicBezTo>
                <a:cubicBezTo>
                  <a:pt x="219" y="36"/>
                  <a:pt x="219" y="36"/>
                  <a:pt x="219" y="35"/>
                </a:cubicBezTo>
                <a:cubicBezTo>
                  <a:pt x="218" y="33"/>
                  <a:pt x="215" y="27"/>
                  <a:pt x="202" y="27"/>
                </a:cubicBezTo>
                <a:cubicBezTo>
                  <a:pt x="189" y="27"/>
                  <a:pt x="187" y="36"/>
                  <a:pt x="187" y="37"/>
                </a:cubicBezTo>
                <a:cubicBezTo>
                  <a:pt x="187" y="37"/>
                  <a:pt x="187" y="38"/>
                  <a:pt x="187" y="39"/>
                </a:cubicBezTo>
                <a:cubicBezTo>
                  <a:pt x="174" y="74"/>
                  <a:pt x="174" y="74"/>
                  <a:pt x="174" y="74"/>
                </a:cubicBezTo>
                <a:cubicBezTo>
                  <a:pt x="173" y="75"/>
                  <a:pt x="173" y="77"/>
                  <a:pt x="172" y="78"/>
                </a:cubicBezTo>
                <a:cubicBezTo>
                  <a:pt x="115" y="150"/>
                  <a:pt x="115" y="150"/>
                  <a:pt x="115" y="150"/>
                </a:cubicBezTo>
                <a:cubicBezTo>
                  <a:pt x="111" y="154"/>
                  <a:pt x="105" y="156"/>
                  <a:pt x="100" y="154"/>
                </a:cubicBezTo>
                <a:cubicBezTo>
                  <a:pt x="95" y="152"/>
                  <a:pt x="91" y="147"/>
                  <a:pt x="91" y="141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1" y="128"/>
                  <a:pt x="93" y="124"/>
                  <a:pt x="97" y="121"/>
                </a:cubicBezTo>
                <a:cubicBezTo>
                  <a:pt x="106" y="115"/>
                  <a:pt x="112" y="104"/>
                  <a:pt x="112" y="92"/>
                </a:cubicBezTo>
                <a:cubicBezTo>
                  <a:pt x="112" y="73"/>
                  <a:pt x="97" y="58"/>
                  <a:pt x="78" y="58"/>
                </a:cubicBezTo>
                <a:cubicBezTo>
                  <a:pt x="59" y="58"/>
                  <a:pt x="43" y="73"/>
                  <a:pt x="43" y="92"/>
                </a:cubicBezTo>
                <a:cubicBezTo>
                  <a:pt x="43" y="106"/>
                  <a:pt x="51" y="118"/>
                  <a:pt x="63" y="124"/>
                </a:cubicBezTo>
                <a:cubicBezTo>
                  <a:pt x="68" y="126"/>
                  <a:pt x="71" y="131"/>
                  <a:pt x="71" y="136"/>
                </a:cubicBezTo>
                <a:cubicBezTo>
                  <a:pt x="71" y="146"/>
                  <a:pt x="71" y="146"/>
                  <a:pt x="71" y="146"/>
                </a:cubicBezTo>
                <a:cubicBezTo>
                  <a:pt x="71" y="154"/>
                  <a:pt x="65" y="160"/>
                  <a:pt x="57" y="160"/>
                </a:cubicBezTo>
                <a:cubicBezTo>
                  <a:pt x="42" y="160"/>
                  <a:pt x="42" y="160"/>
                  <a:pt x="42" y="160"/>
                </a:cubicBezTo>
                <a:cubicBezTo>
                  <a:pt x="34" y="160"/>
                  <a:pt x="27" y="166"/>
                  <a:pt x="27" y="174"/>
                </a:cubicBezTo>
                <a:cubicBezTo>
                  <a:pt x="27" y="303"/>
                  <a:pt x="27" y="303"/>
                  <a:pt x="27" y="303"/>
                </a:cubicBezTo>
                <a:cubicBezTo>
                  <a:pt x="27" y="311"/>
                  <a:pt x="34" y="318"/>
                  <a:pt x="42" y="318"/>
                </a:cubicBezTo>
                <a:cubicBezTo>
                  <a:pt x="103" y="318"/>
                  <a:pt x="103" y="318"/>
                  <a:pt x="103" y="318"/>
                </a:cubicBezTo>
                <a:cubicBezTo>
                  <a:pt x="111" y="318"/>
                  <a:pt x="117" y="311"/>
                  <a:pt x="117" y="303"/>
                </a:cubicBezTo>
                <a:cubicBezTo>
                  <a:pt x="117" y="194"/>
                  <a:pt x="117" y="194"/>
                  <a:pt x="117" y="194"/>
                </a:cubicBezTo>
                <a:cubicBezTo>
                  <a:pt x="117" y="192"/>
                  <a:pt x="117" y="190"/>
                  <a:pt x="118" y="189"/>
                </a:cubicBezTo>
                <a:cubicBezTo>
                  <a:pt x="118" y="189"/>
                  <a:pt x="118" y="189"/>
                  <a:pt x="118" y="188"/>
                </a:cubicBezTo>
                <a:cubicBezTo>
                  <a:pt x="117" y="185"/>
                  <a:pt x="118" y="181"/>
                  <a:pt x="120" y="178"/>
                </a:cubicBezTo>
                <a:cubicBezTo>
                  <a:pt x="187" y="97"/>
                  <a:pt x="187" y="97"/>
                  <a:pt x="187" y="97"/>
                </a:cubicBezTo>
                <a:cubicBezTo>
                  <a:pt x="187" y="96"/>
                  <a:pt x="187" y="96"/>
                  <a:pt x="187" y="96"/>
                </a:cubicBezTo>
                <a:cubicBezTo>
                  <a:pt x="193" y="89"/>
                  <a:pt x="193" y="89"/>
                  <a:pt x="193" y="89"/>
                </a:cubicBezTo>
                <a:cubicBezTo>
                  <a:pt x="196" y="86"/>
                  <a:pt x="199" y="85"/>
                  <a:pt x="203" y="85"/>
                </a:cubicBezTo>
                <a:cubicBezTo>
                  <a:pt x="203" y="85"/>
                  <a:pt x="203" y="85"/>
                  <a:pt x="203" y="85"/>
                </a:cubicBezTo>
                <a:cubicBezTo>
                  <a:pt x="207" y="85"/>
                  <a:pt x="211" y="86"/>
                  <a:pt x="213" y="89"/>
                </a:cubicBezTo>
                <a:cubicBezTo>
                  <a:pt x="219" y="96"/>
                  <a:pt x="219" y="96"/>
                  <a:pt x="219" y="96"/>
                </a:cubicBezTo>
                <a:cubicBezTo>
                  <a:pt x="219" y="96"/>
                  <a:pt x="219" y="96"/>
                  <a:pt x="220" y="97"/>
                </a:cubicBezTo>
                <a:cubicBezTo>
                  <a:pt x="286" y="178"/>
                  <a:pt x="286" y="178"/>
                  <a:pt x="286" y="178"/>
                </a:cubicBezTo>
                <a:cubicBezTo>
                  <a:pt x="288" y="181"/>
                  <a:pt x="289" y="185"/>
                  <a:pt x="289" y="188"/>
                </a:cubicBezTo>
                <a:cubicBezTo>
                  <a:pt x="289" y="189"/>
                  <a:pt x="289" y="189"/>
                  <a:pt x="289" y="189"/>
                </a:cubicBezTo>
                <a:cubicBezTo>
                  <a:pt x="289" y="190"/>
                  <a:pt x="289" y="192"/>
                  <a:pt x="289" y="194"/>
                </a:cubicBezTo>
                <a:cubicBezTo>
                  <a:pt x="289" y="303"/>
                  <a:pt x="289" y="303"/>
                  <a:pt x="289" y="303"/>
                </a:cubicBezTo>
                <a:cubicBezTo>
                  <a:pt x="289" y="311"/>
                  <a:pt x="296" y="318"/>
                  <a:pt x="304" y="318"/>
                </a:cubicBezTo>
                <a:cubicBezTo>
                  <a:pt x="367" y="318"/>
                  <a:pt x="367" y="318"/>
                  <a:pt x="367" y="318"/>
                </a:cubicBezTo>
                <a:cubicBezTo>
                  <a:pt x="374" y="318"/>
                  <a:pt x="380" y="324"/>
                  <a:pt x="380" y="331"/>
                </a:cubicBezTo>
                <a:cubicBezTo>
                  <a:pt x="380" y="339"/>
                  <a:pt x="374" y="345"/>
                  <a:pt x="367" y="34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1" name="Freeform 163"/>
          <p:cNvSpPr>
            <a:spLocks/>
          </p:cNvSpPr>
          <p:nvPr userDrawn="1"/>
        </p:nvSpPr>
        <p:spPr bwMode="auto">
          <a:xfrm>
            <a:off x="8135275" y="1183088"/>
            <a:ext cx="474662" cy="477837"/>
          </a:xfrm>
          <a:custGeom>
            <a:avLst/>
            <a:gdLst/>
            <a:ahLst/>
            <a:cxnLst>
              <a:cxn ang="0">
                <a:pos x="72" y="307"/>
              </a:cxn>
              <a:cxn ang="0">
                <a:pos x="272" y="307"/>
              </a:cxn>
              <a:cxn ang="0">
                <a:pos x="271" y="371"/>
              </a:cxn>
              <a:cxn ang="0">
                <a:pos x="72" y="371"/>
              </a:cxn>
              <a:cxn ang="0">
                <a:pos x="72" y="424"/>
              </a:cxn>
              <a:cxn ang="0">
                <a:pos x="332" y="424"/>
              </a:cxn>
              <a:cxn ang="0">
                <a:pos x="332" y="227"/>
              </a:cxn>
              <a:cxn ang="0">
                <a:pos x="420" y="174"/>
              </a:cxn>
              <a:cxn ang="0">
                <a:pos x="420" y="123"/>
              </a:cxn>
              <a:cxn ang="0">
                <a:pos x="328" y="177"/>
              </a:cxn>
              <a:cxn ang="0">
                <a:pos x="327" y="109"/>
              </a:cxn>
              <a:cxn ang="0">
                <a:pos x="102" y="109"/>
              </a:cxn>
              <a:cxn ang="0">
                <a:pos x="251" y="0"/>
              </a:cxn>
              <a:cxn ang="0">
                <a:pos x="183" y="0"/>
              </a:cxn>
              <a:cxn ang="0">
                <a:pos x="60" y="89"/>
              </a:cxn>
              <a:cxn ang="0">
                <a:pos x="46" y="82"/>
              </a:cxn>
              <a:cxn ang="0">
                <a:pos x="0" y="90"/>
              </a:cxn>
              <a:cxn ang="0">
                <a:pos x="1" y="423"/>
              </a:cxn>
            </a:cxnLst>
            <a:rect l="0" t="0" r="r" b="b"/>
            <a:pathLst>
              <a:path w="420" h="424">
                <a:moveTo>
                  <a:pt x="72" y="307"/>
                </a:moveTo>
                <a:cubicBezTo>
                  <a:pt x="272" y="307"/>
                  <a:pt x="272" y="307"/>
                  <a:pt x="272" y="307"/>
                </a:cubicBezTo>
                <a:cubicBezTo>
                  <a:pt x="271" y="371"/>
                  <a:pt x="271" y="371"/>
                  <a:pt x="271" y="371"/>
                </a:cubicBezTo>
                <a:cubicBezTo>
                  <a:pt x="72" y="371"/>
                  <a:pt x="72" y="371"/>
                  <a:pt x="72" y="371"/>
                </a:cubicBezTo>
                <a:cubicBezTo>
                  <a:pt x="72" y="424"/>
                  <a:pt x="72" y="424"/>
                  <a:pt x="72" y="424"/>
                </a:cubicBezTo>
                <a:cubicBezTo>
                  <a:pt x="332" y="424"/>
                  <a:pt x="332" y="424"/>
                  <a:pt x="332" y="424"/>
                </a:cubicBezTo>
                <a:cubicBezTo>
                  <a:pt x="332" y="227"/>
                  <a:pt x="332" y="227"/>
                  <a:pt x="332" y="227"/>
                </a:cubicBezTo>
                <a:cubicBezTo>
                  <a:pt x="420" y="174"/>
                  <a:pt x="420" y="174"/>
                  <a:pt x="420" y="174"/>
                </a:cubicBezTo>
                <a:cubicBezTo>
                  <a:pt x="420" y="123"/>
                  <a:pt x="420" y="123"/>
                  <a:pt x="420" y="123"/>
                </a:cubicBezTo>
                <a:cubicBezTo>
                  <a:pt x="328" y="177"/>
                  <a:pt x="328" y="177"/>
                  <a:pt x="328" y="177"/>
                </a:cubicBezTo>
                <a:cubicBezTo>
                  <a:pt x="327" y="109"/>
                  <a:pt x="327" y="109"/>
                  <a:pt x="327" y="109"/>
                </a:cubicBezTo>
                <a:cubicBezTo>
                  <a:pt x="102" y="109"/>
                  <a:pt x="102" y="109"/>
                  <a:pt x="102" y="109"/>
                </a:cubicBezTo>
                <a:cubicBezTo>
                  <a:pt x="251" y="0"/>
                  <a:pt x="251" y="0"/>
                  <a:pt x="251" y="0"/>
                </a:cubicBezTo>
                <a:cubicBezTo>
                  <a:pt x="183" y="0"/>
                  <a:pt x="183" y="0"/>
                  <a:pt x="183" y="0"/>
                </a:cubicBezTo>
                <a:cubicBezTo>
                  <a:pt x="183" y="0"/>
                  <a:pt x="103" y="65"/>
                  <a:pt x="60" y="89"/>
                </a:cubicBezTo>
                <a:cubicBezTo>
                  <a:pt x="55" y="92"/>
                  <a:pt x="49" y="85"/>
                  <a:pt x="46" y="82"/>
                </a:cubicBezTo>
                <a:cubicBezTo>
                  <a:pt x="21" y="55"/>
                  <a:pt x="0" y="90"/>
                  <a:pt x="0" y="90"/>
                </a:cubicBezTo>
                <a:cubicBezTo>
                  <a:pt x="1" y="423"/>
                  <a:pt x="1" y="423"/>
                  <a:pt x="1" y="423"/>
                </a:cubicBez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2" name="Freeform 425"/>
          <p:cNvSpPr>
            <a:spLocks/>
          </p:cNvSpPr>
          <p:nvPr userDrawn="1"/>
        </p:nvSpPr>
        <p:spPr bwMode="auto">
          <a:xfrm>
            <a:off x="8170994" y="4488942"/>
            <a:ext cx="403225" cy="344488"/>
          </a:xfrm>
          <a:custGeom>
            <a:avLst/>
            <a:gdLst/>
            <a:ahLst/>
            <a:cxnLst>
              <a:cxn ang="0">
                <a:pos x="144" y="305"/>
              </a:cxn>
              <a:cxn ang="0">
                <a:pos x="23" y="305"/>
              </a:cxn>
              <a:cxn ang="0">
                <a:pos x="0" y="273"/>
              </a:cxn>
              <a:cxn ang="0">
                <a:pos x="0" y="102"/>
              </a:cxn>
              <a:cxn ang="0">
                <a:pos x="72" y="42"/>
              </a:cxn>
              <a:cxn ang="0">
                <a:pos x="100" y="42"/>
              </a:cxn>
              <a:cxn ang="0">
                <a:pos x="179" y="0"/>
              </a:cxn>
              <a:cxn ang="0">
                <a:pos x="265" y="42"/>
              </a:cxn>
              <a:cxn ang="0">
                <a:pos x="301" y="42"/>
              </a:cxn>
              <a:cxn ang="0">
                <a:pos x="358" y="102"/>
              </a:cxn>
              <a:cxn ang="0">
                <a:pos x="358" y="275"/>
              </a:cxn>
              <a:cxn ang="0">
                <a:pos x="331" y="305"/>
              </a:cxn>
              <a:cxn ang="0">
                <a:pos x="205" y="305"/>
              </a:cxn>
              <a:cxn ang="0">
                <a:pos x="170" y="269"/>
              </a:cxn>
              <a:cxn ang="0">
                <a:pos x="90" y="178"/>
              </a:cxn>
              <a:cxn ang="0">
                <a:pos x="175" y="88"/>
              </a:cxn>
              <a:cxn ang="0">
                <a:pos x="269" y="172"/>
              </a:cxn>
              <a:cxn ang="0">
                <a:pos x="218" y="257"/>
              </a:cxn>
            </a:cxnLst>
            <a:rect l="0" t="0" r="r" b="b"/>
            <a:pathLst>
              <a:path w="358" h="305">
                <a:moveTo>
                  <a:pt x="144" y="305"/>
                </a:moveTo>
                <a:cubicBezTo>
                  <a:pt x="144" y="305"/>
                  <a:pt x="45" y="305"/>
                  <a:pt x="23" y="305"/>
                </a:cubicBezTo>
                <a:cubicBezTo>
                  <a:pt x="1" y="305"/>
                  <a:pt x="0" y="304"/>
                  <a:pt x="0" y="273"/>
                </a:cubicBezTo>
                <a:cubicBezTo>
                  <a:pt x="0" y="242"/>
                  <a:pt x="0" y="114"/>
                  <a:pt x="0" y="102"/>
                </a:cubicBezTo>
                <a:cubicBezTo>
                  <a:pt x="0" y="60"/>
                  <a:pt x="24" y="42"/>
                  <a:pt x="72" y="42"/>
                </a:cubicBezTo>
                <a:cubicBezTo>
                  <a:pt x="80" y="42"/>
                  <a:pt x="89" y="42"/>
                  <a:pt x="100" y="42"/>
                </a:cubicBezTo>
                <a:cubicBezTo>
                  <a:pt x="153" y="42"/>
                  <a:pt x="112" y="0"/>
                  <a:pt x="179" y="0"/>
                </a:cubicBezTo>
                <a:cubicBezTo>
                  <a:pt x="251" y="0"/>
                  <a:pt x="208" y="42"/>
                  <a:pt x="265" y="42"/>
                </a:cubicBezTo>
                <a:cubicBezTo>
                  <a:pt x="274" y="42"/>
                  <a:pt x="279" y="42"/>
                  <a:pt x="301" y="42"/>
                </a:cubicBezTo>
                <a:cubicBezTo>
                  <a:pt x="338" y="42"/>
                  <a:pt x="358" y="70"/>
                  <a:pt x="358" y="102"/>
                </a:cubicBezTo>
                <a:cubicBezTo>
                  <a:pt x="358" y="117"/>
                  <a:pt x="358" y="245"/>
                  <a:pt x="358" y="275"/>
                </a:cubicBezTo>
                <a:cubicBezTo>
                  <a:pt x="358" y="304"/>
                  <a:pt x="358" y="305"/>
                  <a:pt x="331" y="305"/>
                </a:cubicBezTo>
                <a:cubicBezTo>
                  <a:pt x="305" y="305"/>
                  <a:pt x="205" y="305"/>
                  <a:pt x="205" y="305"/>
                </a:cubicBezTo>
                <a:cubicBezTo>
                  <a:pt x="205" y="305"/>
                  <a:pt x="184" y="283"/>
                  <a:pt x="170" y="269"/>
                </a:cubicBezTo>
                <a:cubicBezTo>
                  <a:pt x="127" y="260"/>
                  <a:pt x="90" y="230"/>
                  <a:pt x="90" y="178"/>
                </a:cubicBezTo>
                <a:cubicBezTo>
                  <a:pt x="90" y="121"/>
                  <a:pt x="133" y="88"/>
                  <a:pt x="175" y="88"/>
                </a:cubicBezTo>
                <a:cubicBezTo>
                  <a:pt x="227" y="88"/>
                  <a:pt x="269" y="126"/>
                  <a:pt x="269" y="172"/>
                </a:cubicBezTo>
                <a:cubicBezTo>
                  <a:pt x="269" y="239"/>
                  <a:pt x="218" y="257"/>
                  <a:pt x="218" y="257"/>
                </a:cubicBezTo>
              </a:path>
            </a:pathLst>
          </a:custGeom>
          <a:noFill/>
          <a:ln w="31750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3" name="Freeform 473"/>
          <p:cNvSpPr>
            <a:spLocks/>
          </p:cNvSpPr>
          <p:nvPr userDrawn="1"/>
        </p:nvSpPr>
        <p:spPr bwMode="auto">
          <a:xfrm>
            <a:off x="8110669" y="2506086"/>
            <a:ext cx="523875" cy="271463"/>
          </a:xfrm>
          <a:custGeom>
            <a:avLst/>
            <a:gdLst/>
            <a:ahLst/>
            <a:cxnLst>
              <a:cxn ang="0">
                <a:pos x="110" y="87"/>
              </a:cxn>
              <a:cxn ang="0">
                <a:pos x="190" y="100"/>
              </a:cxn>
              <a:cxn ang="0">
                <a:pos x="325" y="158"/>
              </a:cxn>
              <a:cxn ang="0">
                <a:pos x="265" y="119"/>
              </a:cxn>
              <a:cxn ang="0">
                <a:pos x="244" y="130"/>
              </a:cxn>
              <a:cxn ang="0">
                <a:pos x="301" y="185"/>
              </a:cxn>
              <a:cxn ang="0">
                <a:pos x="228" y="138"/>
              </a:cxn>
              <a:cxn ang="0">
                <a:pos x="207" y="149"/>
              </a:cxn>
              <a:cxn ang="0">
                <a:pos x="258" y="202"/>
              </a:cxn>
              <a:cxn ang="0">
                <a:pos x="191" y="158"/>
              </a:cxn>
              <a:cxn ang="0">
                <a:pos x="170" y="169"/>
              </a:cxn>
              <a:cxn ang="0">
                <a:pos x="207" y="210"/>
              </a:cxn>
              <a:cxn ang="0">
                <a:pos x="114" y="157"/>
              </a:cxn>
              <a:cxn ang="0">
                <a:pos x="32" y="154"/>
              </a:cxn>
              <a:cxn ang="0">
                <a:pos x="98" y="68"/>
              </a:cxn>
              <a:cxn ang="0">
                <a:pos x="98" y="42"/>
              </a:cxn>
              <a:cxn ang="0">
                <a:pos x="33" y="51"/>
              </a:cxn>
              <a:cxn ang="0">
                <a:pos x="3" y="176"/>
              </a:cxn>
              <a:cxn ang="0">
                <a:pos x="101" y="181"/>
              </a:cxn>
              <a:cxn ang="0">
                <a:pos x="222" y="234"/>
              </a:cxn>
              <a:cxn ang="0">
                <a:pos x="277" y="225"/>
              </a:cxn>
              <a:cxn ang="0">
                <a:pos x="325" y="204"/>
              </a:cxn>
              <a:cxn ang="0">
                <a:pos x="330" y="185"/>
              </a:cxn>
              <a:cxn ang="0">
                <a:pos x="353" y="160"/>
              </a:cxn>
              <a:cxn ang="0">
                <a:pos x="287" y="84"/>
              </a:cxn>
              <a:cxn ang="0">
                <a:pos x="138" y="88"/>
              </a:cxn>
              <a:cxn ang="0">
                <a:pos x="162" y="59"/>
              </a:cxn>
              <a:cxn ang="0">
                <a:pos x="341" y="68"/>
              </a:cxn>
              <a:cxn ang="0">
                <a:pos x="431" y="68"/>
              </a:cxn>
              <a:cxn ang="0">
                <a:pos x="377" y="154"/>
              </a:cxn>
              <a:cxn ang="0">
                <a:pos x="377" y="181"/>
              </a:cxn>
              <a:cxn ang="0">
                <a:pos x="428" y="172"/>
              </a:cxn>
              <a:cxn ang="0">
                <a:pos x="459" y="47"/>
              </a:cxn>
              <a:cxn ang="0">
                <a:pos x="345" y="42"/>
              </a:cxn>
              <a:cxn ang="0">
                <a:pos x="147" y="37"/>
              </a:cxn>
            </a:cxnLst>
            <a:rect l="0" t="0" r="r" b="b"/>
            <a:pathLst>
              <a:path w="463" h="241">
                <a:moveTo>
                  <a:pt x="147" y="37"/>
                </a:moveTo>
                <a:cubicBezTo>
                  <a:pt x="124" y="52"/>
                  <a:pt x="110" y="70"/>
                  <a:pt x="110" y="87"/>
                </a:cubicBezTo>
                <a:cubicBezTo>
                  <a:pt x="110" y="97"/>
                  <a:pt x="115" y="105"/>
                  <a:pt x="124" y="111"/>
                </a:cubicBezTo>
                <a:cubicBezTo>
                  <a:pt x="144" y="124"/>
                  <a:pt x="166" y="113"/>
                  <a:pt x="190" y="100"/>
                </a:cubicBezTo>
                <a:cubicBezTo>
                  <a:pt x="217" y="85"/>
                  <a:pt x="248" y="87"/>
                  <a:pt x="270" y="104"/>
                </a:cubicBezTo>
                <a:cubicBezTo>
                  <a:pt x="311" y="138"/>
                  <a:pt x="322" y="152"/>
                  <a:pt x="325" y="158"/>
                </a:cubicBezTo>
                <a:cubicBezTo>
                  <a:pt x="323" y="158"/>
                  <a:pt x="319" y="156"/>
                  <a:pt x="311" y="152"/>
                </a:cubicBezTo>
                <a:cubicBezTo>
                  <a:pt x="301" y="146"/>
                  <a:pt x="287" y="136"/>
                  <a:pt x="265" y="119"/>
                </a:cubicBezTo>
                <a:cubicBezTo>
                  <a:pt x="260" y="114"/>
                  <a:pt x="251" y="116"/>
                  <a:pt x="247" y="121"/>
                </a:cubicBezTo>
                <a:cubicBezTo>
                  <a:pt x="245" y="124"/>
                  <a:pt x="244" y="127"/>
                  <a:pt x="244" y="130"/>
                </a:cubicBezTo>
                <a:cubicBezTo>
                  <a:pt x="244" y="133"/>
                  <a:pt x="246" y="137"/>
                  <a:pt x="249" y="140"/>
                </a:cubicBezTo>
                <a:cubicBezTo>
                  <a:pt x="264" y="152"/>
                  <a:pt x="292" y="174"/>
                  <a:pt x="301" y="185"/>
                </a:cubicBezTo>
                <a:cubicBezTo>
                  <a:pt x="297" y="184"/>
                  <a:pt x="291" y="181"/>
                  <a:pt x="281" y="175"/>
                </a:cubicBezTo>
                <a:cubicBezTo>
                  <a:pt x="268" y="168"/>
                  <a:pt x="251" y="155"/>
                  <a:pt x="228" y="138"/>
                </a:cubicBezTo>
                <a:cubicBezTo>
                  <a:pt x="222" y="134"/>
                  <a:pt x="214" y="135"/>
                  <a:pt x="209" y="141"/>
                </a:cubicBezTo>
                <a:cubicBezTo>
                  <a:pt x="208" y="143"/>
                  <a:pt x="207" y="146"/>
                  <a:pt x="207" y="149"/>
                </a:cubicBezTo>
                <a:cubicBezTo>
                  <a:pt x="207" y="153"/>
                  <a:pt x="209" y="157"/>
                  <a:pt x="212" y="159"/>
                </a:cubicBezTo>
                <a:cubicBezTo>
                  <a:pt x="244" y="184"/>
                  <a:pt x="255" y="197"/>
                  <a:pt x="258" y="202"/>
                </a:cubicBezTo>
                <a:cubicBezTo>
                  <a:pt x="255" y="202"/>
                  <a:pt x="250" y="200"/>
                  <a:pt x="240" y="194"/>
                </a:cubicBezTo>
                <a:cubicBezTo>
                  <a:pt x="228" y="187"/>
                  <a:pt x="212" y="175"/>
                  <a:pt x="191" y="158"/>
                </a:cubicBezTo>
                <a:cubicBezTo>
                  <a:pt x="186" y="154"/>
                  <a:pt x="177" y="154"/>
                  <a:pt x="173" y="160"/>
                </a:cubicBezTo>
                <a:cubicBezTo>
                  <a:pt x="171" y="163"/>
                  <a:pt x="170" y="166"/>
                  <a:pt x="170" y="169"/>
                </a:cubicBezTo>
                <a:cubicBezTo>
                  <a:pt x="170" y="172"/>
                  <a:pt x="171" y="176"/>
                  <a:pt x="174" y="179"/>
                </a:cubicBezTo>
                <a:cubicBezTo>
                  <a:pt x="196" y="196"/>
                  <a:pt x="204" y="206"/>
                  <a:pt x="207" y="210"/>
                </a:cubicBezTo>
                <a:cubicBezTo>
                  <a:pt x="202" y="210"/>
                  <a:pt x="192" y="208"/>
                  <a:pt x="170" y="196"/>
                </a:cubicBezTo>
                <a:cubicBezTo>
                  <a:pt x="152" y="186"/>
                  <a:pt x="131" y="171"/>
                  <a:pt x="114" y="157"/>
                </a:cubicBezTo>
                <a:cubicBezTo>
                  <a:pt x="111" y="155"/>
                  <a:pt x="108" y="154"/>
                  <a:pt x="105" y="154"/>
                </a:cubicBezTo>
                <a:cubicBezTo>
                  <a:pt x="105" y="154"/>
                  <a:pt x="55" y="154"/>
                  <a:pt x="32" y="154"/>
                </a:cubicBezTo>
                <a:cubicBezTo>
                  <a:pt x="38" y="132"/>
                  <a:pt x="52" y="82"/>
                  <a:pt x="56" y="68"/>
                </a:cubicBezTo>
                <a:cubicBezTo>
                  <a:pt x="69" y="68"/>
                  <a:pt x="98" y="68"/>
                  <a:pt x="98" y="68"/>
                </a:cubicBezTo>
                <a:cubicBezTo>
                  <a:pt x="105" y="68"/>
                  <a:pt x="111" y="62"/>
                  <a:pt x="111" y="55"/>
                </a:cubicBezTo>
                <a:cubicBezTo>
                  <a:pt x="111" y="48"/>
                  <a:pt x="105" y="42"/>
                  <a:pt x="98" y="42"/>
                </a:cubicBezTo>
                <a:cubicBezTo>
                  <a:pt x="46" y="42"/>
                  <a:pt x="46" y="42"/>
                  <a:pt x="46" y="42"/>
                </a:cubicBezTo>
                <a:cubicBezTo>
                  <a:pt x="40" y="42"/>
                  <a:pt x="35" y="46"/>
                  <a:pt x="33" y="51"/>
                </a:cubicBezTo>
                <a:cubicBezTo>
                  <a:pt x="1" y="164"/>
                  <a:pt x="1" y="164"/>
                  <a:pt x="1" y="164"/>
                </a:cubicBezTo>
                <a:cubicBezTo>
                  <a:pt x="0" y="168"/>
                  <a:pt x="1" y="172"/>
                  <a:pt x="3" y="176"/>
                </a:cubicBezTo>
                <a:cubicBezTo>
                  <a:pt x="6" y="179"/>
                  <a:pt x="10" y="181"/>
                  <a:pt x="14" y="181"/>
                </a:cubicBezTo>
                <a:cubicBezTo>
                  <a:pt x="14" y="181"/>
                  <a:pt x="92" y="181"/>
                  <a:pt x="101" y="181"/>
                </a:cubicBezTo>
                <a:cubicBezTo>
                  <a:pt x="119" y="196"/>
                  <a:pt x="141" y="210"/>
                  <a:pt x="160" y="221"/>
                </a:cubicBezTo>
                <a:cubicBezTo>
                  <a:pt x="190" y="237"/>
                  <a:pt x="209" y="241"/>
                  <a:pt x="222" y="234"/>
                </a:cubicBezTo>
                <a:cubicBezTo>
                  <a:pt x="229" y="230"/>
                  <a:pt x="232" y="225"/>
                  <a:pt x="233" y="221"/>
                </a:cubicBezTo>
                <a:cubicBezTo>
                  <a:pt x="252" y="230"/>
                  <a:pt x="266" y="232"/>
                  <a:pt x="277" y="225"/>
                </a:cubicBezTo>
                <a:cubicBezTo>
                  <a:pt x="283" y="220"/>
                  <a:pt x="286" y="215"/>
                  <a:pt x="287" y="208"/>
                </a:cubicBezTo>
                <a:cubicBezTo>
                  <a:pt x="298" y="213"/>
                  <a:pt x="315" y="217"/>
                  <a:pt x="325" y="204"/>
                </a:cubicBezTo>
                <a:cubicBezTo>
                  <a:pt x="329" y="198"/>
                  <a:pt x="330" y="193"/>
                  <a:pt x="330" y="189"/>
                </a:cubicBezTo>
                <a:cubicBezTo>
                  <a:pt x="330" y="187"/>
                  <a:pt x="330" y="186"/>
                  <a:pt x="330" y="185"/>
                </a:cubicBezTo>
                <a:cubicBezTo>
                  <a:pt x="337" y="184"/>
                  <a:pt x="342" y="181"/>
                  <a:pt x="347" y="175"/>
                </a:cubicBezTo>
                <a:cubicBezTo>
                  <a:pt x="351" y="171"/>
                  <a:pt x="353" y="166"/>
                  <a:pt x="353" y="160"/>
                </a:cubicBezTo>
                <a:cubicBezTo>
                  <a:pt x="353" y="160"/>
                  <a:pt x="353" y="159"/>
                  <a:pt x="353" y="158"/>
                </a:cubicBezTo>
                <a:cubicBezTo>
                  <a:pt x="352" y="145"/>
                  <a:pt x="341" y="128"/>
                  <a:pt x="287" y="84"/>
                </a:cubicBezTo>
                <a:cubicBezTo>
                  <a:pt x="256" y="59"/>
                  <a:pt x="213" y="56"/>
                  <a:pt x="177" y="76"/>
                </a:cubicBezTo>
                <a:cubicBezTo>
                  <a:pt x="149" y="92"/>
                  <a:pt x="143" y="91"/>
                  <a:pt x="138" y="88"/>
                </a:cubicBezTo>
                <a:cubicBezTo>
                  <a:pt x="137" y="87"/>
                  <a:pt x="137" y="87"/>
                  <a:pt x="137" y="87"/>
                </a:cubicBezTo>
                <a:cubicBezTo>
                  <a:pt x="137" y="82"/>
                  <a:pt x="144" y="71"/>
                  <a:pt x="162" y="59"/>
                </a:cubicBezTo>
                <a:cubicBezTo>
                  <a:pt x="208" y="30"/>
                  <a:pt x="281" y="51"/>
                  <a:pt x="320" y="63"/>
                </a:cubicBezTo>
                <a:cubicBezTo>
                  <a:pt x="329" y="65"/>
                  <a:pt x="335" y="67"/>
                  <a:pt x="341" y="68"/>
                </a:cubicBezTo>
                <a:cubicBezTo>
                  <a:pt x="341" y="68"/>
                  <a:pt x="342" y="68"/>
                  <a:pt x="343" y="68"/>
                </a:cubicBezTo>
                <a:cubicBezTo>
                  <a:pt x="343" y="68"/>
                  <a:pt x="406" y="68"/>
                  <a:pt x="431" y="68"/>
                </a:cubicBezTo>
                <a:cubicBezTo>
                  <a:pt x="424" y="90"/>
                  <a:pt x="409" y="141"/>
                  <a:pt x="405" y="154"/>
                </a:cubicBezTo>
                <a:cubicBezTo>
                  <a:pt x="394" y="154"/>
                  <a:pt x="377" y="154"/>
                  <a:pt x="377" y="154"/>
                </a:cubicBezTo>
                <a:cubicBezTo>
                  <a:pt x="370" y="154"/>
                  <a:pt x="364" y="160"/>
                  <a:pt x="364" y="168"/>
                </a:cubicBezTo>
                <a:cubicBezTo>
                  <a:pt x="364" y="175"/>
                  <a:pt x="370" y="181"/>
                  <a:pt x="377" y="181"/>
                </a:cubicBezTo>
                <a:cubicBezTo>
                  <a:pt x="415" y="181"/>
                  <a:pt x="415" y="181"/>
                  <a:pt x="415" y="181"/>
                </a:cubicBezTo>
                <a:cubicBezTo>
                  <a:pt x="421" y="181"/>
                  <a:pt x="426" y="177"/>
                  <a:pt x="428" y="172"/>
                </a:cubicBezTo>
                <a:cubicBezTo>
                  <a:pt x="461" y="59"/>
                  <a:pt x="461" y="59"/>
                  <a:pt x="461" y="59"/>
                </a:cubicBezTo>
                <a:cubicBezTo>
                  <a:pt x="463" y="55"/>
                  <a:pt x="462" y="50"/>
                  <a:pt x="459" y="47"/>
                </a:cubicBezTo>
                <a:cubicBezTo>
                  <a:pt x="457" y="44"/>
                  <a:pt x="453" y="42"/>
                  <a:pt x="449" y="42"/>
                </a:cubicBezTo>
                <a:cubicBezTo>
                  <a:pt x="449" y="42"/>
                  <a:pt x="348" y="42"/>
                  <a:pt x="345" y="42"/>
                </a:cubicBezTo>
                <a:cubicBezTo>
                  <a:pt x="341" y="41"/>
                  <a:pt x="335" y="39"/>
                  <a:pt x="328" y="37"/>
                </a:cubicBezTo>
                <a:cubicBezTo>
                  <a:pt x="284" y="24"/>
                  <a:pt x="204" y="0"/>
                  <a:pt x="147" y="3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" name="Freeform 501"/>
          <p:cNvSpPr>
            <a:spLocks/>
          </p:cNvSpPr>
          <p:nvPr userDrawn="1"/>
        </p:nvSpPr>
        <p:spPr bwMode="auto">
          <a:xfrm>
            <a:off x="8115431" y="3068746"/>
            <a:ext cx="514350" cy="358775"/>
          </a:xfrm>
          <a:custGeom>
            <a:avLst/>
            <a:gdLst/>
            <a:ahLst/>
            <a:cxnLst>
              <a:cxn ang="0">
                <a:pos x="208" y="55"/>
              </a:cxn>
              <a:cxn ang="0">
                <a:pos x="208" y="292"/>
              </a:cxn>
              <a:cxn ang="0">
                <a:pos x="164" y="292"/>
              </a:cxn>
              <a:cxn ang="0">
                <a:pos x="164" y="179"/>
              </a:cxn>
              <a:cxn ang="0">
                <a:pos x="134" y="149"/>
              </a:cxn>
              <a:cxn ang="0">
                <a:pos x="82" y="144"/>
              </a:cxn>
              <a:cxn ang="0">
                <a:pos x="30" y="149"/>
              </a:cxn>
              <a:cxn ang="0">
                <a:pos x="0" y="179"/>
              </a:cxn>
              <a:cxn ang="0">
                <a:pos x="0" y="306"/>
              </a:cxn>
              <a:cxn ang="0">
                <a:pos x="14" y="319"/>
              </a:cxn>
              <a:cxn ang="0">
                <a:pos x="44" y="319"/>
              </a:cxn>
              <a:cxn ang="0">
                <a:pos x="54" y="314"/>
              </a:cxn>
              <a:cxn ang="0">
                <a:pos x="94" y="261"/>
              </a:cxn>
              <a:cxn ang="0">
                <a:pos x="94" y="306"/>
              </a:cxn>
              <a:cxn ang="0">
                <a:pos x="107" y="319"/>
              </a:cxn>
              <a:cxn ang="0">
                <a:pos x="120" y="306"/>
              </a:cxn>
              <a:cxn ang="0">
                <a:pos x="120" y="220"/>
              </a:cxn>
              <a:cxn ang="0">
                <a:pos x="111" y="207"/>
              </a:cxn>
              <a:cxn ang="0">
                <a:pos x="96" y="212"/>
              </a:cxn>
              <a:cxn ang="0">
                <a:pos x="37" y="292"/>
              </a:cxn>
              <a:cxn ang="0">
                <a:pos x="27" y="292"/>
              </a:cxn>
              <a:cxn ang="0">
                <a:pos x="27" y="179"/>
              </a:cxn>
              <a:cxn ang="0">
                <a:pos x="82" y="170"/>
              </a:cxn>
              <a:cxn ang="0">
                <a:pos x="137" y="179"/>
              </a:cxn>
              <a:cxn ang="0">
                <a:pos x="137" y="306"/>
              </a:cxn>
              <a:cxn ang="0">
                <a:pos x="150" y="319"/>
              </a:cxn>
              <a:cxn ang="0">
                <a:pos x="221" y="319"/>
              </a:cxn>
              <a:cxn ang="0">
                <a:pos x="234" y="306"/>
              </a:cxn>
              <a:cxn ang="0">
                <a:pos x="234" y="55"/>
              </a:cxn>
              <a:cxn ang="0">
                <a:pos x="333" y="26"/>
              </a:cxn>
              <a:cxn ang="0">
                <a:pos x="432" y="55"/>
              </a:cxn>
              <a:cxn ang="0">
                <a:pos x="432" y="292"/>
              </a:cxn>
              <a:cxn ang="0">
                <a:pos x="294" y="292"/>
              </a:cxn>
              <a:cxn ang="0">
                <a:pos x="383" y="148"/>
              </a:cxn>
              <a:cxn ang="0">
                <a:pos x="383" y="262"/>
              </a:cxn>
              <a:cxn ang="0">
                <a:pos x="397" y="275"/>
              </a:cxn>
              <a:cxn ang="0">
                <a:pos x="410" y="262"/>
              </a:cxn>
              <a:cxn ang="0">
                <a:pos x="410" y="101"/>
              </a:cxn>
              <a:cxn ang="0">
                <a:pos x="400" y="88"/>
              </a:cxn>
              <a:cxn ang="0">
                <a:pos x="385" y="94"/>
              </a:cxn>
              <a:cxn ang="0">
                <a:pos x="259" y="299"/>
              </a:cxn>
              <a:cxn ang="0">
                <a:pos x="258" y="312"/>
              </a:cxn>
              <a:cxn ang="0">
                <a:pos x="270" y="319"/>
              </a:cxn>
              <a:cxn ang="0">
                <a:pos x="445" y="319"/>
              </a:cxn>
              <a:cxn ang="0">
                <a:pos x="458" y="306"/>
              </a:cxn>
              <a:cxn ang="0">
                <a:pos x="458" y="55"/>
              </a:cxn>
              <a:cxn ang="0">
                <a:pos x="333" y="0"/>
              </a:cxn>
              <a:cxn ang="0">
                <a:pos x="208" y="55"/>
              </a:cxn>
            </a:cxnLst>
            <a:rect l="0" t="0" r="r" b="b"/>
            <a:pathLst>
              <a:path w="458" h="319">
                <a:moveTo>
                  <a:pt x="208" y="55"/>
                </a:moveTo>
                <a:cubicBezTo>
                  <a:pt x="208" y="55"/>
                  <a:pt x="208" y="269"/>
                  <a:pt x="208" y="292"/>
                </a:cubicBezTo>
                <a:cubicBezTo>
                  <a:pt x="194" y="292"/>
                  <a:pt x="177" y="292"/>
                  <a:pt x="164" y="292"/>
                </a:cubicBezTo>
                <a:cubicBezTo>
                  <a:pt x="164" y="271"/>
                  <a:pt x="164" y="179"/>
                  <a:pt x="164" y="179"/>
                </a:cubicBezTo>
                <a:cubicBezTo>
                  <a:pt x="164" y="169"/>
                  <a:pt x="159" y="156"/>
                  <a:pt x="134" y="149"/>
                </a:cubicBezTo>
                <a:cubicBezTo>
                  <a:pt x="118" y="145"/>
                  <a:pt x="97" y="144"/>
                  <a:pt x="82" y="144"/>
                </a:cubicBezTo>
                <a:cubicBezTo>
                  <a:pt x="67" y="144"/>
                  <a:pt x="46" y="145"/>
                  <a:pt x="30" y="149"/>
                </a:cubicBezTo>
                <a:cubicBezTo>
                  <a:pt x="5" y="156"/>
                  <a:pt x="0" y="169"/>
                  <a:pt x="0" y="179"/>
                </a:cubicBezTo>
                <a:cubicBezTo>
                  <a:pt x="0" y="306"/>
                  <a:pt x="0" y="306"/>
                  <a:pt x="0" y="306"/>
                </a:cubicBezTo>
                <a:cubicBezTo>
                  <a:pt x="0" y="313"/>
                  <a:pt x="6" y="319"/>
                  <a:pt x="14" y="319"/>
                </a:cubicBezTo>
                <a:cubicBezTo>
                  <a:pt x="44" y="319"/>
                  <a:pt x="44" y="319"/>
                  <a:pt x="44" y="319"/>
                </a:cubicBezTo>
                <a:cubicBezTo>
                  <a:pt x="48" y="319"/>
                  <a:pt x="52" y="317"/>
                  <a:pt x="54" y="314"/>
                </a:cubicBezTo>
                <a:cubicBezTo>
                  <a:pt x="54" y="314"/>
                  <a:pt x="75" y="286"/>
                  <a:pt x="94" y="261"/>
                </a:cubicBezTo>
                <a:cubicBezTo>
                  <a:pt x="94" y="283"/>
                  <a:pt x="94" y="306"/>
                  <a:pt x="94" y="306"/>
                </a:cubicBezTo>
                <a:cubicBezTo>
                  <a:pt x="94" y="313"/>
                  <a:pt x="100" y="319"/>
                  <a:pt x="107" y="319"/>
                </a:cubicBezTo>
                <a:cubicBezTo>
                  <a:pt x="114" y="319"/>
                  <a:pt x="120" y="313"/>
                  <a:pt x="120" y="306"/>
                </a:cubicBezTo>
                <a:cubicBezTo>
                  <a:pt x="120" y="220"/>
                  <a:pt x="120" y="220"/>
                  <a:pt x="120" y="220"/>
                </a:cubicBezTo>
                <a:cubicBezTo>
                  <a:pt x="120" y="214"/>
                  <a:pt x="117" y="209"/>
                  <a:pt x="111" y="207"/>
                </a:cubicBezTo>
                <a:cubicBezTo>
                  <a:pt x="106" y="206"/>
                  <a:pt x="100" y="207"/>
                  <a:pt x="96" y="212"/>
                </a:cubicBezTo>
                <a:cubicBezTo>
                  <a:pt x="96" y="212"/>
                  <a:pt x="44" y="283"/>
                  <a:pt x="37" y="292"/>
                </a:cubicBezTo>
                <a:cubicBezTo>
                  <a:pt x="33" y="292"/>
                  <a:pt x="32" y="292"/>
                  <a:pt x="27" y="292"/>
                </a:cubicBezTo>
                <a:cubicBezTo>
                  <a:pt x="27" y="271"/>
                  <a:pt x="27" y="181"/>
                  <a:pt x="27" y="179"/>
                </a:cubicBezTo>
                <a:cubicBezTo>
                  <a:pt x="30" y="177"/>
                  <a:pt x="44" y="170"/>
                  <a:pt x="82" y="170"/>
                </a:cubicBezTo>
                <a:cubicBezTo>
                  <a:pt x="120" y="170"/>
                  <a:pt x="134" y="177"/>
                  <a:pt x="137" y="179"/>
                </a:cubicBezTo>
                <a:cubicBezTo>
                  <a:pt x="137" y="181"/>
                  <a:pt x="137" y="306"/>
                  <a:pt x="137" y="306"/>
                </a:cubicBezTo>
                <a:cubicBezTo>
                  <a:pt x="137" y="313"/>
                  <a:pt x="143" y="319"/>
                  <a:pt x="150" y="319"/>
                </a:cubicBezTo>
                <a:cubicBezTo>
                  <a:pt x="221" y="319"/>
                  <a:pt x="221" y="319"/>
                  <a:pt x="221" y="319"/>
                </a:cubicBezTo>
                <a:cubicBezTo>
                  <a:pt x="228" y="319"/>
                  <a:pt x="234" y="313"/>
                  <a:pt x="234" y="306"/>
                </a:cubicBezTo>
                <a:cubicBezTo>
                  <a:pt x="234" y="55"/>
                  <a:pt x="234" y="55"/>
                  <a:pt x="234" y="55"/>
                </a:cubicBezTo>
                <a:cubicBezTo>
                  <a:pt x="234" y="45"/>
                  <a:pt x="268" y="26"/>
                  <a:pt x="333" y="26"/>
                </a:cubicBezTo>
                <a:cubicBezTo>
                  <a:pt x="398" y="26"/>
                  <a:pt x="432" y="45"/>
                  <a:pt x="432" y="55"/>
                </a:cubicBezTo>
                <a:cubicBezTo>
                  <a:pt x="432" y="55"/>
                  <a:pt x="432" y="269"/>
                  <a:pt x="432" y="292"/>
                </a:cubicBezTo>
                <a:cubicBezTo>
                  <a:pt x="412" y="292"/>
                  <a:pt x="327" y="292"/>
                  <a:pt x="294" y="292"/>
                </a:cubicBezTo>
                <a:cubicBezTo>
                  <a:pt x="310" y="267"/>
                  <a:pt x="355" y="193"/>
                  <a:pt x="383" y="148"/>
                </a:cubicBezTo>
                <a:cubicBezTo>
                  <a:pt x="383" y="195"/>
                  <a:pt x="383" y="262"/>
                  <a:pt x="383" y="262"/>
                </a:cubicBezTo>
                <a:cubicBezTo>
                  <a:pt x="383" y="269"/>
                  <a:pt x="389" y="275"/>
                  <a:pt x="397" y="275"/>
                </a:cubicBezTo>
                <a:cubicBezTo>
                  <a:pt x="404" y="275"/>
                  <a:pt x="410" y="269"/>
                  <a:pt x="410" y="262"/>
                </a:cubicBezTo>
                <a:cubicBezTo>
                  <a:pt x="410" y="101"/>
                  <a:pt x="410" y="101"/>
                  <a:pt x="410" y="101"/>
                </a:cubicBezTo>
                <a:cubicBezTo>
                  <a:pt x="410" y="95"/>
                  <a:pt x="406" y="90"/>
                  <a:pt x="400" y="88"/>
                </a:cubicBezTo>
                <a:cubicBezTo>
                  <a:pt x="395" y="87"/>
                  <a:pt x="388" y="89"/>
                  <a:pt x="385" y="94"/>
                </a:cubicBezTo>
                <a:cubicBezTo>
                  <a:pt x="259" y="299"/>
                  <a:pt x="259" y="299"/>
                  <a:pt x="259" y="299"/>
                </a:cubicBezTo>
                <a:cubicBezTo>
                  <a:pt x="256" y="303"/>
                  <a:pt x="256" y="308"/>
                  <a:pt x="258" y="312"/>
                </a:cubicBezTo>
                <a:cubicBezTo>
                  <a:pt x="261" y="316"/>
                  <a:pt x="265" y="319"/>
                  <a:pt x="270" y="319"/>
                </a:cubicBezTo>
                <a:cubicBezTo>
                  <a:pt x="445" y="319"/>
                  <a:pt x="445" y="319"/>
                  <a:pt x="445" y="319"/>
                </a:cubicBezTo>
                <a:cubicBezTo>
                  <a:pt x="452" y="319"/>
                  <a:pt x="458" y="313"/>
                  <a:pt x="458" y="306"/>
                </a:cubicBezTo>
                <a:cubicBezTo>
                  <a:pt x="458" y="55"/>
                  <a:pt x="458" y="55"/>
                  <a:pt x="458" y="55"/>
                </a:cubicBezTo>
                <a:cubicBezTo>
                  <a:pt x="458" y="17"/>
                  <a:pt x="395" y="0"/>
                  <a:pt x="333" y="0"/>
                </a:cubicBezTo>
                <a:cubicBezTo>
                  <a:pt x="271" y="0"/>
                  <a:pt x="208" y="17"/>
                  <a:pt x="208" y="5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5" name="Freeform 521"/>
          <p:cNvSpPr>
            <a:spLocks/>
          </p:cNvSpPr>
          <p:nvPr userDrawn="1"/>
        </p:nvSpPr>
        <p:spPr bwMode="auto">
          <a:xfrm>
            <a:off x="8192425" y="1835055"/>
            <a:ext cx="360363" cy="338137"/>
          </a:xfrm>
          <a:custGeom>
            <a:avLst/>
            <a:gdLst/>
            <a:ahLst/>
            <a:cxnLst>
              <a:cxn ang="0">
                <a:pos x="176" y="0"/>
              </a:cxn>
              <a:cxn ang="0">
                <a:pos x="143" y="5"/>
              </a:cxn>
              <a:cxn ang="0">
                <a:pos x="133" y="21"/>
              </a:cxn>
              <a:cxn ang="0">
                <a:pos x="149" y="31"/>
              </a:cxn>
              <a:cxn ang="0">
                <a:pos x="176" y="27"/>
              </a:cxn>
              <a:cxn ang="0">
                <a:pos x="291" y="154"/>
              </a:cxn>
              <a:cxn ang="0">
                <a:pos x="176" y="274"/>
              </a:cxn>
              <a:cxn ang="0">
                <a:pos x="62" y="154"/>
              </a:cxn>
              <a:cxn ang="0">
                <a:pos x="76" y="92"/>
              </a:cxn>
              <a:cxn ang="0">
                <a:pos x="88" y="123"/>
              </a:cxn>
              <a:cxn ang="0">
                <a:pos x="88" y="123"/>
              </a:cxn>
              <a:cxn ang="0">
                <a:pos x="105" y="131"/>
              </a:cxn>
              <a:cxn ang="0">
                <a:pos x="113" y="114"/>
              </a:cxn>
              <a:cxn ang="0">
                <a:pos x="93" y="60"/>
              </a:cxn>
              <a:cxn ang="0">
                <a:pos x="91" y="55"/>
              </a:cxn>
              <a:cxn ang="0">
                <a:pos x="75" y="48"/>
              </a:cxn>
              <a:cxn ang="0">
                <a:pos x="11" y="67"/>
              </a:cxn>
              <a:cxn ang="0">
                <a:pos x="2" y="83"/>
              </a:cxn>
              <a:cxn ang="0">
                <a:pos x="18" y="92"/>
              </a:cxn>
              <a:cxn ang="0">
                <a:pos x="51" y="83"/>
              </a:cxn>
              <a:cxn ang="0">
                <a:pos x="35" y="154"/>
              </a:cxn>
              <a:cxn ang="0">
                <a:pos x="76" y="259"/>
              </a:cxn>
              <a:cxn ang="0">
                <a:pos x="176" y="300"/>
              </a:cxn>
              <a:cxn ang="0">
                <a:pos x="276" y="259"/>
              </a:cxn>
              <a:cxn ang="0">
                <a:pos x="318" y="154"/>
              </a:cxn>
              <a:cxn ang="0">
                <a:pos x="176" y="0"/>
              </a:cxn>
            </a:cxnLst>
            <a:rect l="0" t="0" r="r" b="b"/>
            <a:pathLst>
              <a:path w="318" h="300">
                <a:moveTo>
                  <a:pt x="176" y="0"/>
                </a:moveTo>
                <a:cubicBezTo>
                  <a:pt x="165" y="0"/>
                  <a:pt x="154" y="2"/>
                  <a:pt x="143" y="5"/>
                </a:cubicBezTo>
                <a:cubicBezTo>
                  <a:pt x="135" y="7"/>
                  <a:pt x="131" y="14"/>
                  <a:pt x="133" y="21"/>
                </a:cubicBezTo>
                <a:cubicBezTo>
                  <a:pt x="135" y="28"/>
                  <a:pt x="142" y="32"/>
                  <a:pt x="149" y="31"/>
                </a:cubicBezTo>
                <a:cubicBezTo>
                  <a:pt x="158" y="28"/>
                  <a:pt x="167" y="27"/>
                  <a:pt x="176" y="27"/>
                </a:cubicBezTo>
                <a:cubicBezTo>
                  <a:pt x="240" y="27"/>
                  <a:pt x="291" y="84"/>
                  <a:pt x="291" y="154"/>
                </a:cubicBezTo>
                <a:cubicBezTo>
                  <a:pt x="291" y="222"/>
                  <a:pt x="242" y="274"/>
                  <a:pt x="176" y="274"/>
                </a:cubicBezTo>
                <a:cubicBezTo>
                  <a:pt x="111" y="274"/>
                  <a:pt x="62" y="222"/>
                  <a:pt x="62" y="154"/>
                </a:cubicBezTo>
                <a:cubicBezTo>
                  <a:pt x="62" y="132"/>
                  <a:pt x="67" y="111"/>
                  <a:pt x="76" y="92"/>
                </a:cubicBezTo>
                <a:cubicBezTo>
                  <a:pt x="88" y="123"/>
                  <a:pt x="88" y="123"/>
                  <a:pt x="88" y="123"/>
                </a:cubicBezTo>
                <a:cubicBezTo>
                  <a:pt x="88" y="123"/>
                  <a:pt x="88" y="123"/>
                  <a:pt x="88" y="123"/>
                </a:cubicBezTo>
                <a:cubicBezTo>
                  <a:pt x="91" y="130"/>
                  <a:pt x="98" y="134"/>
                  <a:pt x="105" y="131"/>
                </a:cubicBezTo>
                <a:cubicBezTo>
                  <a:pt x="112" y="128"/>
                  <a:pt x="115" y="121"/>
                  <a:pt x="113" y="114"/>
                </a:cubicBezTo>
                <a:cubicBezTo>
                  <a:pt x="93" y="60"/>
                  <a:pt x="93" y="60"/>
                  <a:pt x="93" y="60"/>
                </a:cubicBezTo>
                <a:cubicBezTo>
                  <a:pt x="92" y="58"/>
                  <a:pt x="92" y="56"/>
                  <a:pt x="91" y="55"/>
                </a:cubicBezTo>
                <a:cubicBezTo>
                  <a:pt x="88" y="49"/>
                  <a:pt x="81" y="46"/>
                  <a:pt x="75" y="48"/>
                </a:cubicBezTo>
                <a:cubicBezTo>
                  <a:pt x="11" y="67"/>
                  <a:pt x="11" y="67"/>
                  <a:pt x="11" y="67"/>
                </a:cubicBezTo>
                <a:cubicBezTo>
                  <a:pt x="4" y="69"/>
                  <a:pt x="0" y="76"/>
                  <a:pt x="2" y="83"/>
                </a:cubicBezTo>
                <a:cubicBezTo>
                  <a:pt x="4" y="90"/>
                  <a:pt x="11" y="94"/>
                  <a:pt x="18" y="92"/>
                </a:cubicBezTo>
                <a:cubicBezTo>
                  <a:pt x="51" y="83"/>
                  <a:pt x="51" y="83"/>
                  <a:pt x="51" y="83"/>
                </a:cubicBezTo>
                <a:cubicBezTo>
                  <a:pt x="41" y="104"/>
                  <a:pt x="35" y="129"/>
                  <a:pt x="35" y="154"/>
                </a:cubicBezTo>
                <a:cubicBezTo>
                  <a:pt x="35" y="194"/>
                  <a:pt x="50" y="231"/>
                  <a:pt x="76" y="259"/>
                </a:cubicBezTo>
                <a:cubicBezTo>
                  <a:pt x="103" y="286"/>
                  <a:pt x="138" y="300"/>
                  <a:pt x="176" y="300"/>
                </a:cubicBezTo>
                <a:cubicBezTo>
                  <a:pt x="215" y="300"/>
                  <a:pt x="250" y="286"/>
                  <a:pt x="276" y="259"/>
                </a:cubicBezTo>
                <a:cubicBezTo>
                  <a:pt x="303" y="231"/>
                  <a:pt x="318" y="194"/>
                  <a:pt x="318" y="154"/>
                </a:cubicBezTo>
                <a:cubicBezTo>
                  <a:pt x="318" y="69"/>
                  <a:pt x="254" y="0"/>
                  <a:pt x="176" y="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6" name="Freeform 560"/>
          <p:cNvSpPr>
            <a:spLocks/>
          </p:cNvSpPr>
          <p:nvPr userDrawn="1"/>
        </p:nvSpPr>
        <p:spPr bwMode="auto">
          <a:xfrm>
            <a:off x="8246400" y="5065121"/>
            <a:ext cx="252413" cy="515938"/>
          </a:xfrm>
          <a:custGeom>
            <a:avLst/>
            <a:gdLst/>
            <a:ahLst/>
            <a:cxnLst>
              <a:cxn ang="0">
                <a:pos x="98" y="14"/>
              </a:cxn>
              <a:cxn ang="0">
                <a:pos x="98" y="14"/>
              </a:cxn>
              <a:cxn ang="0">
                <a:pos x="111" y="27"/>
              </a:cxn>
              <a:cxn ang="0">
                <a:pos x="168" y="36"/>
              </a:cxn>
              <a:cxn ang="0">
                <a:pos x="111" y="41"/>
              </a:cxn>
              <a:cxn ang="0">
                <a:pos x="44" y="32"/>
              </a:cxn>
              <a:cxn ang="0">
                <a:pos x="39" y="28"/>
              </a:cxn>
              <a:cxn ang="0">
                <a:pos x="25" y="28"/>
              </a:cxn>
              <a:cxn ang="0">
                <a:pos x="18" y="40"/>
              </a:cxn>
              <a:cxn ang="0">
                <a:pos x="14" y="62"/>
              </a:cxn>
              <a:cxn ang="0">
                <a:pos x="12" y="66"/>
              </a:cxn>
              <a:cxn ang="0">
                <a:pos x="0" y="111"/>
              </a:cxn>
              <a:cxn ang="0">
                <a:pos x="0" y="372"/>
              </a:cxn>
              <a:cxn ang="0">
                <a:pos x="0" y="372"/>
              </a:cxn>
              <a:cxn ang="0">
                <a:pos x="0" y="372"/>
              </a:cxn>
              <a:cxn ang="0">
                <a:pos x="22" y="424"/>
              </a:cxn>
              <a:cxn ang="0">
                <a:pos x="110" y="454"/>
              </a:cxn>
              <a:cxn ang="0">
                <a:pos x="200" y="429"/>
              </a:cxn>
              <a:cxn ang="0">
                <a:pos x="223" y="375"/>
              </a:cxn>
              <a:cxn ang="0">
                <a:pos x="223" y="113"/>
              </a:cxn>
              <a:cxn ang="0">
                <a:pos x="209" y="100"/>
              </a:cxn>
              <a:cxn ang="0">
                <a:pos x="196" y="113"/>
              </a:cxn>
              <a:cxn ang="0">
                <a:pos x="196" y="375"/>
              </a:cxn>
              <a:cxn ang="0">
                <a:pos x="182" y="409"/>
              </a:cxn>
              <a:cxn ang="0">
                <a:pos x="112" y="428"/>
              </a:cxn>
              <a:cxn ang="0">
                <a:pos x="110" y="428"/>
              </a:cxn>
              <a:cxn ang="0">
                <a:pos x="42" y="406"/>
              </a:cxn>
              <a:cxn ang="0">
                <a:pos x="27" y="372"/>
              </a:cxn>
              <a:cxn ang="0">
                <a:pos x="27" y="111"/>
              </a:cxn>
              <a:cxn ang="0">
                <a:pos x="35" y="79"/>
              </a:cxn>
              <a:cxn ang="0">
                <a:pos x="37" y="75"/>
              </a:cxn>
              <a:cxn ang="0">
                <a:pos x="43" y="60"/>
              </a:cxn>
              <a:cxn ang="0">
                <a:pos x="111" y="67"/>
              </a:cxn>
              <a:cxn ang="0">
                <a:pos x="171" y="62"/>
              </a:cxn>
              <a:cxn ang="0">
                <a:pos x="205" y="37"/>
              </a:cxn>
              <a:cxn ang="0">
                <a:pos x="111" y="0"/>
              </a:cxn>
              <a:cxn ang="0">
                <a:pos x="98" y="14"/>
              </a:cxn>
            </a:cxnLst>
            <a:rect l="0" t="0" r="r" b="b"/>
            <a:pathLst>
              <a:path w="223" h="458">
                <a:moveTo>
                  <a:pt x="98" y="14"/>
                </a:moveTo>
                <a:cubicBezTo>
                  <a:pt x="98" y="14"/>
                  <a:pt x="98" y="14"/>
                  <a:pt x="98" y="14"/>
                </a:cubicBezTo>
                <a:cubicBezTo>
                  <a:pt x="98" y="21"/>
                  <a:pt x="104" y="27"/>
                  <a:pt x="111" y="27"/>
                </a:cubicBezTo>
                <a:cubicBezTo>
                  <a:pt x="136" y="27"/>
                  <a:pt x="156" y="31"/>
                  <a:pt x="168" y="36"/>
                </a:cubicBezTo>
                <a:cubicBezTo>
                  <a:pt x="156" y="38"/>
                  <a:pt x="137" y="41"/>
                  <a:pt x="111" y="41"/>
                </a:cubicBezTo>
                <a:cubicBezTo>
                  <a:pt x="73" y="41"/>
                  <a:pt x="50" y="35"/>
                  <a:pt x="44" y="32"/>
                </a:cubicBezTo>
                <a:cubicBezTo>
                  <a:pt x="44" y="31"/>
                  <a:pt x="39" y="28"/>
                  <a:pt x="39" y="28"/>
                </a:cubicBezTo>
                <a:cubicBezTo>
                  <a:pt x="35" y="25"/>
                  <a:pt x="30" y="25"/>
                  <a:pt x="25" y="28"/>
                </a:cubicBezTo>
                <a:cubicBezTo>
                  <a:pt x="21" y="30"/>
                  <a:pt x="18" y="35"/>
                  <a:pt x="18" y="40"/>
                </a:cubicBezTo>
                <a:cubicBezTo>
                  <a:pt x="18" y="40"/>
                  <a:pt x="19" y="52"/>
                  <a:pt x="14" y="62"/>
                </a:cubicBezTo>
                <a:cubicBezTo>
                  <a:pt x="12" y="66"/>
                  <a:pt x="12" y="66"/>
                  <a:pt x="12" y="66"/>
                </a:cubicBezTo>
                <a:cubicBezTo>
                  <a:pt x="4" y="79"/>
                  <a:pt x="0" y="88"/>
                  <a:pt x="0" y="111"/>
                </a:cubicBezTo>
                <a:cubicBezTo>
                  <a:pt x="0" y="372"/>
                  <a:pt x="0" y="372"/>
                  <a:pt x="0" y="372"/>
                </a:cubicBezTo>
                <a:cubicBezTo>
                  <a:pt x="0" y="372"/>
                  <a:pt x="0" y="372"/>
                  <a:pt x="0" y="372"/>
                </a:cubicBezTo>
                <a:cubicBezTo>
                  <a:pt x="0" y="372"/>
                  <a:pt x="0" y="372"/>
                  <a:pt x="0" y="372"/>
                </a:cubicBezTo>
                <a:cubicBezTo>
                  <a:pt x="0" y="376"/>
                  <a:pt x="1" y="402"/>
                  <a:pt x="22" y="424"/>
                </a:cubicBezTo>
                <a:cubicBezTo>
                  <a:pt x="42" y="444"/>
                  <a:pt x="71" y="454"/>
                  <a:pt x="110" y="454"/>
                </a:cubicBezTo>
                <a:cubicBezTo>
                  <a:pt x="114" y="454"/>
                  <a:pt x="168" y="458"/>
                  <a:pt x="200" y="429"/>
                </a:cubicBezTo>
                <a:cubicBezTo>
                  <a:pt x="215" y="415"/>
                  <a:pt x="223" y="397"/>
                  <a:pt x="223" y="375"/>
                </a:cubicBezTo>
                <a:cubicBezTo>
                  <a:pt x="223" y="113"/>
                  <a:pt x="223" y="113"/>
                  <a:pt x="223" y="113"/>
                </a:cubicBezTo>
                <a:cubicBezTo>
                  <a:pt x="223" y="106"/>
                  <a:pt x="217" y="100"/>
                  <a:pt x="209" y="100"/>
                </a:cubicBezTo>
                <a:cubicBezTo>
                  <a:pt x="202" y="100"/>
                  <a:pt x="196" y="106"/>
                  <a:pt x="196" y="113"/>
                </a:cubicBezTo>
                <a:cubicBezTo>
                  <a:pt x="196" y="375"/>
                  <a:pt x="196" y="375"/>
                  <a:pt x="196" y="375"/>
                </a:cubicBezTo>
                <a:cubicBezTo>
                  <a:pt x="196" y="389"/>
                  <a:pt x="192" y="401"/>
                  <a:pt x="182" y="409"/>
                </a:cubicBezTo>
                <a:cubicBezTo>
                  <a:pt x="158" y="431"/>
                  <a:pt x="112" y="428"/>
                  <a:pt x="112" y="428"/>
                </a:cubicBezTo>
                <a:cubicBezTo>
                  <a:pt x="111" y="428"/>
                  <a:pt x="111" y="428"/>
                  <a:pt x="110" y="428"/>
                </a:cubicBezTo>
                <a:cubicBezTo>
                  <a:pt x="79" y="428"/>
                  <a:pt x="56" y="420"/>
                  <a:pt x="42" y="406"/>
                </a:cubicBezTo>
                <a:cubicBezTo>
                  <a:pt x="27" y="391"/>
                  <a:pt x="27" y="373"/>
                  <a:pt x="27" y="372"/>
                </a:cubicBezTo>
                <a:cubicBezTo>
                  <a:pt x="27" y="372"/>
                  <a:pt x="27" y="111"/>
                  <a:pt x="27" y="111"/>
                </a:cubicBezTo>
                <a:cubicBezTo>
                  <a:pt x="27" y="94"/>
                  <a:pt x="29" y="89"/>
                  <a:pt x="35" y="79"/>
                </a:cubicBezTo>
                <a:cubicBezTo>
                  <a:pt x="37" y="75"/>
                  <a:pt x="37" y="75"/>
                  <a:pt x="37" y="75"/>
                </a:cubicBezTo>
                <a:cubicBezTo>
                  <a:pt x="40" y="70"/>
                  <a:pt x="42" y="65"/>
                  <a:pt x="43" y="60"/>
                </a:cubicBezTo>
                <a:cubicBezTo>
                  <a:pt x="59" y="65"/>
                  <a:pt x="83" y="67"/>
                  <a:pt x="111" y="67"/>
                </a:cubicBezTo>
                <a:cubicBezTo>
                  <a:pt x="134" y="67"/>
                  <a:pt x="155" y="66"/>
                  <a:pt x="171" y="62"/>
                </a:cubicBezTo>
                <a:cubicBezTo>
                  <a:pt x="180" y="60"/>
                  <a:pt x="205" y="55"/>
                  <a:pt x="205" y="37"/>
                </a:cubicBezTo>
                <a:cubicBezTo>
                  <a:pt x="205" y="12"/>
                  <a:pt x="150" y="0"/>
                  <a:pt x="111" y="0"/>
                </a:cubicBezTo>
                <a:cubicBezTo>
                  <a:pt x="104" y="0"/>
                  <a:pt x="98" y="6"/>
                  <a:pt x="98" y="1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7" name="Freeform 580"/>
          <p:cNvSpPr>
            <a:spLocks/>
          </p:cNvSpPr>
          <p:nvPr userDrawn="1"/>
        </p:nvSpPr>
        <p:spPr bwMode="auto">
          <a:xfrm>
            <a:off x="8124162" y="3689010"/>
            <a:ext cx="496888" cy="495300"/>
          </a:xfrm>
          <a:custGeom>
            <a:avLst/>
            <a:gdLst/>
            <a:ahLst/>
            <a:cxnLst>
              <a:cxn ang="0">
                <a:pos x="415" y="114"/>
              </a:cxn>
              <a:cxn ang="0">
                <a:pos x="387" y="114"/>
              </a:cxn>
              <a:cxn ang="0">
                <a:pos x="415" y="60"/>
              </a:cxn>
              <a:cxn ang="0">
                <a:pos x="295" y="60"/>
              </a:cxn>
              <a:cxn ang="0">
                <a:pos x="334" y="104"/>
              </a:cxn>
              <a:cxn ang="0">
                <a:pos x="320" y="60"/>
              </a:cxn>
              <a:cxn ang="0">
                <a:pos x="389" y="60"/>
              </a:cxn>
              <a:cxn ang="0">
                <a:pos x="365" y="93"/>
              </a:cxn>
              <a:cxn ang="0">
                <a:pos x="363" y="94"/>
              </a:cxn>
              <a:cxn ang="0">
                <a:pos x="361" y="95"/>
              </a:cxn>
              <a:cxn ang="0">
                <a:pos x="360" y="97"/>
              </a:cxn>
              <a:cxn ang="0">
                <a:pos x="359" y="99"/>
              </a:cxn>
              <a:cxn ang="0">
                <a:pos x="358" y="102"/>
              </a:cxn>
              <a:cxn ang="0">
                <a:pos x="358" y="104"/>
              </a:cxn>
              <a:cxn ang="0">
                <a:pos x="358" y="107"/>
              </a:cxn>
              <a:cxn ang="0">
                <a:pos x="365" y="130"/>
              </a:cxn>
              <a:cxn ang="0">
                <a:pos x="409" y="139"/>
              </a:cxn>
              <a:cxn ang="0">
                <a:pos x="415" y="143"/>
              </a:cxn>
              <a:cxn ang="0">
                <a:pos x="382" y="413"/>
              </a:cxn>
              <a:cxn ang="0">
                <a:pos x="399" y="203"/>
              </a:cxn>
              <a:cxn ang="0">
                <a:pos x="353" y="132"/>
              </a:cxn>
              <a:cxn ang="0">
                <a:pos x="351" y="131"/>
              </a:cxn>
              <a:cxn ang="0">
                <a:pos x="349" y="129"/>
              </a:cxn>
              <a:cxn ang="0">
                <a:pos x="347" y="128"/>
              </a:cxn>
              <a:cxn ang="0">
                <a:pos x="345" y="127"/>
              </a:cxn>
              <a:cxn ang="0">
                <a:pos x="342" y="127"/>
              </a:cxn>
              <a:cxn ang="0">
                <a:pos x="316" y="131"/>
              </a:cxn>
              <a:cxn ang="0">
                <a:pos x="191" y="154"/>
              </a:cxn>
              <a:cxn ang="0">
                <a:pos x="202" y="413"/>
              </a:cxn>
              <a:cxn ang="0">
                <a:pos x="0" y="426"/>
              </a:cxn>
              <a:cxn ang="0">
                <a:pos x="216" y="439"/>
              </a:cxn>
              <a:cxn ang="0">
                <a:pos x="228" y="425"/>
              </a:cxn>
              <a:cxn ang="0">
                <a:pos x="337" y="153"/>
              </a:cxn>
              <a:cxn ang="0">
                <a:pos x="347" y="425"/>
              </a:cxn>
              <a:cxn ang="0">
                <a:pos x="360" y="439"/>
              </a:cxn>
              <a:cxn ang="0">
                <a:pos x="394" y="439"/>
              </a:cxn>
              <a:cxn ang="0">
                <a:pos x="396" y="438"/>
              </a:cxn>
              <a:cxn ang="0">
                <a:pos x="398" y="438"/>
              </a:cxn>
              <a:cxn ang="0">
                <a:pos x="400" y="437"/>
              </a:cxn>
              <a:cxn ang="0">
                <a:pos x="402" y="435"/>
              </a:cxn>
              <a:cxn ang="0">
                <a:pos x="404" y="433"/>
              </a:cxn>
              <a:cxn ang="0">
                <a:pos x="405" y="431"/>
              </a:cxn>
              <a:cxn ang="0">
                <a:pos x="406" y="429"/>
              </a:cxn>
              <a:cxn ang="0">
                <a:pos x="406" y="427"/>
              </a:cxn>
              <a:cxn ang="0">
                <a:pos x="440" y="146"/>
              </a:cxn>
              <a:cxn ang="0">
                <a:pos x="440" y="143"/>
              </a:cxn>
            </a:cxnLst>
            <a:rect l="0" t="0" r="r" b="b"/>
            <a:pathLst>
              <a:path w="440" h="439">
                <a:moveTo>
                  <a:pt x="440" y="143"/>
                </a:moveTo>
                <a:cubicBezTo>
                  <a:pt x="440" y="128"/>
                  <a:pt x="429" y="116"/>
                  <a:pt x="415" y="114"/>
                </a:cubicBezTo>
                <a:cubicBezTo>
                  <a:pt x="414" y="114"/>
                  <a:pt x="413" y="114"/>
                  <a:pt x="411" y="114"/>
                </a:cubicBezTo>
                <a:cubicBezTo>
                  <a:pt x="387" y="114"/>
                  <a:pt x="387" y="114"/>
                  <a:pt x="387" y="114"/>
                </a:cubicBezTo>
                <a:cubicBezTo>
                  <a:pt x="386" y="111"/>
                  <a:pt x="386" y="111"/>
                  <a:pt x="386" y="111"/>
                </a:cubicBezTo>
                <a:cubicBezTo>
                  <a:pt x="403" y="100"/>
                  <a:pt x="415" y="81"/>
                  <a:pt x="415" y="60"/>
                </a:cubicBezTo>
                <a:cubicBezTo>
                  <a:pt x="415" y="27"/>
                  <a:pt x="388" y="0"/>
                  <a:pt x="355" y="0"/>
                </a:cubicBezTo>
                <a:cubicBezTo>
                  <a:pt x="322" y="0"/>
                  <a:pt x="295" y="27"/>
                  <a:pt x="295" y="60"/>
                </a:cubicBezTo>
                <a:cubicBezTo>
                  <a:pt x="295" y="78"/>
                  <a:pt x="303" y="95"/>
                  <a:pt x="317" y="106"/>
                </a:cubicBezTo>
                <a:cubicBezTo>
                  <a:pt x="322" y="110"/>
                  <a:pt x="330" y="109"/>
                  <a:pt x="334" y="104"/>
                </a:cubicBezTo>
                <a:cubicBezTo>
                  <a:pt x="339" y="99"/>
                  <a:pt x="338" y="91"/>
                  <a:pt x="333" y="86"/>
                </a:cubicBezTo>
                <a:cubicBezTo>
                  <a:pt x="325" y="80"/>
                  <a:pt x="320" y="70"/>
                  <a:pt x="320" y="60"/>
                </a:cubicBezTo>
                <a:cubicBezTo>
                  <a:pt x="320" y="40"/>
                  <a:pt x="336" y="25"/>
                  <a:pt x="355" y="25"/>
                </a:cubicBezTo>
                <a:cubicBezTo>
                  <a:pt x="374" y="25"/>
                  <a:pt x="389" y="40"/>
                  <a:pt x="389" y="60"/>
                </a:cubicBezTo>
                <a:cubicBezTo>
                  <a:pt x="389" y="75"/>
                  <a:pt x="380" y="87"/>
                  <a:pt x="366" y="92"/>
                </a:cubicBezTo>
                <a:cubicBezTo>
                  <a:pt x="366" y="92"/>
                  <a:pt x="366" y="93"/>
                  <a:pt x="365" y="93"/>
                </a:cubicBezTo>
                <a:cubicBezTo>
                  <a:pt x="365" y="93"/>
                  <a:pt x="365" y="93"/>
                  <a:pt x="364" y="93"/>
                </a:cubicBezTo>
                <a:cubicBezTo>
                  <a:pt x="364" y="93"/>
                  <a:pt x="364" y="94"/>
                  <a:pt x="363" y="94"/>
                </a:cubicBezTo>
                <a:cubicBezTo>
                  <a:pt x="363" y="94"/>
                  <a:pt x="362" y="94"/>
                  <a:pt x="362" y="95"/>
                </a:cubicBezTo>
                <a:cubicBezTo>
                  <a:pt x="362" y="95"/>
                  <a:pt x="362" y="95"/>
                  <a:pt x="361" y="95"/>
                </a:cubicBezTo>
                <a:cubicBezTo>
                  <a:pt x="361" y="96"/>
                  <a:pt x="361" y="96"/>
                  <a:pt x="360" y="96"/>
                </a:cubicBezTo>
                <a:cubicBezTo>
                  <a:pt x="360" y="97"/>
                  <a:pt x="360" y="97"/>
                  <a:pt x="360" y="97"/>
                </a:cubicBezTo>
                <a:cubicBezTo>
                  <a:pt x="360" y="98"/>
                  <a:pt x="359" y="98"/>
                  <a:pt x="359" y="99"/>
                </a:cubicBezTo>
                <a:cubicBezTo>
                  <a:pt x="359" y="99"/>
                  <a:pt x="359" y="99"/>
                  <a:pt x="359" y="99"/>
                </a:cubicBezTo>
                <a:cubicBezTo>
                  <a:pt x="359" y="100"/>
                  <a:pt x="358" y="100"/>
                  <a:pt x="358" y="101"/>
                </a:cubicBezTo>
                <a:cubicBezTo>
                  <a:pt x="358" y="101"/>
                  <a:pt x="358" y="101"/>
                  <a:pt x="358" y="102"/>
                </a:cubicBezTo>
                <a:cubicBezTo>
                  <a:pt x="358" y="102"/>
                  <a:pt x="358" y="103"/>
                  <a:pt x="358" y="103"/>
                </a:cubicBezTo>
                <a:cubicBezTo>
                  <a:pt x="358" y="103"/>
                  <a:pt x="358" y="104"/>
                  <a:pt x="358" y="104"/>
                </a:cubicBezTo>
                <a:cubicBezTo>
                  <a:pt x="358" y="105"/>
                  <a:pt x="358" y="105"/>
                  <a:pt x="358" y="106"/>
                </a:cubicBezTo>
                <a:cubicBezTo>
                  <a:pt x="358" y="106"/>
                  <a:pt x="358" y="106"/>
                  <a:pt x="358" y="107"/>
                </a:cubicBezTo>
                <a:cubicBezTo>
                  <a:pt x="358" y="107"/>
                  <a:pt x="358" y="107"/>
                  <a:pt x="358" y="108"/>
                </a:cubicBezTo>
                <a:cubicBezTo>
                  <a:pt x="365" y="130"/>
                  <a:pt x="365" y="130"/>
                  <a:pt x="365" y="130"/>
                </a:cubicBezTo>
                <a:cubicBezTo>
                  <a:pt x="367" y="135"/>
                  <a:pt x="372" y="139"/>
                  <a:pt x="377" y="139"/>
                </a:cubicBezTo>
                <a:cubicBezTo>
                  <a:pt x="409" y="139"/>
                  <a:pt x="409" y="139"/>
                  <a:pt x="409" y="139"/>
                </a:cubicBezTo>
                <a:cubicBezTo>
                  <a:pt x="410" y="139"/>
                  <a:pt x="411" y="139"/>
                  <a:pt x="411" y="139"/>
                </a:cubicBezTo>
                <a:cubicBezTo>
                  <a:pt x="413" y="139"/>
                  <a:pt x="415" y="141"/>
                  <a:pt x="415" y="143"/>
                </a:cubicBezTo>
                <a:cubicBezTo>
                  <a:pt x="415" y="143"/>
                  <a:pt x="415" y="143"/>
                  <a:pt x="415" y="144"/>
                </a:cubicBezTo>
                <a:cubicBezTo>
                  <a:pt x="382" y="413"/>
                  <a:pt x="382" y="413"/>
                  <a:pt x="382" y="413"/>
                </a:cubicBezTo>
                <a:cubicBezTo>
                  <a:pt x="374" y="413"/>
                  <a:pt x="374" y="413"/>
                  <a:pt x="374" y="413"/>
                </a:cubicBezTo>
                <a:cubicBezTo>
                  <a:pt x="399" y="203"/>
                  <a:pt x="399" y="203"/>
                  <a:pt x="399" y="203"/>
                </a:cubicBezTo>
                <a:cubicBezTo>
                  <a:pt x="399" y="199"/>
                  <a:pt x="398" y="196"/>
                  <a:pt x="396" y="194"/>
                </a:cubicBezTo>
                <a:cubicBezTo>
                  <a:pt x="353" y="132"/>
                  <a:pt x="353" y="132"/>
                  <a:pt x="353" y="132"/>
                </a:cubicBezTo>
                <a:cubicBezTo>
                  <a:pt x="352" y="132"/>
                  <a:pt x="352" y="131"/>
                  <a:pt x="351" y="131"/>
                </a:cubicBezTo>
                <a:cubicBezTo>
                  <a:pt x="351" y="131"/>
                  <a:pt x="351" y="131"/>
                  <a:pt x="351" y="131"/>
                </a:cubicBezTo>
                <a:cubicBezTo>
                  <a:pt x="351" y="130"/>
                  <a:pt x="350" y="130"/>
                  <a:pt x="350" y="129"/>
                </a:cubicBezTo>
                <a:cubicBezTo>
                  <a:pt x="349" y="129"/>
                  <a:pt x="349" y="129"/>
                  <a:pt x="349" y="129"/>
                </a:cubicBezTo>
                <a:cubicBezTo>
                  <a:pt x="349" y="129"/>
                  <a:pt x="348" y="128"/>
                  <a:pt x="348" y="128"/>
                </a:cubicBezTo>
                <a:cubicBezTo>
                  <a:pt x="347" y="128"/>
                  <a:pt x="347" y="128"/>
                  <a:pt x="347" y="128"/>
                </a:cubicBezTo>
                <a:cubicBezTo>
                  <a:pt x="347" y="128"/>
                  <a:pt x="346" y="127"/>
                  <a:pt x="345" y="127"/>
                </a:cubicBezTo>
                <a:cubicBezTo>
                  <a:pt x="345" y="127"/>
                  <a:pt x="345" y="127"/>
                  <a:pt x="345" y="127"/>
                </a:cubicBezTo>
                <a:cubicBezTo>
                  <a:pt x="344" y="127"/>
                  <a:pt x="344" y="127"/>
                  <a:pt x="343" y="127"/>
                </a:cubicBezTo>
                <a:cubicBezTo>
                  <a:pt x="343" y="127"/>
                  <a:pt x="343" y="127"/>
                  <a:pt x="342" y="127"/>
                </a:cubicBezTo>
                <a:cubicBezTo>
                  <a:pt x="342" y="127"/>
                  <a:pt x="341" y="127"/>
                  <a:pt x="340" y="127"/>
                </a:cubicBezTo>
                <a:cubicBezTo>
                  <a:pt x="316" y="131"/>
                  <a:pt x="316" y="131"/>
                  <a:pt x="316" y="131"/>
                </a:cubicBezTo>
                <a:cubicBezTo>
                  <a:pt x="316" y="131"/>
                  <a:pt x="316" y="131"/>
                  <a:pt x="316" y="131"/>
                </a:cubicBezTo>
                <a:cubicBezTo>
                  <a:pt x="191" y="154"/>
                  <a:pt x="191" y="154"/>
                  <a:pt x="191" y="154"/>
                </a:cubicBezTo>
                <a:cubicBezTo>
                  <a:pt x="184" y="156"/>
                  <a:pt x="180" y="161"/>
                  <a:pt x="181" y="168"/>
                </a:cubicBezTo>
                <a:cubicBezTo>
                  <a:pt x="202" y="413"/>
                  <a:pt x="202" y="413"/>
                  <a:pt x="202" y="413"/>
                </a:cubicBezTo>
                <a:cubicBezTo>
                  <a:pt x="12" y="413"/>
                  <a:pt x="12" y="413"/>
                  <a:pt x="12" y="413"/>
                </a:cubicBezTo>
                <a:cubicBezTo>
                  <a:pt x="6" y="413"/>
                  <a:pt x="0" y="419"/>
                  <a:pt x="0" y="426"/>
                </a:cubicBezTo>
                <a:cubicBezTo>
                  <a:pt x="0" y="433"/>
                  <a:pt x="6" y="439"/>
                  <a:pt x="12" y="439"/>
                </a:cubicBezTo>
                <a:cubicBezTo>
                  <a:pt x="216" y="439"/>
                  <a:pt x="216" y="439"/>
                  <a:pt x="216" y="439"/>
                </a:cubicBezTo>
                <a:cubicBezTo>
                  <a:pt x="219" y="439"/>
                  <a:pt x="223" y="437"/>
                  <a:pt x="225" y="434"/>
                </a:cubicBezTo>
                <a:cubicBezTo>
                  <a:pt x="228" y="432"/>
                  <a:pt x="229" y="428"/>
                  <a:pt x="228" y="425"/>
                </a:cubicBezTo>
                <a:cubicBezTo>
                  <a:pt x="207" y="177"/>
                  <a:pt x="207" y="177"/>
                  <a:pt x="207" y="177"/>
                </a:cubicBezTo>
                <a:cubicBezTo>
                  <a:pt x="337" y="153"/>
                  <a:pt x="337" y="153"/>
                  <a:pt x="337" y="153"/>
                </a:cubicBezTo>
                <a:cubicBezTo>
                  <a:pt x="373" y="204"/>
                  <a:pt x="373" y="204"/>
                  <a:pt x="373" y="204"/>
                </a:cubicBezTo>
                <a:cubicBezTo>
                  <a:pt x="347" y="425"/>
                  <a:pt x="347" y="425"/>
                  <a:pt x="347" y="425"/>
                </a:cubicBezTo>
                <a:cubicBezTo>
                  <a:pt x="347" y="428"/>
                  <a:pt x="348" y="432"/>
                  <a:pt x="350" y="434"/>
                </a:cubicBezTo>
                <a:cubicBezTo>
                  <a:pt x="353" y="437"/>
                  <a:pt x="356" y="439"/>
                  <a:pt x="360" y="439"/>
                </a:cubicBezTo>
                <a:cubicBezTo>
                  <a:pt x="393" y="439"/>
                  <a:pt x="393" y="439"/>
                  <a:pt x="393" y="439"/>
                </a:cubicBezTo>
                <a:cubicBezTo>
                  <a:pt x="393" y="439"/>
                  <a:pt x="393" y="439"/>
                  <a:pt x="394" y="439"/>
                </a:cubicBezTo>
                <a:cubicBezTo>
                  <a:pt x="394" y="439"/>
                  <a:pt x="394" y="439"/>
                  <a:pt x="394" y="439"/>
                </a:cubicBezTo>
                <a:cubicBezTo>
                  <a:pt x="394" y="439"/>
                  <a:pt x="395" y="438"/>
                  <a:pt x="396" y="438"/>
                </a:cubicBezTo>
                <a:cubicBezTo>
                  <a:pt x="396" y="438"/>
                  <a:pt x="396" y="438"/>
                  <a:pt x="397" y="438"/>
                </a:cubicBezTo>
                <a:cubicBezTo>
                  <a:pt x="397" y="438"/>
                  <a:pt x="398" y="438"/>
                  <a:pt x="398" y="438"/>
                </a:cubicBezTo>
                <a:cubicBezTo>
                  <a:pt x="398" y="438"/>
                  <a:pt x="399" y="437"/>
                  <a:pt x="399" y="437"/>
                </a:cubicBezTo>
                <a:cubicBezTo>
                  <a:pt x="399" y="437"/>
                  <a:pt x="400" y="437"/>
                  <a:pt x="400" y="437"/>
                </a:cubicBezTo>
                <a:cubicBezTo>
                  <a:pt x="401" y="436"/>
                  <a:pt x="401" y="436"/>
                  <a:pt x="401" y="436"/>
                </a:cubicBezTo>
                <a:cubicBezTo>
                  <a:pt x="401" y="436"/>
                  <a:pt x="402" y="435"/>
                  <a:pt x="402" y="435"/>
                </a:cubicBezTo>
                <a:cubicBezTo>
                  <a:pt x="402" y="435"/>
                  <a:pt x="403" y="435"/>
                  <a:pt x="403" y="434"/>
                </a:cubicBezTo>
                <a:cubicBezTo>
                  <a:pt x="403" y="434"/>
                  <a:pt x="403" y="434"/>
                  <a:pt x="404" y="433"/>
                </a:cubicBezTo>
                <a:cubicBezTo>
                  <a:pt x="404" y="433"/>
                  <a:pt x="404" y="433"/>
                  <a:pt x="404" y="433"/>
                </a:cubicBezTo>
                <a:cubicBezTo>
                  <a:pt x="404" y="432"/>
                  <a:pt x="405" y="432"/>
                  <a:pt x="405" y="431"/>
                </a:cubicBezTo>
                <a:cubicBezTo>
                  <a:pt x="405" y="431"/>
                  <a:pt x="405" y="431"/>
                  <a:pt x="405" y="430"/>
                </a:cubicBezTo>
                <a:cubicBezTo>
                  <a:pt x="405" y="430"/>
                  <a:pt x="406" y="430"/>
                  <a:pt x="406" y="429"/>
                </a:cubicBezTo>
                <a:cubicBezTo>
                  <a:pt x="406" y="429"/>
                  <a:pt x="406" y="428"/>
                  <a:pt x="406" y="428"/>
                </a:cubicBezTo>
                <a:cubicBezTo>
                  <a:pt x="406" y="428"/>
                  <a:pt x="406" y="428"/>
                  <a:pt x="406" y="427"/>
                </a:cubicBezTo>
                <a:cubicBezTo>
                  <a:pt x="440" y="147"/>
                  <a:pt x="440" y="147"/>
                  <a:pt x="440" y="147"/>
                </a:cubicBezTo>
                <a:cubicBezTo>
                  <a:pt x="440" y="147"/>
                  <a:pt x="440" y="147"/>
                  <a:pt x="440" y="146"/>
                </a:cubicBezTo>
                <a:cubicBezTo>
                  <a:pt x="440" y="146"/>
                  <a:pt x="440" y="145"/>
                  <a:pt x="440" y="144"/>
                </a:cubicBezTo>
                <a:cubicBezTo>
                  <a:pt x="440" y="144"/>
                  <a:pt x="440" y="144"/>
                  <a:pt x="440" y="14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8" name="Freeform 159"/>
          <p:cNvSpPr>
            <a:spLocks/>
          </p:cNvSpPr>
          <p:nvPr userDrawn="1"/>
        </p:nvSpPr>
        <p:spPr bwMode="auto">
          <a:xfrm>
            <a:off x="1745233" y="1165625"/>
            <a:ext cx="711200" cy="512762"/>
          </a:xfrm>
          <a:custGeom>
            <a:avLst/>
            <a:gdLst/>
            <a:ahLst/>
            <a:cxnLst>
              <a:cxn ang="0">
                <a:pos x="218" y="426"/>
              </a:cxn>
              <a:cxn ang="0">
                <a:pos x="411" y="426"/>
              </a:cxn>
              <a:cxn ang="0">
                <a:pos x="354" y="398"/>
              </a:cxn>
              <a:cxn ang="0">
                <a:pos x="322" y="381"/>
              </a:cxn>
              <a:cxn ang="0">
                <a:pos x="322" y="15"/>
              </a:cxn>
              <a:cxn ang="0">
                <a:pos x="337" y="0"/>
              </a:cxn>
              <a:cxn ang="0">
                <a:pos x="514" y="0"/>
              </a:cxn>
              <a:cxn ang="0">
                <a:pos x="527" y="21"/>
              </a:cxn>
              <a:cxn ang="0">
                <a:pos x="437" y="256"/>
              </a:cxn>
              <a:cxn ang="0">
                <a:pos x="517" y="277"/>
              </a:cxn>
              <a:cxn ang="0">
                <a:pos x="597" y="250"/>
              </a:cxn>
              <a:cxn ang="0">
                <a:pos x="526" y="75"/>
              </a:cxn>
              <a:cxn ang="0">
                <a:pos x="552" y="61"/>
              </a:cxn>
              <a:cxn ang="0">
                <a:pos x="628" y="245"/>
              </a:cxn>
              <a:cxn ang="0">
                <a:pos x="627" y="261"/>
              </a:cxn>
              <a:cxn ang="0">
                <a:pos x="517" y="306"/>
              </a:cxn>
              <a:cxn ang="0">
                <a:pos x="435" y="288"/>
              </a:cxn>
              <a:cxn ang="0">
                <a:pos x="406" y="253"/>
              </a:cxn>
              <a:cxn ang="0">
                <a:pos x="491" y="29"/>
              </a:cxn>
              <a:cxn ang="0">
                <a:pos x="351" y="29"/>
              </a:cxn>
              <a:cxn ang="0">
                <a:pos x="351" y="368"/>
              </a:cxn>
              <a:cxn ang="0">
                <a:pos x="436" y="410"/>
              </a:cxn>
              <a:cxn ang="0">
                <a:pos x="441" y="456"/>
              </a:cxn>
              <a:cxn ang="0">
                <a:pos x="189" y="456"/>
              </a:cxn>
              <a:cxn ang="0">
                <a:pos x="193" y="410"/>
              </a:cxn>
              <a:cxn ang="0">
                <a:pos x="278" y="368"/>
              </a:cxn>
              <a:cxn ang="0">
                <a:pos x="278" y="29"/>
              </a:cxn>
              <a:cxn ang="0">
                <a:pos x="139" y="29"/>
              </a:cxn>
              <a:cxn ang="0">
                <a:pos x="224" y="253"/>
              </a:cxn>
              <a:cxn ang="0">
                <a:pos x="194" y="288"/>
              </a:cxn>
              <a:cxn ang="0">
                <a:pos x="112" y="306"/>
              </a:cxn>
              <a:cxn ang="0">
                <a:pos x="3" y="261"/>
              </a:cxn>
              <a:cxn ang="0">
                <a:pos x="2" y="245"/>
              </a:cxn>
              <a:cxn ang="0">
                <a:pos x="78" y="61"/>
              </a:cxn>
              <a:cxn ang="0">
                <a:pos x="103" y="75"/>
              </a:cxn>
              <a:cxn ang="0">
                <a:pos x="33" y="250"/>
              </a:cxn>
              <a:cxn ang="0">
                <a:pos x="112" y="277"/>
              </a:cxn>
              <a:cxn ang="0">
                <a:pos x="192" y="256"/>
              </a:cxn>
              <a:cxn ang="0">
                <a:pos x="102" y="21"/>
              </a:cxn>
              <a:cxn ang="0">
                <a:pos x="115" y="0"/>
              </a:cxn>
              <a:cxn ang="0">
                <a:pos x="293" y="0"/>
              </a:cxn>
              <a:cxn ang="0">
                <a:pos x="307" y="15"/>
              </a:cxn>
              <a:cxn ang="0">
                <a:pos x="307" y="381"/>
              </a:cxn>
              <a:cxn ang="0">
                <a:pos x="275" y="398"/>
              </a:cxn>
              <a:cxn ang="0">
                <a:pos x="218" y="426"/>
              </a:cxn>
            </a:cxnLst>
            <a:rect l="0" t="0" r="r" b="b"/>
            <a:pathLst>
              <a:path w="630" h="456">
                <a:moveTo>
                  <a:pt x="218" y="426"/>
                </a:moveTo>
                <a:cubicBezTo>
                  <a:pt x="411" y="426"/>
                  <a:pt x="411" y="426"/>
                  <a:pt x="411" y="426"/>
                </a:cubicBezTo>
                <a:cubicBezTo>
                  <a:pt x="392" y="406"/>
                  <a:pt x="370" y="399"/>
                  <a:pt x="354" y="398"/>
                </a:cubicBezTo>
                <a:cubicBezTo>
                  <a:pt x="343" y="397"/>
                  <a:pt x="322" y="398"/>
                  <a:pt x="322" y="381"/>
                </a:cubicBezTo>
                <a:cubicBezTo>
                  <a:pt x="322" y="15"/>
                  <a:pt x="322" y="15"/>
                  <a:pt x="322" y="15"/>
                </a:cubicBezTo>
                <a:cubicBezTo>
                  <a:pt x="322" y="7"/>
                  <a:pt x="329" y="0"/>
                  <a:pt x="337" y="0"/>
                </a:cubicBezTo>
                <a:cubicBezTo>
                  <a:pt x="514" y="0"/>
                  <a:pt x="514" y="0"/>
                  <a:pt x="514" y="0"/>
                </a:cubicBezTo>
                <a:cubicBezTo>
                  <a:pt x="527" y="0"/>
                  <a:pt x="533" y="10"/>
                  <a:pt x="527" y="21"/>
                </a:cubicBezTo>
                <a:cubicBezTo>
                  <a:pt x="437" y="256"/>
                  <a:pt x="437" y="256"/>
                  <a:pt x="437" y="256"/>
                </a:cubicBezTo>
                <a:cubicBezTo>
                  <a:pt x="460" y="271"/>
                  <a:pt x="490" y="277"/>
                  <a:pt x="517" y="277"/>
                </a:cubicBezTo>
                <a:cubicBezTo>
                  <a:pt x="545" y="277"/>
                  <a:pt x="575" y="269"/>
                  <a:pt x="597" y="250"/>
                </a:cubicBezTo>
                <a:cubicBezTo>
                  <a:pt x="526" y="75"/>
                  <a:pt x="526" y="75"/>
                  <a:pt x="526" y="75"/>
                </a:cubicBezTo>
                <a:cubicBezTo>
                  <a:pt x="516" y="58"/>
                  <a:pt x="542" y="44"/>
                  <a:pt x="552" y="61"/>
                </a:cubicBezTo>
                <a:cubicBezTo>
                  <a:pt x="628" y="245"/>
                  <a:pt x="628" y="245"/>
                  <a:pt x="628" y="245"/>
                </a:cubicBezTo>
                <a:cubicBezTo>
                  <a:pt x="630" y="249"/>
                  <a:pt x="629" y="258"/>
                  <a:pt x="627" y="261"/>
                </a:cubicBezTo>
                <a:cubicBezTo>
                  <a:pt x="604" y="293"/>
                  <a:pt x="552" y="306"/>
                  <a:pt x="517" y="306"/>
                </a:cubicBezTo>
                <a:cubicBezTo>
                  <a:pt x="480" y="306"/>
                  <a:pt x="453" y="297"/>
                  <a:pt x="435" y="288"/>
                </a:cubicBezTo>
                <a:cubicBezTo>
                  <a:pt x="425" y="283"/>
                  <a:pt x="398" y="269"/>
                  <a:pt x="406" y="253"/>
                </a:cubicBezTo>
                <a:cubicBezTo>
                  <a:pt x="491" y="29"/>
                  <a:pt x="491" y="29"/>
                  <a:pt x="491" y="29"/>
                </a:cubicBezTo>
                <a:cubicBezTo>
                  <a:pt x="351" y="29"/>
                  <a:pt x="351" y="29"/>
                  <a:pt x="351" y="29"/>
                </a:cubicBezTo>
                <a:cubicBezTo>
                  <a:pt x="351" y="368"/>
                  <a:pt x="351" y="368"/>
                  <a:pt x="351" y="368"/>
                </a:cubicBezTo>
                <a:cubicBezTo>
                  <a:pt x="396" y="375"/>
                  <a:pt x="423" y="395"/>
                  <a:pt x="436" y="410"/>
                </a:cubicBezTo>
                <a:cubicBezTo>
                  <a:pt x="442" y="418"/>
                  <a:pt x="475" y="456"/>
                  <a:pt x="441" y="456"/>
                </a:cubicBezTo>
                <a:cubicBezTo>
                  <a:pt x="189" y="456"/>
                  <a:pt x="189" y="456"/>
                  <a:pt x="189" y="456"/>
                </a:cubicBezTo>
                <a:cubicBezTo>
                  <a:pt x="155" y="456"/>
                  <a:pt x="186" y="417"/>
                  <a:pt x="193" y="410"/>
                </a:cubicBezTo>
                <a:cubicBezTo>
                  <a:pt x="211" y="394"/>
                  <a:pt x="242" y="373"/>
                  <a:pt x="278" y="368"/>
                </a:cubicBezTo>
                <a:cubicBezTo>
                  <a:pt x="278" y="29"/>
                  <a:pt x="278" y="29"/>
                  <a:pt x="278" y="29"/>
                </a:cubicBezTo>
                <a:cubicBezTo>
                  <a:pt x="139" y="29"/>
                  <a:pt x="139" y="29"/>
                  <a:pt x="139" y="29"/>
                </a:cubicBezTo>
                <a:cubicBezTo>
                  <a:pt x="224" y="253"/>
                  <a:pt x="224" y="253"/>
                  <a:pt x="224" y="253"/>
                </a:cubicBezTo>
                <a:cubicBezTo>
                  <a:pt x="232" y="269"/>
                  <a:pt x="204" y="283"/>
                  <a:pt x="194" y="288"/>
                </a:cubicBezTo>
                <a:cubicBezTo>
                  <a:pt x="176" y="297"/>
                  <a:pt x="149" y="306"/>
                  <a:pt x="112" y="306"/>
                </a:cubicBezTo>
                <a:cubicBezTo>
                  <a:pt x="77" y="306"/>
                  <a:pt x="25" y="293"/>
                  <a:pt x="3" y="261"/>
                </a:cubicBezTo>
                <a:cubicBezTo>
                  <a:pt x="0" y="258"/>
                  <a:pt x="0" y="249"/>
                  <a:pt x="2" y="245"/>
                </a:cubicBezTo>
                <a:cubicBezTo>
                  <a:pt x="78" y="61"/>
                  <a:pt x="78" y="61"/>
                  <a:pt x="78" y="61"/>
                </a:cubicBezTo>
                <a:cubicBezTo>
                  <a:pt x="87" y="44"/>
                  <a:pt x="113" y="58"/>
                  <a:pt x="103" y="75"/>
                </a:cubicBezTo>
                <a:cubicBezTo>
                  <a:pt x="33" y="250"/>
                  <a:pt x="33" y="250"/>
                  <a:pt x="33" y="250"/>
                </a:cubicBezTo>
                <a:cubicBezTo>
                  <a:pt x="54" y="269"/>
                  <a:pt x="84" y="277"/>
                  <a:pt x="112" y="277"/>
                </a:cubicBezTo>
                <a:cubicBezTo>
                  <a:pt x="140" y="277"/>
                  <a:pt x="169" y="271"/>
                  <a:pt x="192" y="256"/>
                </a:cubicBezTo>
                <a:cubicBezTo>
                  <a:pt x="102" y="21"/>
                  <a:pt x="102" y="21"/>
                  <a:pt x="102" y="21"/>
                </a:cubicBezTo>
                <a:cubicBezTo>
                  <a:pt x="96" y="10"/>
                  <a:pt x="102" y="0"/>
                  <a:pt x="115" y="0"/>
                </a:cubicBezTo>
                <a:cubicBezTo>
                  <a:pt x="293" y="0"/>
                  <a:pt x="293" y="0"/>
                  <a:pt x="293" y="0"/>
                </a:cubicBezTo>
                <a:cubicBezTo>
                  <a:pt x="300" y="0"/>
                  <a:pt x="307" y="7"/>
                  <a:pt x="307" y="15"/>
                </a:cubicBezTo>
                <a:cubicBezTo>
                  <a:pt x="307" y="381"/>
                  <a:pt x="307" y="381"/>
                  <a:pt x="307" y="381"/>
                </a:cubicBezTo>
                <a:cubicBezTo>
                  <a:pt x="307" y="398"/>
                  <a:pt x="286" y="396"/>
                  <a:pt x="275" y="398"/>
                </a:cubicBezTo>
                <a:cubicBezTo>
                  <a:pt x="256" y="402"/>
                  <a:pt x="234" y="412"/>
                  <a:pt x="218" y="42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9" name="Freeform 226"/>
          <p:cNvSpPr>
            <a:spLocks/>
          </p:cNvSpPr>
          <p:nvPr userDrawn="1"/>
        </p:nvSpPr>
        <p:spPr bwMode="auto">
          <a:xfrm>
            <a:off x="1845246" y="4401630"/>
            <a:ext cx="511175" cy="519113"/>
          </a:xfrm>
          <a:custGeom>
            <a:avLst/>
            <a:gdLst/>
            <a:ahLst/>
            <a:cxnLst>
              <a:cxn ang="0">
                <a:pos x="167" y="32"/>
              </a:cxn>
              <a:cxn ang="0">
                <a:pos x="110" y="81"/>
              </a:cxn>
              <a:cxn ang="0">
                <a:pos x="42" y="119"/>
              </a:cxn>
              <a:cxn ang="0">
                <a:pos x="68" y="178"/>
              </a:cxn>
              <a:cxn ang="0">
                <a:pos x="38" y="206"/>
              </a:cxn>
              <a:cxn ang="0">
                <a:pos x="7" y="267"/>
              </a:cxn>
              <a:cxn ang="0">
                <a:pos x="79" y="305"/>
              </a:cxn>
              <a:cxn ang="0">
                <a:pos x="89" y="337"/>
              </a:cxn>
              <a:cxn ang="0">
                <a:pos x="68" y="386"/>
              </a:cxn>
              <a:cxn ang="0">
                <a:pos x="127" y="412"/>
              </a:cxn>
              <a:cxn ang="0">
                <a:pos x="205" y="402"/>
              </a:cxn>
              <a:cxn ang="0">
                <a:pos x="262" y="449"/>
              </a:cxn>
              <a:cxn ang="0">
                <a:pos x="300" y="378"/>
              </a:cxn>
              <a:cxn ang="0">
                <a:pos x="349" y="390"/>
              </a:cxn>
              <a:cxn ang="0">
                <a:pos x="407" y="329"/>
              </a:cxn>
              <a:cxn ang="0">
                <a:pos x="383" y="260"/>
              </a:cxn>
              <a:cxn ang="0">
                <a:pos x="444" y="194"/>
              </a:cxn>
              <a:cxn ang="0">
                <a:pos x="276" y="171"/>
              </a:cxn>
              <a:cxn ang="0">
                <a:pos x="271" y="190"/>
              </a:cxn>
              <a:cxn ang="0">
                <a:pos x="235" y="291"/>
              </a:cxn>
              <a:cxn ang="0">
                <a:pos x="227" y="155"/>
              </a:cxn>
              <a:cxn ang="0">
                <a:pos x="239" y="317"/>
              </a:cxn>
              <a:cxn ang="0">
                <a:pos x="302" y="189"/>
              </a:cxn>
              <a:cxn ang="0">
                <a:pos x="422" y="216"/>
              </a:cxn>
              <a:cxn ang="0">
                <a:pos x="353" y="272"/>
              </a:cxn>
              <a:cxn ang="0">
                <a:pos x="381" y="337"/>
              </a:cxn>
              <a:cxn ang="0">
                <a:pos x="364" y="365"/>
              </a:cxn>
              <a:cxn ang="0">
                <a:pos x="273" y="375"/>
              </a:cxn>
              <a:cxn ang="0">
                <a:pos x="250" y="425"/>
              </a:cxn>
              <a:cxn ang="0">
                <a:pos x="231" y="397"/>
              </a:cxn>
              <a:cxn ang="0">
                <a:pos x="159" y="365"/>
              </a:cxn>
              <a:cxn ang="0">
                <a:pos x="92" y="374"/>
              </a:cxn>
              <a:cxn ang="0">
                <a:pos x="120" y="325"/>
              </a:cxn>
              <a:cxn ang="0">
                <a:pos x="83" y="279"/>
              </a:cxn>
              <a:cxn ang="0">
                <a:pos x="28" y="244"/>
              </a:cxn>
              <a:cxn ang="0">
                <a:pos x="89" y="216"/>
              </a:cxn>
              <a:cxn ang="0">
                <a:pos x="90" y="164"/>
              </a:cxn>
              <a:cxn ang="0">
                <a:pos x="70" y="110"/>
              </a:cxn>
              <a:cxn ang="0">
                <a:pos x="177" y="89"/>
              </a:cxn>
              <a:cxn ang="0">
                <a:pos x="200" y="36"/>
              </a:cxn>
              <a:cxn ang="0">
                <a:pos x="220" y="64"/>
              </a:cxn>
              <a:cxn ang="0">
                <a:pos x="292" y="95"/>
              </a:cxn>
              <a:cxn ang="0">
                <a:pos x="359" y="87"/>
              </a:cxn>
              <a:cxn ang="0">
                <a:pos x="338" y="114"/>
              </a:cxn>
              <a:cxn ang="0">
                <a:pos x="375" y="115"/>
              </a:cxn>
              <a:cxn ang="0">
                <a:pos x="354" y="50"/>
              </a:cxn>
              <a:cxn ang="0">
                <a:pos x="278" y="72"/>
              </a:cxn>
              <a:cxn ang="0">
                <a:pos x="246" y="59"/>
              </a:cxn>
              <a:cxn ang="0">
                <a:pos x="189" y="12"/>
              </a:cxn>
            </a:cxnLst>
            <a:rect l="0" t="0" r="r" b="b"/>
            <a:pathLst>
              <a:path w="455" h="460">
                <a:moveTo>
                  <a:pt x="189" y="12"/>
                </a:moveTo>
                <a:cubicBezTo>
                  <a:pt x="180" y="16"/>
                  <a:pt x="172" y="23"/>
                  <a:pt x="167" y="31"/>
                </a:cubicBezTo>
                <a:cubicBezTo>
                  <a:pt x="167" y="32"/>
                  <a:pt x="167" y="32"/>
                  <a:pt x="167" y="32"/>
                </a:cubicBezTo>
                <a:cubicBezTo>
                  <a:pt x="159" y="49"/>
                  <a:pt x="153" y="66"/>
                  <a:pt x="151" y="83"/>
                </a:cubicBezTo>
                <a:cubicBezTo>
                  <a:pt x="148" y="90"/>
                  <a:pt x="142" y="96"/>
                  <a:pt x="135" y="98"/>
                </a:cubicBezTo>
                <a:cubicBezTo>
                  <a:pt x="123" y="100"/>
                  <a:pt x="112" y="92"/>
                  <a:pt x="110" y="81"/>
                </a:cubicBezTo>
                <a:cubicBezTo>
                  <a:pt x="109" y="76"/>
                  <a:pt x="106" y="72"/>
                  <a:pt x="101" y="71"/>
                </a:cubicBezTo>
                <a:cubicBezTo>
                  <a:pt x="79" y="63"/>
                  <a:pt x="54" y="77"/>
                  <a:pt x="45" y="101"/>
                </a:cubicBezTo>
                <a:cubicBezTo>
                  <a:pt x="43" y="107"/>
                  <a:pt x="42" y="113"/>
                  <a:pt x="42" y="119"/>
                </a:cubicBezTo>
                <a:cubicBezTo>
                  <a:pt x="42" y="123"/>
                  <a:pt x="42" y="127"/>
                  <a:pt x="43" y="131"/>
                </a:cubicBezTo>
                <a:cubicBezTo>
                  <a:pt x="44" y="131"/>
                  <a:pt x="44" y="132"/>
                  <a:pt x="44" y="132"/>
                </a:cubicBezTo>
                <a:cubicBezTo>
                  <a:pt x="50" y="149"/>
                  <a:pt x="58" y="165"/>
                  <a:pt x="68" y="178"/>
                </a:cubicBezTo>
                <a:cubicBezTo>
                  <a:pt x="70" y="182"/>
                  <a:pt x="71" y="185"/>
                  <a:pt x="71" y="189"/>
                </a:cubicBezTo>
                <a:cubicBezTo>
                  <a:pt x="71" y="193"/>
                  <a:pt x="70" y="197"/>
                  <a:pt x="67" y="201"/>
                </a:cubicBezTo>
                <a:cubicBezTo>
                  <a:pt x="61" y="210"/>
                  <a:pt x="48" y="213"/>
                  <a:pt x="38" y="206"/>
                </a:cubicBezTo>
                <a:cubicBezTo>
                  <a:pt x="34" y="204"/>
                  <a:pt x="29" y="203"/>
                  <a:pt x="25" y="205"/>
                </a:cubicBezTo>
                <a:cubicBezTo>
                  <a:pt x="15" y="210"/>
                  <a:pt x="8" y="218"/>
                  <a:pt x="4" y="229"/>
                </a:cubicBezTo>
                <a:cubicBezTo>
                  <a:pt x="0" y="241"/>
                  <a:pt x="1" y="255"/>
                  <a:pt x="7" y="267"/>
                </a:cubicBezTo>
                <a:cubicBezTo>
                  <a:pt x="11" y="276"/>
                  <a:pt x="18" y="283"/>
                  <a:pt x="26" y="289"/>
                </a:cubicBezTo>
                <a:cubicBezTo>
                  <a:pt x="27" y="289"/>
                  <a:pt x="27" y="289"/>
                  <a:pt x="27" y="289"/>
                </a:cubicBezTo>
                <a:cubicBezTo>
                  <a:pt x="44" y="297"/>
                  <a:pt x="62" y="303"/>
                  <a:pt x="79" y="305"/>
                </a:cubicBezTo>
                <a:cubicBezTo>
                  <a:pt x="78" y="305"/>
                  <a:pt x="78" y="305"/>
                  <a:pt x="77" y="305"/>
                </a:cubicBezTo>
                <a:cubicBezTo>
                  <a:pt x="85" y="307"/>
                  <a:pt x="91" y="313"/>
                  <a:pt x="93" y="321"/>
                </a:cubicBezTo>
                <a:cubicBezTo>
                  <a:pt x="94" y="327"/>
                  <a:pt x="93" y="332"/>
                  <a:pt x="89" y="337"/>
                </a:cubicBezTo>
                <a:cubicBezTo>
                  <a:pt x="86" y="342"/>
                  <a:pt x="81" y="345"/>
                  <a:pt x="76" y="346"/>
                </a:cubicBezTo>
                <a:cubicBezTo>
                  <a:pt x="71" y="347"/>
                  <a:pt x="67" y="350"/>
                  <a:pt x="66" y="355"/>
                </a:cubicBezTo>
                <a:cubicBezTo>
                  <a:pt x="62" y="365"/>
                  <a:pt x="63" y="376"/>
                  <a:pt x="68" y="386"/>
                </a:cubicBezTo>
                <a:cubicBezTo>
                  <a:pt x="73" y="397"/>
                  <a:pt x="84" y="406"/>
                  <a:pt x="96" y="411"/>
                </a:cubicBezTo>
                <a:cubicBezTo>
                  <a:pt x="106" y="414"/>
                  <a:pt x="116" y="415"/>
                  <a:pt x="126" y="412"/>
                </a:cubicBezTo>
                <a:cubicBezTo>
                  <a:pt x="126" y="412"/>
                  <a:pt x="127" y="412"/>
                  <a:pt x="127" y="412"/>
                </a:cubicBezTo>
                <a:cubicBezTo>
                  <a:pt x="144" y="406"/>
                  <a:pt x="159" y="398"/>
                  <a:pt x="173" y="388"/>
                </a:cubicBezTo>
                <a:cubicBezTo>
                  <a:pt x="180" y="384"/>
                  <a:pt x="189" y="384"/>
                  <a:pt x="196" y="388"/>
                </a:cubicBezTo>
                <a:cubicBezTo>
                  <a:pt x="200" y="392"/>
                  <a:pt x="204" y="396"/>
                  <a:pt x="205" y="402"/>
                </a:cubicBezTo>
                <a:cubicBezTo>
                  <a:pt x="206" y="407"/>
                  <a:pt x="205" y="413"/>
                  <a:pt x="201" y="418"/>
                </a:cubicBezTo>
                <a:cubicBezTo>
                  <a:pt x="199" y="422"/>
                  <a:pt x="198" y="427"/>
                  <a:pt x="200" y="431"/>
                </a:cubicBezTo>
                <a:cubicBezTo>
                  <a:pt x="211" y="452"/>
                  <a:pt x="238" y="460"/>
                  <a:pt x="262" y="449"/>
                </a:cubicBezTo>
                <a:cubicBezTo>
                  <a:pt x="271" y="445"/>
                  <a:pt x="278" y="438"/>
                  <a:pt x="284" y="429"/>
                </a:cubicBezTo>
                <a:cubicBezTo>
                  <a:pt x="284" y="429"/>
                  <a:pt x="284" y="429"/>
                  <a:pt x="284" y="428"/>
                </a:cubicBezTo>
                <a:cubicBezTo>
                  <a:pt x="292" y="412"/>
                  <a:pt x="297" y="396"/>
                  <a:pt x="300" y="378"/>
                </a:cubicBezTo>
                <a:cubicBezTo>
                  <a:pt x="302" y="370"/>
                  <a:pt x="308" y="365"/>
                  <a:pt x="316" y="363"/>
                </a:cubicBezTo>
                <a:cubicBezTo>
                  <a:pt x="327" y="361"/>
                  <a:pt x="338" y="368"/>
                  <a:pt x="341" y="380"/>
                </a:cubicBezTo>
                <a:cubicBezTo>
                  <a:pt x="342" y="384"/>
                  <a:pt x="345" y="388"/>
                  <a:pt x="349" y="390"/>
                </a:cubicBezTo>
                <a:cubicBezTo>
                  <a:pt x="372" y="398"/>
                  <a:pt x="397" y="384"/>
                  <a:pt x="405" y="359"/>
                </a:cubicBezTo>
                <a:cubicBezTo>
                  <a:pt x="409" y="350"/>
                  <a:pt x="409" y="339"/>
                  <a:pt x="407" y="330"/>
                </a:cubicBezTo>
                <a:cubicBezTo>
                  <a:pt x="407" y="330"/>
                  <a:pt x="407" y="329"/>
                  <a:pt x="407" y="329"/>
                </a:cubicBezTo>
                <a:cubicBezTo>
                  <a:pt x="400" y="311"/>
                  <a:pt x="392" y="295"/>
                  <a:pt x="382" y="281"/>
                </a:cubicBezTo>
                <a:cubicBezTo>
                  <a:pt x="382" y="282"/>
                  <a:pt x="382" y="282"/>
                  <a:pt x="383" y="282"/>
                </a:cubicBezTo>
                <a:cubicBezTo>
                  <a:pt x="379" y="275"/>
                  <a:pt x="379" y="267"/>
                  <a:pt x="383" y="260"/>
                </a:cubicBezTo>
                <a:cubicBezTo>
                  <a:pt x="390" y="250"/>
                  <a:pt x="403" y="248"/>
                  <a:pt x="413" y="254"/>
                </a:cubicBezTo>
                <a:cubicBezTo>
                  <a:pt x="417" y="257"/>
                  <a:pt x="422" y="257"/>
                  <a:pt x="426" y="255"/>
                </a:cubicBezTo>
                <a:cubicBezTo>
                  <a:pt x="447" y="245"/>
                  <a:pt x="455" y="218"/>
                  <a:pt x="444" y="194"/>
                </a:cubicBezTo>
                <a:cubicBezTo>
                  <a:pt x="440" y="185"/>
                  <a:pt x="433" y="177"/>
                  <a:pt x="424" y="172"/>
                </a:cubicBezTo>
                <a:cubicBezTo>
                  <a:pt x="424" y="172"/>
                  <a:pt x="424" y="172"/>
                  <a:pt x="423" y="172"/>
                </a:cubicBezTo>
                <a:cubicBezTo>
                  <a:pt x="373" y="148"/>
                  <a:pt x="322" y="148"/>
                  <a:pt x="276" y="171"/>
                </a:cubicBezTo>
                <a:cubicBezTo>
                  <a:pt x="273" y="173"/>
                  <a:pt x="271" y="176"/>
                  <a:pt x="270" y="180"/>
                </a:cubicBezTo>
                <a:cubicBezTo>
                  <a:pt x="269" y="183"/>
                  <a:pt x="269" y="187"/>
                  <a:pt x="271" y="190"/>
                </a:cubicBezTo>
                <a:cubicBezTo>
                  <a:pt x="271" y="190"/>
                  <a:pt x="271" y="190"/>
                  <a:pt x="271" y="190"/>
                </a:cubicBezTo>
                <a:cubicBezTo>
                  <a:pt x="272" y="191"/>
                  <a:pt x="272" y="191"/>
                  <a:pt x="272" y="192"/>
                </a:cubicBezTo>
                <a:cubicBezTo>
                  <a:pt x="279" y="200"/>
                  <a:pt x="284" y="210"/>
                  <a:pt x="285" y="221"/>
                </a:cubicBezTo>
                <a:cubicBezTo>
                  <a:pt x="291" y="254"/>
                  <a:pt x="268" y="285"/>
                  <a:pt x="235" y="291"/>
                </a:cubicBezTo>
                <a:cubicBezTo>
                  <a:pt x="202" y="296"/>
                  <a:pt x="171" y="273"/>
                  <a:pt x="165" y="240"/>
                </a:cubicBezTo>
                <a:cubicBezTo>
                  <a:pt x="160" y="207"/>
                  <a:pt x="182" y="176"/>
                  <a:pt x="216" y="170"/>
                </a:cubicBezTo>
                <a:cubicBezTo>
                  <a:pt x="223" y="169"/>
                  <a:pt x="228" y="162"/>
                  <a:pt x="227" y="155"/>
                </a:cubicBezTo>
                <a:cubicBezTo>
                  <a:pt x="225" y="148"/>
                  <a:pt x="218" y="143"/>
                  <a:pt x="211" y="144"/>
                </a:cubicBezTo>
                <a:cubicBezTo>
                  <a:pt x="164" y="152"/>
                  <a:pt x="131" y="197"/>
                  <a:pt x="139" y="245"/>
                </a:cubicBezTo>
                <a:cubicBezTo>
                  <a:pt x="147" y="292"/>
                  <a:pt x="192" y="325"/>
                  <a:pt x="239" y="317"/>
                </a:cubicBezTo>
                <a:cubicBezTo>
                  <a:pt x="282" y="310"/>
                  <a:pt x="313" y="273"/>
                  <a:pt x="313" y="230"/>
                </a:cubicBezTo>
                <a:cubicBezTo>
                  <a:pt x="313" y="226"/>
                  <a:pt x="312" y="221"/>
                  <a:pt x="312" y="216"/>
                </a:cubicBezTo>
                <a:cubicBezTo>
                  <a:pt x="310" y="207"/>
                  <a:pt x="307" y="197"/>
                  <a:pt x="302" y="189"/>
                </a:cubicBezTo>
                <a:cubicBezTo>
                  <a:pt x="337" y="176"/>
                  <a:pt x="373" y="178"/>
                  <a:pt x="411" y="195"/>
                </a:cubicBezTo>
                <a:cubicBezTo>
                  <a:pt x="415" y="197"/>
                  <a:pt x="418" y="201"/>
                  <a:pt x="420" y="205"/>
                </a:cubicBezTo>
                <a:cubicBezTo>
                  <a:pt x="422" y="209"/>
                  <a:pt x="422" y="213"/>
                  <a:pt x="422" y="216"/>
                </a:cubicBezTo>
                <a:cubicBezTo>
                  <a:pt x="422" y="221"/>
                  <a:pt x="421" y="225"/>
                  <a:pt x="419" y="228"/>
                </a:cubicBezTo>
                <a:cubicBezTo>
                  <a:pt x="398" y="219"/>
                  <a:pt x="374" y="226"/>
                  <a:pt x="361" y="245"/>
                </a:cubicBezTo>
                <a:cubicBezTo>
                  <a:pt x="356" y="253"/>
                  <a:pt x="353" y="262"/>
                  <a:pt x="353" y="272"/>
                </a:cubicBezTo>
                <a:cubicBezTo>
                  <a:pt x="353" y="280"/>
                  <a:pt x="355" y="288"/>
                  <a:pt x="360" y="296"/>
                </a:cubicBezTo>
                <a:cubicBezTo>
                  <a:pt x="360" y="296"/>
                  <a:pt x="360" y="297"/>
                  <a:pt x="360" y="297"/>
                </a:cubicBezTo>
                <a:cubicBezTo>
                  <a:pt x="369" y="308"/>
                  <a:pt x="376" y="322"/>
                  <a:pt x="381" y="337"/>
                </a:cubicBezTo>
                <a:cubicBezTo>
                  <a:pt x="382" y="338"/>
                  <a:pt x="382" y="340"/>
                  <a:pt x="382" y="342"/>
                </a:cubicBezTo>
                <a:cubicBezTo>
                  <a:pt x="382" y="345"/>
                  <a:pt x="381" y="348"/>
                  <a:pt x="380" y="350"/>
                </a:cubicBezTo>
                <a:cubicBezTo>
                  <a:pt x="377" y="359"/>
                  <a:pt x="371" y="364"/>
                  <a:pt x="364" y="365"/>
                </a:cubicBezTo>
                <a:cubicBezTo>
                  <a:pt x="355" y="345"/>
                  <a:pt x="333" y="332"/>
                  <a:pt x="311" y="337"/>
                </a:cubicBezTo>
                <a:cubicBezTo>
                  <a:pt x="293" y="340"/>
                  <a:pt x="278" y="354"/>
                  <a:pt x="274" y="372"/>
                </a:cubicBezTo>
                <a:cubicBezTo>
                  <a:pt x="273" y="373"/>
                  <a:pt x="273" y="374"/>
                  <a:pt x="273" y="375"/>
                </a:cubicBezTo>
                <a:cubicBezTo>
                  <a:pt x="273" y="374"/>
                  <a:pt x="273" y="374"/>
                  <a:pt x="273" y="373"/>
                </a:cubicBezTo>
                <a:cubicBezTo>
                  <a:pt x="271" y="388"/>
                  <a:pt x="267" y="402"/>
                  <a:pt x="261" y="416"/>
                </a:cubicBezTo>
                <a:cubicBezTo>
                  <a:pt x="258" y="420"/>
                  <a:pt x="255" y="423"/>
                  <a:pt x="250" y="425"/>
                </a:cubicBezTo>
                <a:cubicBezTo>
                  <a:pt x="242" y="429"/>
                  <a:pt x="233" y="428"/>
                  <a:pt x="228" y="424"/>
                </a:cubicBezTo>
                <a:cubicBezTo>
                  <a:pt x="230" y="418"/>
                  <a:pt x="232" y="412"/>
                  <a:pt x="232" y="406"/>
                </a:cubicBezTo>
                <a:cubicBezTo>
                  <a:pt x="232" y="403"/>
                  <a:pt x="231" y="400"/>
                  <a:pt x="231" y="397"/>
                </a:cubicBezTo>
                <a:cubicBezTo>
                  <a:pt x="228" y="384"/>
                  <a:pt x="221" y="373"/>
                  <a:pt x="211" y="366"/>
                </a:cubicBezTo>
                <a:cubicBezTo>
                  <a:pt x="195" y="356"/>
                  <a:pt x="176" y="355"/>
                  <a:pt x="160" y="365"/>
                </a:cubicBezTo>
                <a:cubicBezTo>
                  <a:pt x="159" y="365"/>
                  <a:pt x="159" y="365"/>
                  <a:pt x="159" y="365"/>
                </a:cubicBezTo>
                <a:cubicBezTo>
                  <a:pt x="147" y="374"/>
                  <a:pt x="133" y="381"/>
                  <a:pt x="119" y="386"/>
                </a:cubicBezTo>
                <a:cubicBezTo>
                  <a:pt x="115" y="387"/>
                  <a:pt x="110" y="387"/>
                  <a:pt x="105" y="386"/>
                </a:cubicBezTo>
                <a:cubicBezTo>
                  <a:pt x="99" y="383"/>
                  <a:pt x="94" y="379"/>
                  <a:pt x="92" y="374"/>
                </a:cubicBezTo>
                <a:cubicBezTo>
                  <a:pt x="91" y="373"/>
                  <a:pt x="91" y="371"/>
                  <a:pt x="91" y="369"/>
                </a:cubicBezTo>
                <a:cubicBezTo>
                  <a:pt x="99" y="366"/>
                  <a:pt x="106" y="360"/>
                  <a:pt x="112" y="352"/>
                </a:cubicBezTo>
                <a:cubicBezTo>
                  <a:pt x="117" y="344"/>
                  <a:pt x="120" y="335"/>
                  <a:pt x="120" y="325"/>
                </a:cubicBezTo>
                <a:cubicBezTo>
                  <a:pt x="120" y="322"/>
                  <a:pt x="119" y="319"/>
                  <a:pt x="119" y="316"/>
                </a:cubicBezTo>
                <a:cubicBezTo>
                  <a:pt x="115" y="298"/>
                  <a:pt x="102" y="284"/>
                  <a:pt x="84" y="279"/>
                </a:cubicBezTo>
                <a:cubicBezTo>
                  <a:pt x="84" y="279"/>
                  <a:pt x="83" y="279"/>
                  <a:pt x="83" y="279"/>
                </a:cubicBezTo>
                <a:cubicBezTo>
                  <a:pt x="69" y="277"/>
                  <a:pt x="54" y="272"/>
                  <a:pt x="40" y="265"/>
                </a:cubicBezTo>
                <a:cubicBezTo>
                  <a:pt x="36" y="263"/>
                  <a:pt x="33" y="260"/>
                  <a:pt x="31" y="255"/>
                </a:cubicBezTo>
                <a:cubicBezTo>
                  <a:pt x="29" y="252"/>
                  <a:pt x="28" y="248"/>
                  <a:pt x="28" y="244"/>
                </a:cubicBezTo>
                <a:cubicBezTo>
                  <a:pt x="28" y="242"/>
                  <a:pt x="29" y="240"/>
                  <a:pt x="29" y="238"/>
                </a:cubicBezTo>
                <a:cubicBezTo>
                  <a:pt x="30" y="236"/>
                  <a:pt x="31" y="235"/>
                  <a:pt x="32" y="233"/>
                </a:cubicBezTo>
                <a:cubicBezTo>
                  <a:pt x="52" y="241"/>
                  <a:pt x="77" y="235"/>
                  <a:pt x="89" y="216"/>
                </a:cubicBezTo>
                <a:cubicBezTo>
                  <a:pt x="95" y="208"/>
                  <a:pt x="97" y="198"/>
                  <a:pt x="97" y="189"/>
                </a:cubicBezTo>
                <a:cubicBezTo>
                  <a:pt x="97" y="181"/>
                  <a:pt x="95" y="172"/>
                  <a:pt x="91" y="165"/>
                </a:cubicBezTo>
                <a:cubicBezTo>
                  <a:pt x="91" y="164"/>
                  <a:pt x="90" y="164"/>
                  <a:pt x="90" y="164"/>
                </a:cubicBezTo>
                <a:cubicBezTo>
                  <a:pt x="82" y="152"/>
                  <a:pt x="75" y="139"/>
                  <a:pt x="69" y="124"/>
                </a:cubicBezTo>
                <a:cubicBezTo>
                  <a:pt x="69" y="122"/>
                  <a:pt x="69" y="121"/>
                  <a:pt x="69" y="119"/>
                </a:cubicBezTo>
                <a:cubicBezTo>
                  <a:pt x="69" y="116"/>
                  <a:pt x="69" y="113"/>
                  <a:pt x="70" y="110"/>
                </a:cubicBezTo>
                <a:cubicBezTo>
                  <a:pt x="73" y="102"/>
                  <a:pt x="80" y="96"/>
                  <a:pt x="87" y="96"/>
                </a:cubicBezTo>
                <a:cubicBezTo>
                  <a:pt x="95" y="116"/>
                  <a:pt x="117" y="128"/>
                  <a:pt x="140" y="124"/>
                </a:cubicBezTo>
                <a:cubicBezTo>
                  <a:pt x="158" y="120"/>
                  <a:pt x="172" y="107"/>
                  <a:pt x="177" y="89"/>
                </a:cubicBezTo>
                <a:cubicBezTo>
                  <a:pt x="177" y="89"/>
                  <a:pt x="177" y="88"/>
                  <a:pt x="177" y="88"/>
                </a:cubicBezTo>
                <a:cubicBezTo>
                  <a:pt x="179" y="74"/>
                  <a:pt x="183" y="59"/>
                  <a:pt x="190" y="45"/>
                </a:cubicBezTo>
                <a:cubicBezTo>
                  <a:pt x="193" y="41"/>
                  <a:pt x="196" y="38"/>
                  <a:pt x="200" y="36"/>
                </a:cubicBezTo>
                <a:cubicBezTo>
                  <a:pt x="208" y="32"/>
                  <a:pt x="217" y="33"/>
                  <a:pt x="223" y="37"/>
                </a:cubicBezTo>
                <a:cubicBezTo>
                  <a:pt x="220" y="43"/>
                  <a:pt x="219" y="49"/>
                  <a:pt x="219" y="55"/>
                </a:cubicBezTo>
                <a:cubicBezTo>
                  <a:pt x="219" y="58"/>
                  <a:pt x="219" y="61"/>
                  <a:pt x="220" y="64"/>
                </a:cubicBezTo>
                <a:cubicBezTo>
                  <a:pt x="222" y="77"/>
                  <a:pt x="230" y="87"/>
                  <a:pt x="240" y="94"/>
                </a:cubicBezTo>
                <a:cubicBezTo>
                  <a:pt x="254" y="104"/>
                  <a:pt x="273" y="105"/>
                  <a:pt x="288" y="97"/>
                </a:cubicBezTo>
                <a:cubicBezTo>
                  <a:pt x="289" y="97"/>
                  <a:pt x="291" y="96"/>
                  <a:pt x="292" y="95"/>
                </a:cubicBezTo>
                <a:cubicBezTo>
                  <a:pt x="303" y="87"/>
                  <a:pt x="317" y="80"/>
                  <a:pt x="332" y="74"/>
                </a:cubicBezTo>
                <a:cubicBezTo>
                  <a:pt x="336" y="73"/>
                  <a:pt x="341" y="74"/>
                  <a:pt x="345" y="75"/>
                </a:cubicBezTo>
                <a:cubicBezTo>
                  <a:pt x="351" y="77"/>
                  <a:pt x="356" y="81"/>
                  <a:pt x="359" y="87"/>
                </a:cubicBezTo>
                <a:cubicBezTo>
                  <a:pt x="359" y="88"/>
                  <a:pt x="360" y="90"/>
                  <a:pt x="360" y="92"/>
                </a:cubicBezTo>
                <a:cubicBezTo>
                  <a:pt x="353" y="95"/>
                  <a:pt x="346" y="100"/>
                  <a:pt x="341" y="106"/>
                </a:cubicBezTo>
                <a:cubicBezTo>
                  <a:pt x="339" y="108"/>
                  <a:pt x="338" y="111"/>
                  <a:pt x="338" y="114"/>
                </a:cubicBezTo>
                <a:cubicBezTo>
                  <a:pt x="338" y="118"/>
                  <a:pt x="340" y="122"/>
                  <a:pt x="344" y="125"/>
                </a:cubicBezTo>
                <a:cubicBezTo>
                  <a:pt x="349" y="129"/>
                  <a:pt x="358" y="128"/>
                  <a:pt x="362" y="122"/>
                </a:cubicBezTo>
                <a:cubicBezTo>
                  <a:pt x="365" y="118"/>
                  <a:pt x="370" y="116"/>
                  <a:pt x="375" y="115"/>
                </a:cubicBezTo>
                <a:cubicBezTo>
                  <a:pt x="379" y="114"/>
                  <a:pt x="383" y="111"/>
                  <a:pt x="385" y="106"/>
                </a:cubicBezTo>
                <a:cubicBezTo>
                  <a:pt x="388" y="96"/>
                  <a:pt x="388" y="85"/>
                  <a:pt x="383" y="75"/>
                </a:cubicBezTo>
                <a:cubicBezTo>
                  <a:pt x="377" y="64"/>
                  <a:pt x="367" y="54"/>
                  <a:pt x="354" y="50"/>
                </a:cubicBezTo>
                <a:cubicBezTo>
                  <a:pt x="345" y="47"/>
                  <a:pt x="334" y="46"/>
                  <a:pt x="325" y="48"/>
                </a:cubicBezTo>
                <a:cubicBezTo>
                  <a:pt x="325" y="49"/>
                  <a:pt x="324" y="49"/>
                  <a:pt x="324" y="49"/>
                </a:cubicBezTo>
                <a:cubicBezTo>
                  <a:pt x="307" y="55"/>
                  <a:pt x="291" y="63"/>
                  <a:pt x="278" y="72"/>
                </a:cubicBezTo>
                <a:cubicBezTo>
                  <a:pt x="278" y="73"/>
                  <a:pt x="278" y="73"/>
                  <a:pt x="277" y="73"/>
                </a:cubicBezTo>
                <a:cubicBezTo>
                  <a:pt x="270" y="77"/>
                  <a:pt x="262" y="77"/>
                  <a:pt x="255" y="72"/>
                </a:cubicBezTo>
                <a:cubicBezTo>
                  <a:pt x="250" y="69"/>
                  <a:pt x="247" y="64"/>
                  <a:pt x="246" y="59"/>
                </a:cubicBezTo>
                <a:cubicBezTo>
                  <a:pt x="245" y="53"/>
                  <a:pt x="246" y="48"/>
                  <a:pt x="249" y="43"/>
                </a:cubicBezTo>
                <a:cubicBezTo>
                  <a:pt x="252" y="39"/>
                  <a:pt x="252" y="34"/>
                  <a:pt x="250" y="30"/>
                </a:cubicBezTo>
                <a:cubicBezTo>
                  <a:pt x="240" y="8"/>
                  <a:pt x="213" y="0"/>
                  <a:pt x="189" y="1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3" name="Freeform 247"/>
          <p:cNvSpPr>
            <a:spLocks/>
          </p:cNvSpPr>
          <p:nvPr userDrawn="1"/>
        </p:nvSpPr>
        <p:spPr bwMode="auto">
          <a:xfrm>
            <a:off x="1892871" y="2385436"/>
            <a:ext cx="415925" cy="512763"/>
          </a:xfrm>
          <a:custGeom>
            <a:avLst/>
            <a:gdLst/>
            <a:ahLst/>
            <a:cxnLst>
              <a:cxn ang="0">
                <a:pos x="305" y="0"/>
              </a:cxn>
              <a:cxn ang="0">
                <a:pos x="292" y="13"/>
              </a:cxn>
              <a:cxn ang="0">
                <a:pos x="283" y="299"/>
              </a:cxn>
              <a:cxn ang="0">
                <a:pos x="208" y="299"/>
              </a:cxn>
              <a:cxn ang="0">
                <a:pos x="202" y="102"/>
              </a:cxn>
              <a:cxn ang="0">
                <a:pos x="189" y="89"/>
              </a:cxn>
              <a:cxn ang="0">
                <a:pos x="148" y="89"/>
              </a:cxn>
              <a:cxn ang="0">
                <a:pos x="134" y="102"/>
              </a:cxn>
              <a:cxn ang="0">
                <a:pos x="128" y="299"/>
              </a:cxn>
              <a:cxn ang="0">
                <a:pos x="66" y="299"/>
              </a:cxn>
              <a:cxn ang="0">
                <a:pos x="56" y="304"/>
              </a:cxn>
              <a:cxn ang="0">
                <a:pos x="3" y="376"/>
              </a:cxn>
              <a:cxn ang="0">
                <a:pos x="0" y="384"/>
              </a:cxn>
              <a:cxn ang="0">
                <a:pos x="0" y="443"/>
              </a:cxn>
              <a:cxn ang="0">
                <a:pos x="14" y="457"/>
              </a:cxn>
              <a:cxn ang="0">
                <a:pos x="27" y="443"/>
              </a:cxn>
              <a:cxn ang="0">
                <a:pos x="27" y="388"/>
              </a:cxn>
              <a:cxn ang="0">
                <a:pos x="73" y="326"/>
              </a:cxn>
              <a:cxn ang="0">
                <a:pos x="141" y="326"/>
              </a:cxn>
              <a:cxn ang="0">
                <a:pos x="155" y="313"/>
              </a:cxn>
              <a:cxn ang="0">
                <a:pos x="160" y="116"/>
              </a:cxn>
              <a:cxn ang="0">
                <a:pos x="176" y="116"/>
              </a:cxn>
              <a:cxn ang="0">
                <a:pos x="182" y="313"/>
              </a:cxn>
              <a:cxn ang="0">
                <a:pos x="195" y="326"/>
              </a:cxn>
              <a:cxn ang="0">
                <a:pos x="296" y="326"/>
              </a:cxn>
              <a:cxn ang="0">
                <a:pos x="310" y="313"/>
              </a:cxn>
              <a:cxn ang="0">
                <a:pos x="318" y="27"/>
              </a:cxn>
              <a:cxn ang="0">
                <a:pos x="333" y="27"/>
              </a:cxn>
              <a:cxn ang="0">
                <a:pos x="342" y="443"/>
              </a:cxn>
              <a:cxn ang="0">
                <a:pos x="355" y="457"/>
              </a:cxn>
              <a:cxn ang="0">
                <a:pos x="368" y="443"/>
              </a:cxn>
              <a:cxn ang="0">
                <a:pos x="360" y="13"/>
              </a:cxn>
              <a:cxn ang="0">
                <a:pos x="346" y="0"/>
              </a:cxn>
              <a:cxn ang="0">
                <a:pos x="305" y="0"/>
              </a:cxn>
            </a:cxnLst>
            <a:rect l="0" t="0" r="r" b="b"/>
            <a:pathLst>
              <a:path w="368" h="457">
                <a:moveTo>
                  <a:pt x="305" y="0"/>
                </a:moveTo>
                <a:cubicBezTo>
                  <a:pt x="298" y="0"/>
                  <a:pt x="292" y="6"/>
                  <a:pt x="292" y="13"/>
                </a:cubicBezTo>
                <a:cubicBezTo>
                  <a:pt x="292" y="13"/>
                  <a:pt x="284" y="275"/>
                  <a:pt x="283" y="299"/>
                </a:cubicBezTo>
                <a:cubicBezTo>
                  <a:pt x="267" y="299"/>
                  <a:pt x="225" y="299"/>
                  <a:pt x="208" y="299"/>
                </a:cubicBezTo>
                <a:cubicBezTo>
                  <a:pt x="207" y="276"/>
                  <a:pt x="202" y="102"/>
                  <a:pt x="202" y="102"/>
                </a:cubicBezTo>
                <a:cubicBezTo>
                  <a:pt x="202" y="95"/>
                  <a:pt x="196" y="89"/>
                  <a:pt x="189" y="89"/>
                </a:cubicBezTo>
                <a:cubicBezTo>
                  <a:pt x="148" y="89"/>
                  <a:pt x="148" y="89"/>
                  <a:pt x="148" y="89"/>
                </a:cubicBezTo>
                <a:cubicBezTo>
                  <a:pt x="140" y="89"/>
                  <a:pt x="134" y="95"/>
                  <a:pt x="134" y="102"/>
                </a:cubicBezTo>
                <a:cubicBezTo>
                  <a:pt x="134" y="102"/>
                  <a:pt x="129" y="276"/>
                  <a:pt x="128" y="299"/>
                </a:cubicBezTo>
                <a:cubicBezTo>
                  <a:pt x="111" y="299"/>
                  <a:pt x="66" y="299"/>
                  <a:pt x="66" y="299"/>
                </a:cubicBezTo>
                <a:cubicBezTo>
                  <a:pt x="62" y="299"/>
                  <a:pt x="58" y="301"/>
                  <a:pt x="56" y="304"/>
                </a:cubicBezTo>
                <a:cubicBezTo>
                  <a:pt x="3" y="376"/>
                  <a:pt x="3" y="376"/>
                  <a:pt x="3" y="376"/>
                </a:cubicBezTo>
                <a:cubicBezTo>
                  <a:pt x="1" y="378"/>
                  <a:pt x="0" y="381"/>
                  <a:pt x="0" y="384"/>
                </a:cubicBezTo>
                <a:cubicBezTo>
                  <a:pt x="0" y="443"/>
                  <a:pt x="0" y="443"/>
                  <a:pt x="0" y="443"/>
                </a:cubicBezTo>
                <a:cubicBezTo>
                  <a:pt x="0" y="451"/>
                  <a:pt x="6" y="457"/>
                  <a:pt x="14" y="457"/>
                </a:cubicBezTo>
                <a:cubicBezTo>
                  <a:pt x="21" y="457"/>
                  <a:pt x="27" y="451"/>
                  <a:pt x="27" y="443"/>
                </a:cubicBezTo>
                <a:cubicBezTo>
                  <a:pt x="27" y="443"/>
                  <a:pt x="27" y="396"/>
                  <a:pt x="27" y="388"/>
                </a:cubicBezTo>
                <a:cubicBezTo>
                  <a:pt x="31" y="382"/>
                  <a:pt x="67" y="334"/>
                  <a:pt x="73" y="326"/>
                </a:cubicBezTo>
                <a:cubicBezTo>
                  <a:pt x="84" y="326"/>
                  <a:pt x="141" y="326"/>
                  <a:pt x="141" y="326"/>
                </a:cubicBezTo>
                <a:cubicBezTo>
                  <a:pt x="149" y="326"/>
                  <a:pt x="155" y="320"/>
                  <a:pt x="155" y="313"/>
                </a:cubicBezTo>
                <a:cubicBezTo>
                  <a:pt x="155" y="313"/>
                  <a:pt x="160" y="138"/>
                  <a:pt x="160" y="116"/>
                </a:cubicBezTo>
                <a:cubicBezTo>
                  <a:pt x="167" y="116"/>
                  <a:pt x="169" y="116"/>
                  <a:pt x="176" y="116"/>
                </a:cubicBezTo>
                <a:cubicBezTo>
                  <a:pt x="176" y="138"/>
                  <a:pt x="182" y="313"/>
                  <a:pt x="182" y="313"/>
                </a:cubicBezTo>
                <a:cubicBezTo>
                  <a:pt x="182" y="320"/>
                  <a:pt x="188" y="326"/>
                  <a:pt x="195" y="326"/>
                </a:cubicBezTo>
                <a:cubicBezTo>
                  <a:pt x="296" y="326"/>
                  <a:pt x="296" y="326"/>
                  <a:pt x="296" y="326"/>
                </a:cubicBezTo>
                <a:cubicBezTo>
                  <a:pt x="304" y="326"/>
                  <a:pt x="309" y="320"/>
                  <a:pt x="310" y="313"/>
                </a:cubicBezTo>
                <a:cubicBezTo>
                  <a:pt x="310" y="313"/>
                  <a:pt x="317" y="50"/>
                  <a:pt x="318" y="27"/>
                </a:cubicBezTo>
                <a:cubicBezTo>
                  <a:pt x="325" y="27"/>
                  <a:pt x="327" y="27"/>
                  <a:pt x="333" y="27"/>
                </a:cubicBezTo>
                <a:cubicBezTo>
                  <a:pt x="334" y="51"/>
                  <a:pt x="342" y="443"/>
                  <a:pt x="342" y="443"/>
                </a:cubicBezTo>
                <a:cubicBezTo>
                  <a:pt x="342" y="451"/>
                  <a:pt x="348" y="457"/>
                  <a:pt x="355" y="457"/>
                </a:cubicBezTo>
                <a:cubicBezTo>
                  <a:pt x="363" y="456"/>
                  <a:pt x="368" y="450"/>
                  <a:pt x="368" y="443"/>
                </a:cubicBezTo>
                <a:cubicBezTo>
                  <a:pt x="360" y="13"/>
                  <a:pt x="360" y="13"/>
                  <a:pt x="360" y="13"/>
                </a:cubicBezTo>
                <a:cubicBezTo>
                  <a:pt x="359" y="6"/>
                  <a:pt x="354" y="0"/>
                  <a:pt x="346" y="0"/>
                </a:cubicBezTo>
                <a:lnTo>
                  <a:pt x="305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14" name="Group 270"/>
          <p:cNvGrpSpPr>
            <a:grpSpLocks noChangeAspect="1"/>
          </p:cNvGrpSpPr>
          <p:nvPr userDrawn="1"/>
        </p:nvGrpSpPr>
        <p:grpSpPr bwMode="auto">
          <a:xfrm>
            <a:off x="1885727" y="3016358"/>
            <a:ext cx="430213" cy="463550"/>
            <a:chOff x="1543" y="1791"/>
            <a:chExt cx="271" cy="292"/>
          </a:xfrm>
          <a:noFill/>
        </p:grpSpPr>
        <p:sp>
          <p:nvSpPr>
            <p:cNvPr id="115" name="Line 271"/>
            <p:cNvSpPr>
              <a:spLocks noChangeShapeType="1"/>
            </p:cNvSpPr>
            <p:nvPr/>
          </p:nvSpPr>
          <p:spPr bwMode="auto">
            <a:xfrm>
              <a:off x="1581" y="1894"/>
              <a:ext cx="1" cy="1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6" name="Freeform 272"/>
            <p:cNvSpPr>
              <a:spLocks/>
            </p:cNvSpPr>
            <p:nvPr/>
          </p:nvSpPr>
          <p:spPr bwMode="auto">
            <a:xfrm>
              <a:off x="1543" y="1791"/>
              <a:ext cx="271" cy="292"/>
            </a:xfrm>
            <a:custGeom>
              <a:avLst/>
              <a:gdLst/>
              <a:ahLst/>
              <a:cxnLst>
                <a:cxn ang="0">
                  <a:pos x="354" y="302"/>
                </a:cxn>
                <a:cxn ang="0">
                  <a:pos x="328" y="384"/>
                </a:cxn>
                <a:cxn ang="0">
                  <a:pos x="146" y="366"/>
                </a:cxn>
                <a:cxn ang="0">
                  <a:pos x="4" y="261"/>
                </a:cxn>
                <a:cxn ang="0">
                  <a:pos x="51" y="140"/>
                </a:cxn>
                <a:cxn ang="0">
                  <a:pos x="108" y="139"/>
                </a:cxn>
                <a:cxn ang="0">
                  <a:pos x="121" y="104"/>
                </a:cxn>
                <a:cxn ang="0">
                  <a:pos x="167" y="122"/>
                </a:cxn>
                <a:cxn ang="0">
                  <a:pos x="119" y="30"/>
                </a:cxn>
                <a:cxn ang="0">
                  <a:pos x="175" y="41"/>
                </a:cxn>
                <a:cxn ang="0">
                  <a:pos x="209" y="118"/>
                </a:cxn>
                <a:cxn ang="0">
                  <a:pos x="252" y="4"/>
                </a:cxn>
                <a:cxn ang="0">
                  <a:pos x="309" y="23"/>
                </a:cxn>
                <a:cxn ang="0">
                  <a:pos x="264" y="136"/>
                </a:cxn>
                <a:cxn ang="0">
                  <a:pos x="329" y="93"/>
                </a:cxn>
                <a:cxn ang="0">
                  <a:pos x="382" y="119"/>
                </a:cxn>
                <a:cxn ang="0">
                  <a:pos x="299" y="170"/>
                </a:cxn>
                <a:cxn ang="0">
                  <a:pos x="345" y="188"/>
                </a:cxn>
                <a:cxn ang="0">
                  <a:pos x="335" y="222"/>
                </a:cxn>
                <a:cxn ang="0">
                  <a:pos x="374" y="258"/>
                </a:cxn>
                <a:cxn ang="0">
                  <a:pos x="97" y="180"/>
                </a:cxn>
              </a:cxnLst>
              <a:rect l="0" t="0" r="r" b="b"/>
              <a:pathLst>
                <a:path w="382" h="410">
                  <a:moveTo>
                    <a:pt x="354" y="302"/>
                  </a:moveTo>
                  <a:cubicBezTo>
                    <a:pt x="328" y="384"/>
                    <a:pt x="328" y="384"/>
                    <a:pt x="328" y="384"/>
                  </a:cubicBezTo>
                  <a:cubicBezTo>
                    <a:pt x="328" y="384"/>
                    <a:pt x="252" y="410"/>
                    <a:pt x="146" y="366"/>
                  </a:cubicBezTo>
                  <a:cubicBezTo>
                    <a:pt x="44" y="324"/>
                    <a:pt x="0" y="267"/>
                    <a:pt x="4" y="261"/>
                  </a:cubicBezTo>
                  <a:cubicBezTo>
                    <a:pt x="7" y="255"/>
                    <a:pt x="51" y="140"/>
                    <a:pt x="51" y="140"/>
                  </a:cubicBezTo>
                  <a:cubicBezTo>
                    <a:pt x="51" y="140"/>
                    <a:pt x="49" y="129"/>
                    <a:pt x="108" y="139"/>
                  </a:cubicBezTo>
                  <a:cubicBezTo>
                    <a:pt x="121" y="104"/>
                    <a:pt x="121" y="104"/>
                    <a:pt x="121" y="104"/>
                  </a:cubicBezTo>
                  <a:cubicBezTo>
                    <a:pt x="121" y="104"/>
                    <a:pt x="165" y="123"/>
                    <a:pt x="167" y="122"/>
                  </a:cubicBezTo>
                  <a:cubicBezTo>
                    <a:pt x="166" y="122"/>
                    <a:pt x="119" y="30"/>
                    <a:pt x="119" y="30"/>
                  </a:cubicBezTo>
                  <a:cubicBezTo>
                    <a:pt x="119" y="30"/>
                    <a:pt x="158" y="32"/>
                    <a:pt x="175" y="41"/>
                  </a:cubicBezTo>
                  <a:cubicBezTo>
                    <a:pt x="180" y="52"/>
                    <a:pt x="209" y="118"/>
                    <a:pt x="209" y="118"/>
                  </a:cubicBezTo>
                  <a:cubicBezTo>
                    <a:pt x="252" y="4"/>
                    <a:pt x="252" y="4"/>
                    <a:pt x="252" y="4"/>
                  </a:cubicBezTo>
                  <a:cubicBezTo>
                    <a:pt x="252" y="4"/>
                    <a:pt x="280" y="0"/>
                    <a:pt x="309" y="23"/>
                  </a:cubicBezTo>
                  <a:cubicBezTo>
                    <a:pt x="305" y="36"/>
                    <a:pt x="264" y="136"/>
                    <a:pt x="264" y="136"/>
                  </a:cubicBezTo>
                  <a:cubicBezTo>
                    <a:pt x="329" y="93"/>
                    <a:pt x="329" y="93"/>
                    <a:pt x="329" y="93"/>
                  </a:cubicBezTo>
                  <a:cubicBezTo>
                    <a:pt x="329" y="93"/>
                    <a:pt x="361" y="98"/>
                    <a:pt x="382" y="119"/>
                  </a:cubicBezTo>
                  <a:cubicBezTo>
                    <a:pt x="369" y="126"/>
                    <a:pt x="299" y="170"/>
                    <a:pt x="299" y="170"/>
                  </a:cubicBezTo>
                  <a:cubicBezTo>
                    <a:pt x="299" y="170"/>
                    <a:pt x="345" y="189"/>
                    <a:pt x="345" y="188"/>
                  </a:cubicBezTo>
                  <a:cubicBezTo>
                    <a:pt x="345" y="186"/>
                    <a:pt x="335" y="222"/>
                    <a:pt x="335" y="222"/>
                  </a:cubicBezTo>
                  <a:cubicBezTo>
                    <a:pt x="335" y="222"/>
                    <a:pt x="355" y="238"/>
                    <a:pt x="374" y="258"/>
                  </a:cubicBezTo>
                  <a:cubicBezTo>
                    <a:pt x="372" y="260"/>
                    <a:pt x="231" y="293"/>
                    <a:pt x="97" y="180"/>
                  </a:cubicBezTo>
                </a:path>
              </a:pathLst>
            </a:cu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17" name="Freeform 308"/>
          <p:cNvSpPr>
            <a:spLocks/>
          </p:cNvSpPr>
          <p:nvPr userDrawn="1"/>
        </p:nvSpPr>
        <p:spPr bwMode="auto">
          <a:xfrm>
            <a:off x="1842864" y="3673135"/>
            <a:ext cx="515938" cy="527050"/>
          </a:xfrm>
          <a:custGeom>
            <a:avLst/>
            <a:gdLst/>
            <a:ahLst/>
            <a:cxnLst>
              <a:cxn ang="0">
                <a:pos x="409" y="267"/>
              </a:cxn>
              <a:cxn ang="0">
                <a:pos x="360" y="192"/>
              </a:cxn>
              <a:cxn ang="0">
                <a:pos x="313" y="178"/>
              </a:cxn>
              <a:cxn ang="0">
                <a:pos x="239" y="0"/>
              </a:cxn>
              <a:cxn ang="0">
                <a:pos x="183" y="192"/>
              </a:cxn>
              <a:cxn ang="0">
                <a:pos x="197" y="169"/>
              </a:cxn>
              <a:cxn ang="0">
                <a:pos x="239" y="26"/>
              </a:cxn>
              <a:cxn ang="0">
                <a:pos x="287" y="165"/>
              </a:cxn>
              <a:cxn ang="0">
                <a:pos x="309" y="220"/>
              </a:cxn>
              <a:cxn ang="0">
                <a:pos x="348" y="217"/>
              </a:cxn>
              <a:cxn ang="0">
                <a:pos x="429" y="390"/>
              </a:cxn>
              <a:cxn ang="0">
                <a:pos x="329" y="392"/>
              </a:cxn>
              <a:cxn ang="0">
                <a:pos x="235" y="367"/>
              </a:cxn>
              <a:cxn ang="0">
                <a:pos x="173" y="385"/>
              </a:cxn>
              <a:cxn ang="0">
                <a:pos x="157" y="352"/>
              </a:cxn>
              <a:cxn ang="0">
                <a:pos x="207" y="336"/>
              </a:cxn>
              <a:cxn ang="0">
                <a:pos x="228" y="338"/>
              </a:cxn>
              <a:cxn ang="0">
                <a:pos x="228" y="339"/>
              </a:cxn>
              <a:cxn ang="0">
                <a:pos x="229" y="340"/>
              </a:cxn>
              <a:cxn ang="0">
                <a:pos x="230" y="341"/>
              </a:cxn>
              <a:cxn ang="0">
                <a:pos x="231" y="341"/>
              </a:cxn>
              <a:cxn ang="0">
                <a:pos x="241" y="344"/>
              </a:cxn>
              <a:cxn ang="0">
                <a:pos x="242" y="344"/>
              </a:cxn>
              <a:cxn ang="0">
                <a:pos x="243" y="344"/>
              </a:cxn>
              <a:cxn ang="0">
                <a:pos x="244" y="343"/>
              </a:cxn>
              <a:cxn ang="0">
                <a:pos x="245" y="343"/>
              </a:cxn>
              <a:cxn ang="0">
                <a:pos x="246" y="342"/>
              </a:cxn>
              <a:cxn ang="0">
                <a:pos x="247" y="342"/>
              </a:cxn>
              <a:cxn ang="0">
                <a:pos x="248" y="341"/>
              </a:cxn>
              <a:cxn ang="0">
                <a:pos x="249" y="340"/>
              </a:cxn>
              <a:cxn ang="0">
                <a:pos x="249" y="339"/>
              </a:cxn>
              <a:cxn ang="0">
                <a:pos x="252" y="330"/>
              </a:cxn>
              <a:cxn ang="0">
                <a:pos x="252" y="329"/>
              </a:cxn>
              <a:cxn ang="0">
                <a:pos x="252" y="328"/>
              </a:cxn>
              <a:cxn ang="0">
                <a:pos x="251" y="326"/>
              </a:cxn>
              <a:cxn ang="0">
                <a:pos x="251" y="325"/>
              </a:cxn>
              <a:cxn ang="0">
                <a:pos x="187" y="217"/>
              </a:cxn>
              <a:cxn ang="0">
                <a:pos x="122" y="208"/>
              </a:cxn>
              <a:cxn ang="0">
                <a:pos x="65" y="231"/>
              </a:cxn>
              <a:cxn ang="0">
                <a:pos x="2" y="246"/>
              </a:cxn>
              <a:cxn ang="0">
                <a:pos x="112" y="461"/>
              </a:cxn>
              <a:cxn ang="0">
                <a:pos x="126" y="467"/>
              </a:cxn>
              <a:cxn ang="0">
                <a:pos x="215" y="438"/>
              </a:cxn>
              <a:cxn ang="0">
                <a:pos x="130" y="440"/>
              </a:cxn>
              <a:cxn ang="0">
                <a:pos x="79" y="256"/>
              </a:cxn>
              <a:cxn ang="0">
                <a:pos x="99" y="228"/>
              </a:cxn>
              <a:cxn ang="0">
                <a:pos x="113" y="240"/>
              </a:cxn>
              <a:cxn ang="0">
                <a:pos x="128" y="251"/>
              </a:cxn>
              <a:cxn ang="0">
                <a:pos x="208" y="298"/>
              </a:cxn>
              <a:cxn ang="0">
                <a:pos x="183" y="322"/>
              </a:cxn>
              <a:cxn ang="0">
                <a:pos x="134" y="340"/>
              </a:cxn>
              <a:cxn ang="0">
                <a:pos x="159" y="408"/>
              </a:cxn>
              <a:cxn ang="0">
                <a:pos x="242" y="393"/>
              </a:cxn>
              <a:cxn ang="0">
                <a:pos x="401" y="430"/>
              </a:cxn>
              <a:cxn ang="0">
                <a:pos x="455" y="381"/>
              </a:cxn>
            </a:cxnLst>
            <a:rect l="0" t="0" r="r" b="b"/>
            <a:pathLst>
              <a:path w="457" h="468">
                <a:moveTo>
                  <a:pt x="455" y="381"/>
                </a:moveTo>
                <a:cubicBezTo>
                  <a:pt x="451" y="348"/>
                  <a:pt x="428" y="301"/>
                  <a:pt x="409" y="267"/>
                </a:cubicBezTo>
                <a:cubicBezTo>
                  <a:pt x="400" y="250"/>
                  <a:pt x="390" y="233"/>
                  <a:pt x="380" y="218"/>
                </a:cubicBezTo>
                <a:cubicBezTo>
                  <a:pt x="366" y="195"/>
                  <a:pt x="363" y="194"/>
                  <a:pt x="360" y="192"/>
                </a:cubicBezTo>
                <a:cubicBezTo>
                  <a:pt x="357" y="190"/>
                  <a:pt x="350" y="186"/>
                  <a:pt x="325" y="196"/>
                </a:cubicBezTo>
                <a:cubicBezTo>
                  <a:pt x="313" y="178"/>
                  <a:pt x="313" y="178"/>
                  <a:pt x="313" y="178"/>
                </a:cubicBezTo>
                <a:cubicBezTo>
                  <a:pt x="332" y="158"/>
                  <a:pt x="343" y="132"/>
                  <a:pt x="343" y="104"/>
                </a:cubicBezTo>
                <a:cubicBezTo>
                  <a:pt x="343" y="46"/>
                  <a:pt x="297" y="0"/>
                  <a:pt x="239" y="0"/>
                </a:cubicBezTo>
                <a:cubicBezTo>
                  <a:pt x="182" y="0"/>
                  <a:pt x="135" y="46"/>
                  <a:pt x="135" y="104"/>
                </a:cubicBezTo>
                <a:cubicBezTo>
                  <a:pt x="135" y="140"/>
                  <a:pt x="153" y="172"/>
                  <a:pt x="183" y="192"/>
                </a:cubicBezTo>
                <a:cubicBezTo>
                  <a:pt x="189" y="196"/>
                  <a:pt x="197" y="194"/>
                  <a:pt x="201" y="188"/>
                </a:cubicBezTo>
                <a:cubicBezTo>
                  <a:pt x="205" y="181"/>
                  <a:pt x="204" y="173"/>
                  <a:pt x="197" y="169"/>
                </a:cubicBezTo>
                <a:cubicBezTo>
                  <a:pt x="175" y="155"/>
                  <a:pt x="162" y="131"/>
                  <a:pt x="162" y="104"/>
                </a:cubicBezTo>
                <a:cubicBezTo>
                  <a:pt x="162" y="61"/>
                  <a:pt x="196" y="26"/>
                  <a:pt x="239" y="26"/>
                </a:cubicBezTo>
                <a:cubicBezTo>
                  <a:pt x="282" y="26"/>
                  <a:pt x="317" y="61"/>
                  <a:pt x="317" y="104"/>
                </a:cubicBezTo>
                <a:cubicBezTo>
                  <a:pt x="317" y="128"/>
                  <a:pt x="306" y="150"/>
                  <a:pt x="287" y="165"/>
                </a:cubicBezTo>
                <a:cubicBezTo>
                  <a:pt x="282" y="169"/>
                  <a:pt x="281" y="177"/>
                  <a:pt x="284" y="182"/>
                </a:cubicBezTo>
                <a:cubicBezTo>
                  <a:pt x="309" y="220"/>
                  <a:pt x="309" y="220"/>
                  <a:pt x="309" y="220"/>
                </a:cubicBezTo>
                <a:cubicBezTo>
                  <a:pt x="313" y="226"/>
                  <a:pt x="320" y="228"/>
                  <a:pt x="326" y="225"/>
                </a:cubicBezTo>
                <a:cubicBezTo>
                  <a:pt x="334" y="221"/>
                  <a:pt x="343" y="218"/>
                  <a:pt x="348" y="217"/>
                </a:cubicBezTo>
                <a:cubicBezTo>
                  <a:pt x="355" y="226"/>
                  <a:pt x="373" y="255"/>
                  <a:pt x="391" y="289"/>
                </a:cubicBezTo>
                <a:cubicBezTo>
                  <a:pt x="416" y="335"/>
                  <a:pt x="430" y="371"/>
                  <a:pt x="429" y="390"/>
                </a:cubicBezTo>
                <a:cubicBezTo>
                  <a:pt x="429" y="394"/>
                  <a:pt x="428" y="397"/>
                  <a:pt x="427" y="397"/>
                </a:cubicBezTo>
                <a:cubicBezTo>
                  <a:pt x="423" y="401"/>
                  <a:pt x="405" y="411"/>
                  <a:pt x="329" y="392"/>
                </a:cubicBezTo>
                <a:cubicBezTo>
                  <a:pt x="286" y="381"/>
                  <a:pt x="246" y="366"/>
                  <a:pt x="246" y="366"/>
                </a:cubicBezTo>
                <a:cubicBezTo>
                  <a:pt x="242" y="365"/>
                  <a:pt x="239" y="365"/>
                  <a:pt x="235" y="367"/>
                </a:cubicBezTo>
                <a:cubicBezTo>
                  <a:pt x="235" y="367"/>
                  <a:pt x="222" y="374"/>
                  <a:pt x="206" y="379"/>
                </a:cubicBezTo>
                <a:cubicBezTo>
                  <a:pt x="180" y="388"/>
                  <a:pt x="173" y="385"/>
                  <a:pt x="173" y="385"/>
                </a:cubicBezTo>
                <a:cubicBezTo>
                  <a:pt x="169" y="383"/>
                  <a:pt x="164" y="379"/>
                  <a:pt x="159" y="368"/>
                </a:cubicBezTo>
                <a:cubicBezTo>
                  <a:pt x="155" y="360"/>
                  <a:pt x="156" y="354"/>
                  <a:pt x="157" y="352"/>
                </a:cubicBezTo>
                <a:cubicBezTo>
                  <a:pt x="176" y="349"/>
                  <a:pt x="195" y="347"/>
                  <a:pt x="195" y="347"/>
                </a:cubicBezTo>
                <a:cubicBezTo>
                  <a:pt x="201" y="347"/>
                  <a:pt x="206" y="342"/>
                  <a:pt x="207" y="336"/>
                </a:cubicBezTo>
                <a:cubicBezTo>
                  <a:pt x="208" y="328"/>
                  <a:pt x="211" y="324"/>
                  <a:pt x="212" y="324"/>
                </a:cubicBezTo>
                <a:cubicBezTo>
                  <a:pt x="214" y="323"/>
                  <a:pt x="221" y="327"/>
                  <a:pt x="228" y="338"/>
                </a:cubicBezTo>
                <a:cubicBezTo>
                  <a:pt x="228" y="338"/>
                  <a:pt x="228" y="338"/>
                  <a:pt x="228" y="338"/>
                </a:cubicBezTo>
                <a:cubicBezTo>
                  <a:pt x="228" y="338"/>
                  <a:pt x="228" y="339"/>
                  <a:pt x="228" y="339"/>
                </a:cubicBezTo>
                <a:cubicBezTo>
                  <a:pt x="229" y="339"/>
                  <a:pt x="229" y="339"/>
                  <a:pt x="229" y="339"/>
                </a:cubicBezTo>
                <a:cubicBezTo>
                  <a:pt x="229" y="339"/>
                  <a:pt x="229" y="340"/>
                  <a:pt x="229" y="340"/>
                </a:cubicBezTo>
                <a:cubicBezTo>
                  <a:pt x="229" y="340"/>
                  <a:pt x="229" y="340"/>
                  <a:pt x="229" y="340"/>
                </a:cubicBezTo>
                <a:cubicBezTo>
                  <a:pt x="230" y="340"/>
                  <a:pt x="230" y="341"/>
                  <a:pt x="230" y="341"/>
                </a:cubicBezTo>
                <a:cubicBezTo>
                  <a:pt x="230" y="341"/>
                  <a:pt x="230" y="341"/>
                  <a:pt x="230" y="341"/>
                </a:cubicBezTo>
                <a:cubicBezTo>
                  <a:pt x="231" y="341"/>
                  <a:pt x="231" y="341"/>
                  <a:pt x="231" y="341"/>
                </a:cubicBezTo>
                <a:cubicBezTo>
                  <a:pt x="232" y="342"/>
                  <a:pt x="234" y="343"/>
                  <a:pt x="235" y="344"/>
                </a:cubicBezTo>
                <a:cubicBezTo>
                  <a:pt x="237" y="344"/>
                  <a:pt x="239" y="344"/>
                  <a:pt x="241" y="344"/>
                </a:cubicBezTo>
                <a:cubicBezTo>
                  <a:pt x="241" y="344"/>
                  <a:pt x="241" y="344"/>
                  <a:pt x="241" y="344"/>
                </a:cubicBezTo>
                <a:cubicBezTo>
                  <a:pt x="241" y="344"/>
                  <a:pt x="241" y="344"/>
                  <a:pt x="242" y="344"/>
                </a:cubicBezTo>
                <a:cubicBezTo>
                  <a:pt x="242" y="344"/>
                  <a:pt x="242" y="344"/>
                  <a:pt x="242" y="344"/>
                </a:cubicBezTo>
                <a:cubicBezTo>
                  <a:pt x="242" y="344"/>
                  <a:pt x="243" y="344"/>
                  <a:pt x="243" y="344"/>
                </a:cubicBezTo>
                <a:cubicBezTo>
                  <a:pt x="243" y="344"/>
                  <a:pt x="243" y="344"/>
                  <a:pt x="244" y="343"/>
                </a:cubicBezTo>
                <a:cubicBezTo>
                  <a:pt x="244" y="343"/>
                  <a:pt x="244" y="343"/>
                  <a:pt x="244" y="343"/>
                </a:cubicBezTo>
                <a:cubicBezTo>
                  <a:pt x="244" y="343"/>
                  <a:pt x="245" y="343"/>
                  <a:pt x="245" y="343"/>
                </a:cubicBezTo>
                <a:cubicBezTo>
                  <a:pt x="245" y="343"/>
                  <a:pt x="245" y="343"/>
                  <a:pt x="245" y="343"/>
                </a:cubicBezTo>
                <a:cubicBezTo>
                  <a:pt x="245" y="343"/>
                  <a:pt x="245" y="343"/>
                  <a:pt x="245" y="343"/>
                </a:cubicBezTo>
                <a:cubicBezTo>
                  <a:pt x="246" y="342"/>
                  <a:pt x="246" y="342"/>
                  <a:pt x="246" y="342"/>
                </a:cubicBezTo>
                <a:cubicBezTo>
                  <a:pt x="246" y="342"/>
                  <a:pt x="246" y="342"/>
                  <a:pt x="246" y="342"/>
                </a:cubicBezTo>
                <a:cubicBezTo>
                  <a:pt x="246" y="342"/>
                  <a:pt x="247" y="342"/>
                  <a:pt x="247" y="342"/>
                </a:cubicBezTo>
                <a:cubicBezTo>
                  <a:pt x="247" y="342"/>
                  <a:pt x="247" y="342"/>
                  <a:pt x="247" y="341"/>
                </a:cubicBezTo>
                <a:cubicBezTo>
                  <a:pt x="247" y="341"/>
                  <a:pt x="248" y="341"/>
                  <a:pt x="248" y="341"/>
                </a:cubicBezTo>
                <a:cubicBezTo>
                  <a:pt x="248" y="341"/>
                  <a:pt x="248" y="341"/>
                  <a:pt x="248" y="341"/>
                </a:cubicBezTo>
                <a:cubicBezTo>
                  <a:pt x="248" y="340"/>
                  <a:pt x="249" y="340"/>
                  <a:pt x="249" y="340"/>
                </a:cubicBezTo>
                <a:cubicBezTo>
                  <a:pt x="249" y="340"/>
                  <a:pt x="249" y="340"/>
                  <a:pt x="249" y="340"/>
                </a:cubicBezTo>
                <a:cubicBezTo>
                  <a:pt x="249" y="340"/>
                  <a:pt x="249" y="339"/>
                  <a:pt x="249" y="339"/>
                </a:cubicBezTo>
                <a:cubicBezTo>
                  <a:pt x="250" y="338"/>
                  <a:pt x="251" y="336"/>
                  <a:pt x="252" y="335"/>
                </a:cubicBezTo>
                <a:cubicBezTo>
                  <a:pt x="252" y="333"/>
                  <a:pt x="252" y="331"/>
                  <a:pt x="252" y="330"/>
                </a:cubicBezTo>
                <a:cubicBezTo>
                  <a:pt x="252" y="329"/>
                  <a:pt x="252" y="329"/>
                  <a:pt x="252" y="329"/>
                </a:cubicBezTo>
                <a:cubicBezTo>
                  <a:pt x="252" y="329"/>
                  <a:pt x="252" y="329"/>
                  <a:pt x="252" y="329"/>
                </a:cubicBezTo>
                <a:cubicBezTo>
                  <a:pt x="252" y="328"/>
                  <a:pt x="252" y="328"/>
                  <a:pt x="252" y="328"/>
                </a:cubicBezTo>
                <a:cubicBezTo>
                  <a:pt x="252" y="328"/>
                  <a:pt x="252" y="328"/>
                  <a:pt x="252" y="328"/>
                </a:cubicBezTo>
                <a:cubicBezTo>
                  <a:pt x="252" y="327"/>
                  <a:pt x="252" y="327"/>
                  <a:pt x="251" y="326"/>
                </a:cubicBezTo>
                <a:cubicBezTo>
                  <a:pt x="251" y="326"/>
                  <a:pt x="251" y="326"/>
                  <a:pt x="251" y="326"/>
                </a:cubicBezTo>
                <a:cubicBezTo>
                  <a:pt x="251" y="326"/>
                  <a:pt x="251" y="326"/>
                  <a:pt x="251" y="325"/>
                </a:cubicBezTo>
                <a:cubicBezTo>
                  <a:pt x="251" y="325"/>
                  <a:pt x="251" y="325"/>
                  <a:pt x="251" y="325"/>
                </a:cubicBezTo>
                <a:cubicBezTo>
                  <a:pt x="201" y="224"/>
                  <a:pt x="201" y="224"/>
                  <a:pt x="201" y="224"/>
                </a:cubicBezTo>
                <a:cubicBezTo>
                  <a:pt x="198" y="219"/>
                  <a:pt x="193" y="216"/>
                  <a:pt x="187" y="217"/>
                </a:cubicBezTo>
                <a:cubicBezTo>
                  <a:pt x="135" y="224"/>
                  <a:pt x="135" y="224"/>
                  <a:pt x="135" y="224"/>
                </a:cubicBezTo>
                <a:cubicBezTo>
                  <a:pt x="133" y="218"/>
                  <a:pt x="129" y="212"/>
                  <a:pt x="122" y="208"/>
                </a:cubicBezTo>
                <a:cubicBezTo>
                  <a:pt x="117" y="204"/>
                  <a:pt x="107" y="200"/>
                  <a:pt x="93" y="203"/>
                </a:cubicBezTo>
                <a:cubicBezTo>
                  <a:pt x="75" y="207"/>
                  <a:pt x="67" y="220"/>
                  <a:pt x="65" y="231"/>
                </a:cubicBezTo>
                <a:cubicBezTo>
                  <a:pt x="12" y="239"/>
                  <a:pt x="12" y="239"/>
                  <a:pt x="12" y="239"/>
                </a:cubicBezTo>
                <a:cubicBezTo>
                  <a:pt x="7" y="239"/>
                  <a:pt x="4" y="242"/>
                  <a:pt x="2" y="246"/>
                </a:cubicBezTo>
                <a:cubicBezTo>
                  <a:pt x="0" y="250"/>
                  <a:pt x="0" y="254"/>
                  <a:pt x="2" y="258"/>
                </a:cubicBezTo>
                <a:cubicBezTo>
                  <a:pt x="112" y="461"/>
                  <a:pt x="112" y="461"/>
                  <a:pt x="112" y="461"/>
                </a:cubicBezTo>
                <a:cubicBezTo>
                  <a:pt x="114" y="465"/>
                  <a:pt x="119" y="468"/>
                  <a:pt x="123" y="468"/>
                </a:cubicBezTo>
                <a:cubicBezTo>
                  <a:pt x="124" y="468"/>
                  <a:pt x="125" y="468"/>
                  <a:pt x="126" y="467"/>
                </a:cubicBezTo>
                <a:cubicBezTo>
                  <a:pt x="205" y="453"/>
                  <a:pt x="205" y="453"/>
                  <a:pt x="205" y="453"/>
                </a:cubicBezTo>
                <a:cubicBezTo>
                  <a:pt x="212" y="452"/>
                  <a:pt x="217" y="445"/>
                  <a:pt x="215" y="438"/>
                </a:cubicBezTo>
                <a:cubicBezTo>
                  <a:pt x="214" y="431"/>
                  <a:pt x="207" y="426"/>
                  <a:pt x="200" y="428"/>
                </a:cubicBezTo>
                <a:cubicBezTo>
                  <a:pt x="130" y="440"/>
                  <a:pt x="130" y="440"/>
                  <a:pt x="130" y="440"/>
                </a:cubicBezTo>
                <a:cubicBezTo>
                  <a:pt x="34" y="262"/>
                  <a:pt x="34" y="262"/>
                  <a:pt x="34" y="262"/>
                </a:cubicBezTo>
                <a:cubicBezTo>
                  <a:pt x="79" y="256"/>
                  <a:pt x="79" y="256"/>
                  <a:pt x="79" y="256"/>
                </a:cubicBezTo>
                <a:cubicBezTo>
                  <a:pt x="86" y="255"/>
                  <a:pt x="91" y="249"/>
                  <a:pt x="90" y="242"/>
                </a:cubicBezTo>
                <a:cubicBezTo>
                  <a:pt x="90" y="239"/>
                  <a:pt x="90" y="230"/>
                  <a:pt x="99" y="228"/>
                </a:cubicBezTo>
                <a:cubicBezTo>
                  <a:pt x="104" y="227"/>
                  <a:pt x="106" y="229"/>
                  <a:pt x="107" y="229"/>
                </a:cubicBezTo>
                <a:cubicBezTo>
                  <a:pt x="111" y="232"/>
                  <a:pt x="113" y="238"/>
                  <a:pt x="113" y="240"/>
                </a:cubicBezTo>
                <a:cubicBezTo>
                  <a:pt x="114" y="243"/>
                  <a:pt x="115" y="247"/>
                  <a:pt x="118" y="249"/>
                </a:cubicBezTo>
                <a:cubicBezTo>
                  <a:pt x="121" y="251"/>
                  <a:pt x="124" y="252"/>
                  <a:pt x="128" y="251"/>
                </a:cubicBezTo>
                <a:cubicBezTo>
                  <a:pt x="181" y="244"/>
                  <a:pt x="181" y="244"/>
                  <a:pt x="181" y="244"/>
                </a:cubicBezTo>
                <a:cubicBezTo>
                  <a:pt x="208" y="298"/>
                  <a:pt x="208" y="298"/>
                  <a:pt x="208" y="298"/>
                </a:cubicBezTo>
                <a:cubicBezTo>
                  <a:pt x="208" y="298"/>
                  <a:pt x="207" y="298"/>
                  <a:pt x="207" y="298"/>
                </a:cubicBezTo>
                <a:cubicBezTo>
                  <a:pt x="196" y="300"/>
                  <a:pt x="188" y="309"/>
                  <a:pt x="183" y="322"/>
                </a:cubicBezTo>
                <a:cubicBezTo>
                  <a:pt x="176" y="323"/>
                  <a:pt x="164" y="324"/>
                  <a:pt x="152" y="326"/>
                </a:cubicBezTo>
                <a:cubicBezTo>
                  <a:pt x="144" y="328"/>
                  <a:pt x="138" y="333"/>
                  <a:pt x="134" y="340"/>
                </a:cubicBezTo>
                <a:cubicBezTo>
                  <a:pt x="128" y="351"/>
                  <a:pt x="129" y="365"/>
                  <a:pt x="135" y="379"/>
                </a:cubicBezTo>
                <a:cubicBezTo>
                  <a:pt x="141" y="393"/>
                  <a:pt x="149" y="402"/>
                  <a:pt x="159" y="408"/>
                </a:cubicBezTo>
                <a:cubicBezTo>
                  <a:pt x="170" y="415"/>
                  <a:pt x="188" y="414"/>
                  <a:pt x="214" y="404"/>
                </a:cubicBezTo>
                <a:cubicBezTo>
                  <a:pt x="226" y="400"/>
                  <a:pt x="236" y="396"/>
                  <a:pt x="242" y="393"/>
                </a:cubicBezTo>
                <a:cubicBezTo>
                  <a:pt x="254" y="397"/>
                  <a:pt x="287" y="409"/>
                  <a:pt x="323" y="418"/>
                </a:cubicBezTo>
                <a:cubicBezTo>
                  <a:pt x="358" y="426"/>
                  <a:pt x="383" y="430"/>
                  <a:pt x="401" y="430"/>
                </a:cubicBezTo>
                <a:cubicBezTo>
                  <a:pt x="427" y="430"/>
                  <a:pt x="438" y="423"/>
                  <a:pt x="445" y="417"/>
                </a:cubicBezTo>
                <a:cubicBezTo>
                  <a:pt x="453" y="409"/>
                  <a:pt x="457" y="397"/>
                  <a:pt x="455" y="38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" name="Freeform 636"/>
          <p:cNvSpPr>
            <a:spLocks/>
          </p:cNvSpPr>
          <p:nvPr userDrawn="1"/>
        </p:nvSpPr>
        <p:spPr bwMode="auto">
          <a:xfrm>
            <a:off x="1876996" y="1780287"/>
            <a:ext cx="447674" cy="447672"/>
          </a:xfrm>
          <a:custGeom>
            <a:avLst/>
            <a:gdLst/>
            <a:ahLst/>
            <a:cxnLst>
              <a:cxn ang="0">
                <a:pos x="126" y="251"/>
              </a:cxn>
              <a:cxn ang="0">
                <a:pos x="22" y="196"/>
              </a:cxn>
              <a:cxn ang="0">
                <a:pos x="24" y="186"/>
              </a:cxn>
              <a:cxn ang="0">
                <a:pos x="33" y="188"/>
              </a:cxn>
              <a:cxn ang="0">
                <a:pos x="126" y="238"/>
              </a:cxn>
              <a:cxn ang="0">
                <a:pos x="232" y="164"/>
              </a:cxn>
              <a:cxn ang="0">
                <a:pos x="196" y="164"/>
              </a:cxn>
              <a:cxn ang="0">
                <a:pos x="189" y="158"/>
              </a:cxn>
              <a:cxn ang="0">
                <a:pos x="189" y="120"/>
              </a:cxn>
              <a:cxn ang="0">
                <a:pos x="172" y="113"/>
              </a:cxn>
              <a:cxn ang="0">
                <a:pos x="172" y="149"/>
              </a:cxn>
              <a:cxn ang="0">
                <a:pos x="165" y="155"/>
              </a:cxn>
              <a:cxn ang="0">
                <a:pos x="144" y="155"/>
              </a:cxn>
              <a:cxn ang="0">
                <a:pos x="137" y="149"/>
              </a:cxn>
              <a:cxn ang="0">
                <a:pos x="137" y="59"/>
              </a:cxn>
              <a:cxn ang="0">
                <a:pos x="117" y="52"/>
              </a:cxn>
              <a:cxn ang="0">
                <a:pos x="117" y="133"/>
              </a:cxn>
              <a:cxn ang="0">
                <a:pos x="110" y="140"/>
              </a:cxn>
              <a:cxn ang="0">
                <a:pos x="89" y="140"/>
              </a:cxn>
              <a:cxn ang="0">
                <a:pos x="83" y="133"/>
              </a:cxn>
              <a:cxn ang="0">
                <a:pos x="83" y="106"/>
              </a:cxn>
              <a:cxn ang="0">
                <a:pos x="73" y="101"/>
              </a:cxn>
              <a:cxn ang="0">
                <a:pos x="62" y="107"/>
              </a:cxn>
              <a:cxn ang="0">
                <a:pos x="62" y="160"/>
              </a:cxn>
              <a:cxn ang="0">
                <a:pos x="55" y="167"/>
              </a:cxn>
              <a:cxn ang="0">
                <a:pos x="12" y="167"/>
              </a:cxn>
              <a:cxn ang="0">
                <a:pos x="6" y="162"/>
              </a:cxn>
              <a:cxn ang="0">
                <a:pos x="0" y="126"/>
              </a:cxn>
              <a:cxn ang="0">
                <a:pos x="126" y="0"/>
              </a:cxn>
              <a:cxn ang="0">
                <a:pos x="252" y="126"/>
              </a:cxn>
              <a:cxn ang="0">
                <a:pos x="245" y="132"/>
              </a:cxn>
              <a:cxn ang="0">
                <a:pos x="238" y="126"/>
              </a:cxn>
              <a:cxn ang="0">
                <a:pos x="126" y="13"/>
              </a:cxn>
              <a:cxn ang="0">
                <a:pos x="14" y="126"/>
              </a:cxn>
              <a:cxn ang="0">
                <a:pos x="17" y="154"/>
              </a:cxn>
              <a:cxn ang="0">
                <a:pos x="49" y="154"/>
              </a:cxn>
              <a:cxn ang="0">
                <a:pos x="49" y="103"/>
              </a:cxn>
              <a:cxn ang="0">
                <a:pos x="52" y="97"/>
              </a:cxn>
              <a:cxn ang="0">
                <a:pos x="69" y="88"/>
              </a:cxn>
              <a:cxn ang="0">
                <a:pos x="76" y="88"/>
              </a:cxn>
              <a:cxn ang="0">
                <a:pos x="93" y="96"/>
              </a:cxn>
              <a:cxn ang="0">
                <a:pos x="96" y="102"/>
              </a:cxn>
              <a:cxn ang="0">
                <a:pos x="96" y="127"/>
              </a:cxn>
              <a:cxn ang="0">
                <a:pos x="103" y="127"/>
              </a:cxn>
              <a:cxn ang="0">
                <a:pos x="103" y="42"/>
              </a:cxn>
              <a:cxn ang="0">
                <a:pos x="106" y="37"/>
              </a:cxn>
              <a:cxn ang="0">
                <a:pos x="112" y="36"/>
              </a:cxn>
              <a:cxn ang="0">
                <a:pos x="146" y="48"/>
              </a:cxn>
              <a:cxn ang="0">
                <a:pos x="150" y="55"/>
              </a:cxn>
              <a:cxn ang="0">
                <a:pos x="150" y="142"/>
              </a:cxn>
              <a:cxn ang="0">
                <a:pos x="159" y="142"/>
              </a:cxn>
              <a:cxn ang="0">
                <a:pos x="159" y="103"/>
              </a:cxn>
              <a:cxn ang="0">
                <a:pos x="162" y="98"/>
              </a:cxn>
              <a:cxn ang="0">
                <a:pos x="168" y="97"/>
              </a:cxn>
              <a:cxn ang="0">
                <a:pos x="198" y="109"/>
              </a:cxn>
              <a:cxn ang="0">
                <a:pos x="202" y="115"/>
              </a:cxn>
              <a:cxn ang="0">
                <a:pos x="202" y="151"/>
              </a:cxn>
              <a:cxn ang="0">
                <a:pos x="240" y="151"/>
              </a:cxn>
              <a:cxn ang="0">
                <a:pos x="246" y="153"/>
              </a:cxn>
              <a:cxn ang="0">
                <a:pos x="247" y="159"/>
              </a:cxn>
              <a:cxn ang="0">
                <a:pos x="126" y="251"/>
              </a:cxn>
            </a:cxnLst>
            <a:rect l="0" t="0" r="r" b="b"/>
            <a:pathLst>
              <a:path w="252" h="251">
                <a:moveTo>
                  <a:pt x="126" y="251"/>
                </a:moveTo>
                <a:cubicBezTo>
                  <a:pt x="84" y="251"/>
                  <a:pt x="45" y="231"/>
                  <a:pt x="22" y="196"/>
                </a:cubicBezTo>
                <a:cubicBezTo>
                  <a:pt x="20" y="193"/>
                  <a:pt x="20" y="188"/>
                  <a:pt x="24" y="186"/>
                </a:cubicBezTo>
                <a:cubicBezTo>
                  <a:pt x="27" y="184"/>
                  <a:pt x="31" y="185"/>
                  <a:pt x="33" y="188"/>
                </a:cubicBezTo>
                <a:cubicBezTo>
                  <a:pt x="54" y="219"/>
                  <a:pt x="89" y="238"/>
                  <a:pt x="126" y="238"/>
                </a:cubicBezTo>
                <a:cubicBezTo>
                  <a:pt x="173" y="238"/>
                  <a:pt x="216" y="208"/>
                  <a:pt x="232" y="164"/>
                </a:cubicBezTo>
                <a:cubicBezTo>
                  <a:pt x="196" y="164"/>
                  <a:pt x="196" y="164"/>
                  <a:pt x="196" y="164"/>
                </a:cubicBezTo>
                <a:cubicBezTo>
                  <a:pt x="192" y="164"/>
                  <a:pt x="189" y="161"/>
                  <a:pt x="189" y="158"/>
                </a:cubicBezTo>
                <a:cubicBezTo>
                  <a:pt x="189" y="120"/>
                  <a:pt x="189" y="120"/>
                  <a:pt x="189" y="120"/>
                </a:cubicBezTo>
                <a:cubicBezTo>
                  <a:pt x="172" y="113"/>
                  <a:pt x="172" y="113"/>
                  <a:pt x="172" y="113"/>
                </a:cubicBezTo>
                <a:cubicBezTo>
                  <a:pt x="172" y="149"/>
                  <a:pt x="172" y="149"/>
                  <a:pt x="172" y="149"/>
                </a:cubicBezTo>
                <a:cubicBezTo>
                  <a:pt x="172" y="152"/>
                  <a:pt x="169" y="155"/>
                  <a:pt x="165" y="155"/>
                </a:cubicBezTo>
                <a:cubicBezTo>
                  <a:pt x="144" y="155"/>
                  <a:pt x="144" y="155"/>
                  <a:pt x="144" y="155"/>
                </a:cubicBezTo>
                <a:cubicBezTo>
                  <a:pt x="140" y="155"/>
                  <a:pt x="137" y="152"/>
                  <a:pt x="137" y="149"/>
                </a:cubicBezTo>
                <a:cubicBezTo>
                  <a:pt x="137" y="59"/>
                  <a:pt x="137" y="59"/>
                  <a:pt x="137" y="59"/>
                </a:cubicBezTo>
                <a:cubicBezTo>
                  <a:pt x="117" y="52"/>
                  <a:pt x="117" y="52"/>
                  <a:pt x="117" y="52"/>
                </a:cubicBezTo>
                <a:cubicBezTo>
                  <a:pt x="117" y="133"/>
                  <a:pt x="117" y="133"/>
                  <a:pt x="117" y="133"/>
                </a:cubicBezTo>
                <a:cubicBezTo>
                  <a:pt x="117" y="137"/>
                  <a:pt x="114" y="140"/>
                  <a:pt x="110" y="140"/>
                </a:cubicBezTo>
                <a:cubicBezTo>
                  <a:pt x="89" y="140"/>
                  <a:pt x="89" y="140"/>
                  <a:pt x="89" y="140"/>
                </a:cubicBezTo>
                <a:cubicBezTo>
                  <a:pt x="86" y="140"/>
                  <a:pt x="83" y="137"/>
                  <a:pt x="83" y="133"/>
                </a:cubicBezTo>
                <a:cubicBezTo>
                  <a:pt x="83" y="106"/>
                  <a:pt x="83" y="106"/>
                  <a:pt x="83" y="106"/>
                </a:cubicBezTo>
                <a:cubicBezTo>
                  <a:pt x="73" y="101"/>
                  <a:pt x="73" y="101"/>
                  <a:pt x="73" y="101"/>
                </a:cubicBezTo>
                <a:cubicBezTo>
                  <a:pt x="62" y="107"/>
                  <a:pt x="62" y="107"/>
                  <a:pt x="62" y="107"/>
                </a:cubicBezTo>
                <a:cubicBezTo>
                  <a:pt x="62" y="160"/>
                  <a:pt x="62" y="160"/>
                  <a:pt x="62" y="160"/>
                </a:cubicBezTo>
                <a:cubicBezTo>
                  <a:pt x="62" y="164"/>
                  <a:pt x="59" y="167"/>
                  <a:pt x="55" y="167"/>
                </a:cubicBezTo>
                <a:cubicBezTo>
                  <a:pt x="12" y="167"/>
                  <a:pt x="12" y="167"/>
                  <a:pt x="12" y="167"/>
                </a:cubicBezTo>
                <a:cubicBezTo>
                  <a:pt x="10" y="167"/>
                  <a:pt x="7" y="165"/>
                  <a:pt x="6" y="162"/>
                </a:cubicBezTo>
                <a:cubicBezTo>
                  <a:pt x="2" y="150"/>
                  <a:pt x="0" y="138"/>
                  <a:pt x="0" y="126"/>
                </a:cubicBezTo>
                <a:cubicBezTo>
                  <a:pt x="0" y="56"/>
                  <a:pt x="57" y="0"/>
                  <a:pt x="126" y="0"/>
                </a:cubicBezTo>
                <a:cubicBezTo>
                  <a:pt x="195" y="0"/>
                  <a:pt x="252" y="56"/>
                  <a:pt x="252" y="126"/>
                </a:cubicBezTo>
                <a:cubicBezTo>
                  <a:pt x="252" y="129"/>
                  <a:pt x="249" y="132"/>
                  <a:pt x="245" y="132"/>
                </a:cubicBezTo>
                <a:cubicBezTo>
                  <a:pt x="241" y="132"/>
                  <a:pt x="238" y="129"/>
                  <a:pt x="238" y="126"/>
                </a:cubicBezTo>
                <a:cubicBezTo>
                  <a:pt x="238" y="64"/>
                  <a:pt x="188" y="13"/>
                  <a:pt x="126" y="13"/>
                </a:cubicBezTo>
                <a:cubicBezTo>
                  <a:pt x="64" y="13"/>
                  <a:pt x="14" y="64"/>
                  <a:pt x="14" y="126"/>
                </a:cubicBezTo>
                <a:cubicBezTo>
                  <a:pt x="14" y="135"/>
                  <a:pt x="15" y="145"/>
                  <a:pt x="17" y="154"/>
                </a:cubicBezTo>
                <a:cubicBezTo>
                  <a:pt x="49" y="154"/>
                  <a:pt x="49" y="154"/>
                  <a:pt x="49" y="154"/>
                </a:cubicBezTo>
                <a:cubicBezTo>
                  <a:pt x="49" y="103"/>
                  <a:pt x="49" y="103"/>
                  <a:pt x="49" y="103"/>
                </a:cubicBezTo>
                <a:cubicBezTo>
                  <a:pt x="49" y="101"/>
                  <a:pt x="50" y="99"/>
                  <a:pt x="52" y="97"/>
                </a:cubicBezTo>
                <a:cubicBezTo>
                  <a:pt x="69" y="88"/>
                  <a:pt x="69" y="88"/>
                  <a:pt x="69" y="88"/>
                </a:cubicBezTo>
                <a:cubicBezTo>
                  <a:pt x="71" y="87"/>
                  <a:pt x="74" y="87"/>
                  <a:pt x="76" y="88"/>
                </a:cubicBezTo>
                <a:cubicBezTo>
                  <a:pt x="93" y="96"/>
                  <a:pt x="93" y="96"/>
                  <a:pt x="93" y="96"/>
                </a:cubicBezTo>
                <a:cubicBezTo>
                  <a:pt x="95" y="98"/>
                  <a:pt x="96" y="100"/>
                  <a:pt x="96" y="102"/>
                </a:cubicBezTo>
                <a:cubicBezTo>
                  <a:pt x="96" y="127"/>
                  <a:pt x="96" y="127"/>
                  <a:pt x="96" y="127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3" y="42"/>
                  <a:pt x="103" y="42"/>
                  <a:pt x="103" y="42"/>
                </a:cubicBezTo>
                <a:cubicBezTo>
                  <a:pt x="103" y="40"/>
                  <a:pt x="104" y="38"/>
                  <a:pt x="106" y="37"/>
                </a:cubicBezTo>
                <a:cubicBezTo>
                  <a:pt x="108" y="36"/>
                  <a:pt x="110" y="35"/>
                  <a:pt x="112" y="36"/>
                </a:cubicBezTo>
                <a:cubicBezTo>
                  <a:pt x="146" y="48"/>
                  <a:pt x="146" y="48"/>
                  <a:pt x="146" y="48"/>
                </a:cubicBezTo>
                <a:cubicBezTo>
                  <a:pt x="149" y="49"/>
                  <a:pt x="150" y="52"/>
                  <a:pt x="150" y="55"/>
                </a:cubicBezTo>
                <a:cubicBezTo>
                  <a:pt x="150" y="142"/>
                  <a:pt x="150" y="142"/>
                  <a:pt x="150" y="142"/>
                </a:cubicBezTo>
                <a:cubicBezTo>
                  <a:pt x="159" y="142"/>
                  <a:pt x="159" y="142"/>
                  <a:pt x="159" y="142"/>
                </a:cubicBezTo>
                <a:cubicBezTo>
                  <a:pt x="159" y="103"/>
                  <a:pt x="159" y="103"/>
                  <a:pt x="159" y="103"/>
                </a:cubicBezTo>
                <a:cubicBezTo>
                  <a:pt x="159" y="101"/>
                  <a:pt x="160" y="99"/>
                  <a:pt x="162" y="98"/>
                </a:cubicBezTo>
                <a:cubicBezTo>
                  <a:pt x="163" y="97"/>
                  <a:pt x="166" y="96"/>
                  <a:pt x="168" y="97"/>
                </a:cubicBezTo>
                <a:cubicBezTo>
                  <a:pt x="198" y="109"/>
                  <a:pt x="198" y="109"/>
                  <a:pt x="198" y="109"/>
                </a:cubicBezTo>
                <a:cubicBezTo>
                  <a:pt x="201" y="110"/>
                  <a:pt x="202" y="112"/>
                  <a:pt x="202" y="115"/>
                </a:cubicBezTo>
                <a:cubicBezTo>
                  <a:pt x="202" y="151"/>
                  <a:pt x="202" y="151"/>
                  <a:pt x="202" y="151"/>
                </a:cubicBezTo>
                <a:cubicBezTo>
                  <a:pt x="240" y="151"/>
                  <a:pt x="240" y="151"/>
                  <a:pt x="240" y="151"/>
                </a:cubicBezTo>
                <a:cubicBezTo>
                  <a:pt x="242" y="151"/>
                  <a:pt x="244" y="152"/>
                  <a:pt x="246" y="153"/>
                </a:cubicBezTo>
                <a:cubicBezTo>
                  <a:pt x="247" y="155"/>
                  <a:pt x="248" y="157"/>
                  <a:pt x="247" y="159"/>
                </a:cubicBezTo>
                <a:cubicBezTo>
                  <a:pt x="232" y="214"/>
                  <a:pt x="182" y="251"/>
                  <a:pt x="126" y="25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9" name="Freeform 147"/>
          <p:cNvSpPr>
            <a:spLocks noEditPoints="1"/>
          </p:cNvSpPr>
          <p:nvPr userDrawn="1"/>
        </p:nvSpPr>
        <p:spPr bwMode="auto">
          <a:xfrm>
            <a:off x="8732925" y="1162450"/>
            <a:ext cx="492125" cy="519113"/>
          </a:xfrm>
          <a:custGeom>
            <a:avLst/>
            <a:gdLst/>
            <a:ahLst/>
            <a:cxnLst>
              <a:cxn ang="0">
                <a:pos x="396" y="240"/>
              </a:cxn>
              <a:cxn ang="0">
                <a:pos x="390" y="131"/>
              </a:cxn>
              <a:cxn ang="0">
                <a:pos x="425" y="72"/>
              </a:cxn>
              <a:cxn ang="0">
                <a:pos x="424" y="61"/>
              </a:cxn>
              <a:cxn ang="0">
                <a:pos x="375" y="1"/>
              </a:cxn>
              <a:cxn ang="0">
                <a:pos x="36" y="92"/>
              </a:cxn>
              <a:cxn ang="0">
                <a:pos x="0" y="151"/>
              </a:cxn>
              <a:cxn ang="0">
                <a:pos x="39" y="217"/>
              </a:cxn>
              <a:cxn ang="0">
                <a:pos x="203" y="288"/>
              </a:cxn>
              <a:cxn ang="0">
                <a:pos x="26" y="343"/>
              </a:cxn>
              <a:cxn ang="0">
                <a:pos x="36" y="452"/>
              </a:cxn>
              <a:cxn ang="0">
                <a:pos x="64" y="460"/>
              </a:cxn>
              <a:cxn ang="0">
                <a:pos x="70" y="458"/>
              </a:cxn>
              <a:cxn ang="0">
                <a:pos x="402" y="368"/>
              </a:cxn>
              <a:cxn ang="0">
                <a:pos x="436" y="300"/>
              </a:cxn>
              <a:cxn ang="0">
                <a:pos x="52" y="356"/>
              </a:cxn>
              <a:cxn ang="0">
                <a:pos x="57" y="358"/>
              </a:cxn>
              <a:cxn ang="0">
                <a:pos x="72" y="393"/>
              </a:cxn>
              <a:cxn ang="0">
                <a:pos x="72" y="397"/>
              </a:cxn>
              <a:cxn ang="0">
                <a:pos x="72" y="400"/>
              </a:cxn>
              <a:cxn ang="0">
                <a:pos x="72" y="403"/>
              </a:cxn>
              <a:cxn ang="0">
                <a:pos x="72" y="406"/>
              </a:cxn>
              <a:cxn ang="0">
                <a:pos x="72" y="409"/>
              </a:cxn>
              <a:cxn ang="0">
                <a:pos x="72" y="412"/>
              </a:cxn>
              <a:cxn ang="0">
                <a:pos x="71" y="414"/>
              </a:cxn>
              <a:cxn ang="0">
                <a:pos x="71" y="417"/>
              </a:cxn>
              <a:cxn ang="0">
                <a:pos x="70" y="419"/>
              </a:cxn>
              <a:cxn ang="0">
                <a:pos x="68" y="423"/>
              </a:cxn>
              <a:cxn ang="0">
                <a:pos x="68" y="425"/>
              </a:cxn>
              <a:cxn ang="0">
                <a:pos x="67" y="426"/>
              </a:cxn>
              <a:cxn ang="0">
                <a:pos x="66" y="428"/>
              </a:cxn>
              <a:cxn ang="0">
                <a:pos x="65" y="429"/>
              </a:cxn>
              <a:cxn ang="0">
                <a:pos x="61" y="433"/>
              </a:cxn>
              <a:cxn ang="0">
                <a:pos x="53" y="431"/>
              </a:cxn>
              <a:cxn ang="0">
                <a:pos x="46" y="360"/>
              </a:cxn>
              <a:cxn ang="0">
                <a:pos x="96" y="423"/>
              </a:cxn>
              <a:cxn ang="0">
                <a:pos x="99" y="406"/>
              </a:cxn>
              <a:cxn ang="0">
                <a:pos x="99" y="400"/>
              </a:cxn>
              <a:cxn ang="0">
                <a:pos x="98" y="387"/>
              </a:cxn>
              <a:cxn ang="0">
                <a:pos x="98" y="383"/>
              </a:cxn>
              <a:cxn ang="0">
                <a:pos x="97" y="378"/>
              </a:cxn>
              <a:cxn ang="0">
                <a:pos x="96" y="375"/>
              </a:cxn>
              <a:cxn ang="0">
                <a:pos x="95" y="371"/>
              </a:cxn>
              <a:cxn ang="0">
                <a:pos x="93" y="367"/>
              </a:cxn>
              <a:cxn ang="0">
                <a:pos x="92" y="364"/>
              </a:cxn>
              <a:cxn ang="0">
                <a:pos x="91" y="361"/>
              </a:cxn>
              <a:cxn ang="0">
                <a:pos x="89" y="357"/>
              </a:cxn>
              <a:cxn ang="0">
                <a:pos x="87" y="354"/>
              </a:cxn>
              <a:cxn ang="0">
                <a:pos x="86" y="351"/>
              </a:cxn>
              <a:cxn ang="0">
                <a:pos x="84" y="348"/>
              </a:cxn>
              <a:cxn ang="0">
                <a:pos x="247" y="303"/>
              </a:cxn>
              <a:cxn ang="0">
                <a:pos x="257" y="291"/>
              </a:cxn>
              <a:cxn ang="0">
                <a:pos x="50" y="193"/>
              </a:cxn>
              <a:cxn ang="0">
                <a:pos x="27" y="151"/>
              </a:cxn>
              <a:cxn ang="0">
                <a:pos x="378" y="27"/>
              </a:cxn>
              <a:cxn ang="0">
                <a:pos x="398" y="64"/>
              </a:cxn>
              <a:cxn ang="0">
                <a:pos x="399" y="73"/>
              </a:cxn>
              <a:cxn ang="0">
                <a:pos x="208" y="158"/>
              </a:cxn>
              <a:cxn ang="0">
                <a:pos x="127" y="138"/>
              </a:cxn>
              <a:cxn ang="0">
                <a:pos x="134" y="155"/>
              </a:cxn>
              <a:cxn ang="0">
                <a:pos x="386" y="265"/>
              </a:cxn>
              <a:cxn ang="0">
                <a:pos x="410" y="310"/>
              </a:cxn>
            </a:cxnLst>
            <a:rect l="0" t="0" r="r" b="b"/>
            <a:pathLst>
              <a:path w="436" h="461">
                <a:moveTo>
                  <a:pt x="436" y="300"/>
                </a:moveTo>
                <a:cubicBezTo>
                  <a:pt x="433" y="271"/>
                  <a:pt x="426" y="251"/>
                  <a:pt x="396" y="240"/>
                </a:cubicBezTo>
                <a:cubicBezTo>
                  <a:pt x="393" y="238"/>
                  <a:pt x="316" y="205"/>
                  <a:pt x="246" y="175"/>
                </a:cubicBezTo>
                <a:cubicBezTo>
                  <a:pt x="288" y="162"/>
                  <a:pt x="390" y="131"/>
                  <a:pt x="390" y="131"/>
                </a:cubicBezTo>
                <a:cubicBezTo>
                  <a:pt x="391" y="131"/>
                  <a:pt x="391" y="130"/>
                  <a:pt x="391" y="130"/>
                </a:cubicBezTo>
                <a:cubicBezTo>
                  <a:pt x="418" y="119"/>
                  <a:pt x="425" y="92"/>
                  <a:pt x="425" y="72"/>
                </a:cubicBezTo>
                <a:cubicBezTo>
                  <a:pt x="425" y="68"/>
                  <a:pt x="425" y="65"/>
                  <a:pt x="425" y="61"/>
                </a:cubicBezTo>
                <a:cubicBezTo>
                  <a:pt x="424" y="61"/>
                  <a:pt x="424" y="61"/>
                  <a:pt x="424" y="61"/>
                </a:cubicBezTo>
                <a:cubicBezTo>
                  <a:pt x="422" y="39"/>
                  <a:pt x="413" y="20"/>
                  <a:pt x="400" y="9"/>
                </a:cubicBezTo>
                <a:cubicBezTo>
                  <a:pt x="393" y="3"/>
                  <a:pt x="384" y="0"/>
                  <a:pt x="375" y="1"/>
                </a:cubicBezTo>
                <a:cubicBezTo>
                  <a:pt x="374" y="1"/>
                  <a:pt x="374" y="1"/>
                  <a:pt x="373" y="1"/>
                </a:cubicBezTo>
                <a:cubicBezTo>
                  <a:pt x="36" y="92"/>
                  <a:pt x="36" y="92"/>
                  <a:pt x="36" y="92"/>
                </a:cubicBezTo>
                <a:cubicBezTo>
                  <a:pt x="35" y="92"/>
                  <a:pt x="35" y="92"/>
                  <a:pt x="35" y="92"/>
                </a:cubicBezTo>
                <a:cubicBezTo>
                  <a:pt x="13" y="99"/>
                  <a:pt x="0" y="122"/>
                  <a:pt x="0" y="151"/>
                </a:cubicBezTo>
                <a:cubicBezTo>
                  <a:pt x="0" y="154"/>
                  <a:pt x="0" y="158"/>
                  <a:pt x="1" y="161"/>
                </a:cubicBezTo>
                <a:cubicBezTo>
                  <a:pt x="4" y="196"/>
                  <a:pt x="20" y="207"/>
                  <a:pt x="39" y="217"/>
                </a:cubicBezTo>
                <a:cubicBezTo>
                  <a:pt x="39" y="217"/>
                  <a:pt x="39" y="217"/>
                  <a:pt x="39" y="217"/>
                </a:cubicBezTo>
                <a:cubicBezTo>
                  <a:pt x="39" y="217"/>
                  <a:pt x="155" y="267"/>
                  <a:pt x="203" y="288"/>
                </a:cubicBezTo>
                <a:cubicBezTo>
                  <a:pt x="157" y="300"/>
                  <a:pt x="58" y="327"/>
                  <a:pt x="48" y="330"/>
                </a:cubicBezTo>
                <a:cubicBezTo>
                  <a:pt x="39" y="331"/>
                  <a:pt x="32" y="335"/>
                  <a:pt x="26" y="343"/>
                </a:cubicBezTo>
                <a:cubicBezTo>
                  <a:pt x="15" y="356"/>
                  <a:pt x="10" y="377"/>
                  <a:pt x="12" y="399"/>
                </a:cubicBezTo>
                <a:cubicBezTo>
                  <a:pt x="14" y="421"/>
                  <a:pt x="23" y="441"/>
                  <a:pt x="36" y="452"/>
                </a:cubicBezTo>
                <a:cubicBezTo>
                  <a:pt x="44" y="458"/>
                  <a:pt x="53" y="461"/>
                  <a:pt x="62" y="460"/>
                </a:cubicBezTo>
                <a:cubicBezTo>
                  <a:pt x="62" y="460"/>
                  <a:pt x="63" y="460"/>
                  <a:pt x="64" y="460"/>
                </a:cubicBezTo>
                <a:cubicBezTo>
                  <a:pt x="64" y="460"/>
                  <a:pt x="64" y="460"/>
                  <a:pt x="64" y="460"/>
                </a:cubicBezTo>
                <a:cubicBezTo>
                  <a:pt x="66" y="459"/>
                  <a:pt x="68" y="459"/>
                  <a:pt x="70" y="458"/>
                </a:cubicBezTo>
                <a:cubicBezTo>
                  <a:pt x="86" y="454"/>
                  <a:pt x="401" y="369"/>
                  <a:pt x="401" y="369"/>
                </a:cubicBezTo>
                <a:cubicBezTo>
                  <a:pt x="401" y="369"/>
                  <a:pt x="402" y="369"/>
                  <a:pt x="402" y="368"/>
                </a:cubicBezTo>
                <a:cubicBezTo>
                  <a:pt x="424" y="361"/>
                  <a:pt x="436" y="339"/>
                  <a:pt x="436" y="310"/>
                </a:cubicBezTo>
                <a:cubicBezTo>
                  <a:pt x="436" y="307"/>
                  <a:pt x="436" y="303"/>
                  <a:pt x="436" y="300"/>
                </a:cubicBezTo>
                <a:close/>
                <a:moveTo>
                  <a:pt x="46" y="360"/>
                </a:moveTo>
                <a:cubicBezTo>
                  <a:pt x="48" y="358"/>
                  <a:pt x="50" y="356"/>
                  <a:pt x="52" y="356"/>
                </a:cubicBezTo>
                <a:cubicBezTo>
                  <a:pt x="53" y="356"/>
                  <a:pt x="55" y="357"/>
                  <a:pt x="57" y="358"/>
                </a:cubicBezTo>
                <a:cubicBezTo>
                  <a:pt x="57" y="358"/>
                  <a:pt x="57" y="358"/>
                  <a:pt x="57" y="358"/>
                </a:cubicBezTo>
                <a:cubicBezTo>
                  <a:pt x="63" y="363"/>
                  <a:pt x="70" y="375"/>
                  <a:pt x="72" y="393"/>
                </a:cubicBezTo>
                <a:cubicBezTo>
                  <a:pt x="72" y="393"/>
                  <a:pt x="72" y="393"/>
                  <a:pt x="72" y="393"/>
                </a:cubicBezTo>
                <a:cubicBezTo>
                  <a:pt x="72" y="393"/>
                  <a:pt x="72" y="393"/>
                  <a:pt x="72" y="393"/>
                </a:cubicBezTo>
                <a:cubicBezTo>
                  <a:pt x="72" y="394"/>
                  <a:pt x="72" y="396"/>
                  <a:pt x="72" y="397"/>
                </a:cubicBezTo>
                <a:cubicBezTo>
                  <a:pt x="72" y="397"/>
                  <a:pt x="72" y="398"/>
                  <a:pt x="72" y="398"/>
                </a:cubicBezTo>
                <a:cubicBezTo>
                  <a:pt x="72" y="399"/>
                  <a:pt x="72" y="399"/>
                  <a:pt x="72" y="400"/>
                </a:cubicBezTo>
                <a:cubicBezTo>
                  <a:pt x="72" y="401"/>
                  <a:pt x="72" y="401"/>
                  <a:pt x="72" y="402"/>
                </a:cubicBezTo>
                <a:cubicBezTo>
                  <a:pt x="72" y="402"/>
                  <a:pt x="72" y="403"/>
                  <a:pt x="72" y="403"/>
                </a:cubicBezTo>
                <a:cubicBezTo>
                  <a:pt x="72" y="404"/>
                  <a:pt x="72" y="405"/>
                  <a:pt x="72" y="406"/>
                </a:cubicBezTo>
                <a:cubicBezTo>
                  <a:pt x="72" y="406"/>
                  <a:pt x="72" y="406"/>
                  <a:pt x="72" y="406"/>
                </a:cubicBezTo>
                <a:cubicBezTo>
                  <a:pt x="72" y="407"/>
                  <a:pt x="72" y="408"/>
                  <a:pt x="72" y="408"/>
                </a:cubicBezTo>
                <a:cubicBezTo>
                  <a:pt x="72" y="409"/>
                  <a:pt x="72" y="409"/>
                  <a:pt x="72" y="409"/>
                </a:cubicBezTo>
                <a:cubicBezTo>
                  <a:pt x="72" y="410"/>
                  <a:pt x="72" y="410"/>
                  <a:pt x="72" y="411"/>
                </a:cubicBezTo>
                <a:cubicBezTo>
                  <a:pt x="72" y="411"/>
                  <a:pt x="72" y="412"/>
                  <a:pt x="72" y="412"/>
                </a:cubicBezTo>
                <a:cubicBezTo>
                  <a:pt x="71" y="412"/>
                  <a:pt x="71" y="413"/>
                  <a:pt x="71" y="413"/>
                </a:cubicBezTo>
                <a:cubicBezTo>
                  <a:pt x="71" y="414"/>
                  <a:pt x="71" y="414"/>
                  <a:pt x="71" y="414"/>
                </a:cubicBezTo>
                <a:cubicBezTo>
                  <a:pt x="71" y="415"/>
                  <a:pt x="71" y="415"/>
                  <a:pt x="71" y="416"/>
                </a:cubicBezTo>
                <a:cubicBezTo>
                  <a:pt x="71" y="416"/>
                  <a:pt x="71" y="416"/>
                  <a:pt x="71" y="417"/>
                </a:cubicBezTo>
                <a:cubicBezTo>
                  <a:pt x="70" y="417"/>
                  <a:pt x="70" y="418"/>
                  <a:pt x="70" y="418"/>
                </a:cubicBezTo>
                <a:cubicBezTo>
                  <a:pt x="70" y="418"/>
                  <a:pt x="70" y="418"/>
                  <a:pt x="70" y="419"/>
                </a:cubicBezTo>
                <a:cubicBezTo>
                  <a:pt x="70" y="420"/>
                  <a:pt x="69" y="421"/>
                  <a:pt x="69" y="422"/>
                </a:cubicBezTo>
                <a:cubicBezTo>
                  <a:pt x="69" y="423"/>
                  <a:pt x="68" y="423"/>
                  <a:pt x="68" y="423"/>
                </a:cubicBezTo>
                <a:cubicBezTo>
                  <a:pt x="68" y="423"/>
                  <a:pt x="68" y="424"/>
                  <a:pt x="68" y="424"/>
                </a:cubicBezTo>
                <a:cubicBezTo>
                  <a:pt x="68" y="424"/>
                  <a:pt x="68" y="425"/>
                  <a:pt x="68" y="425"/>
                </a:cubicBezTo>
                <a:cubicBezTo>
                  <a:pt x="67" y="425"/>
                  <a:pt x="67" y="425"/>
                  <a:pt x="67" y="426"/>
                </a:cubicBezTo>
                <a:cubicBezTo>
                  <a:pt x="67" y="426"/>
                  <a:pt x="67" y="426"/>
                  <a:pt x="67" y="426"/>
                </a:cubicBezTo>
                <a:cubicBezTo>
                  <a:pt x="67" y="427"/>
                  <a:pt x="66" y="427"/>
                  <a:pt x="66" y="427"/>
                </a:cubicBezTo>
                <a:cubicBezTo>
                  <a:pt x="66" y="427"/>
                  <a:pt x="66" y="428"/>
                  <a:pt x="66" y="428"/>
                </a:cubicBezTo>
                <a:cubicBezTo>
                  <a:pt x="66" y="428"/>
                  <a:pt x="66" y="428"/>
                  <a:pt x="65" y="429"/>
                </a:cubicBezTo>
                <a:cubicBezTo>
                  <a:pt x="65" y="429"/>
                  <a:pt x="65" y="429"/>
                  <a:pt x="65" y="429"/>
                </a:cubicBezTo>
                <a:cubicBezTo>
                  <a:pt x="65" y="429"/>
                  <a:pt x="65" y="430"/>
                  <a:pt x="64" y="430"/>
                </a:cubicBezTo>
                <a:cubicBezTo>
                  <a:pt x="64" y="431"/>
                  <a:pt x="62" y="432"/>
                  <a:pt x="61" y="433"/>
                </a:cubicBezTo>
                <a:cubicBezTo>
                  <a:pt x="61" y="433"/>
                  <a:pt x="60" y="433"/>
                  <a:pt x="58" y="434"/>
                </a:cubicBezTo>
                <a:cubicBezTo>
                  <a:pt x="56" y="433"/>
                  <a:pt x="55" y="432"/>
                  <a:pt x="53" y="431"/>
                </a:cubicBezTo>
                <a:cubicBezTo>
                  <a:pt x="48" y="426"/>
                  <a:pt x="40" y="415"/>
                  <a:pt x="39" y="396"/>
                </a:cubicBezTo>
                <a:cubicBezTo>
                  <a:pt x="37" y="378"/>
                  <a:pt x="42" y="365"/>
                  <a:pt x="46" y="360"/>
                </a:cubicBezTo>
                <a:close/>
                <a:moveTo>
                  <a:pt x="393" y="343"/>
                </a:moveTo>
                <a:cubicBezTo>
                  <a:pt x="392" y="344"/>
                  <a:pt x="158" y="407"/>
                  <a:pt x="96" y="423"/>
                </a:cubicBezTo>
                <a:cubicBezTo>
                  <a:pt x="98" y="418"/>
                  <a:pt x="99" y="412"/>
                  <a:pt x="99" y="407"/>
                </a:cubicBezTo>
                <a:cubicBezTo>
                  <a:pt x="99" y="406"/>
                  <a:pt x="99" y="406"/>
                  <a:pt x="99" y="406"/>
                </a:cubicBezTo>
                <a:cubicBezTo>
                  <a:pt x="99" y="405"/>
                  <a:pt x="99" y="404"/>
                  <a:pt x="99" y="404"/>
                </a:cubicBezTo>
                <a:cubicBezTo>
                  <a:pt x="99" y="403"/>
                  <a:pt x="99" y="402"/>
                  <a:pt x="99" y="400"/>
                </a:cubicBezTo>
                <a:cubicBezTo>
                  <a:pt x="99" y="397"/>
                  <a:pt x="99" y="394"/>
                  <a:pt x="99" y="391"/>
                </a:cubicBezTo>
                <a:cubicBezTo>
                  <a:pt x="99" y="389"/>
                  <a:pt x="98" y="388"/>
                  <a:pt x="98" y="387"/>
                </a:cubicBezTo>
                <a:cubicBezTo>
                  <a:pt x="98" y="386"/>
                  <a:pt x="98" y="386"/>
                  <a:pt x="98" y="386"/>
                </a:cubicBezTo>
                <a:cubicBezTo>
                  <a:pt x="98" y="385"/>
                  <a:pt x="98" y="384"/>
                  <a:pt x="98" y="383"/>
                </a:cubicBezTo>
                <a:cubicBezTo>
                  <a:pt x="98" y="383"/>
                  <a:pt x="97" y="382"/>
                  <a:pt x="97" y="382"/>
                </a:cubicBezTo>
                <a:cubicBezTo>
                  <a:pt x="97" y="381"/>
                  <a:pt x="97" y="380"/>
                  <a:pt x="97" y="378"/>
                </a:cubicBezTo>
                <a:cubicBezTo>
                  <a:pt x="97" y="378"/>
                  <a:pt x="97" y="378"/>
                  <a:pt x="97" y="378"/>
                </a:cubicBezTo>
                <a:cubicBezTo>
                  <a:pt x="96" y="377"/>
                  <a:pt x="96" y="376"/>
                  <a:pt x="96" y="375"/>
                </a:cubicBezTo>
                <a:cubicBezTo>
                  <a:pt x="96" y="375"/>
                  <a:pt x="96" y="374"/>
                  <a:pt x="96" y="374"/>
                </a:cubicBezTo>
                <a:cubicBezTo>
                  <a:pt x="95" y="373"/>
                  <a:pt x="95" y="372"/>
                  <a:pt x="95" y="371"/>
                </a:cubicBezTo>
                <a:cubicBezTo>
                  <a:pt x="95" y="371"/>
                  <a:pt x="95" y="371"/>
                  <a:pt x="95" y="370"/>
                </a:cubicBezTo>
                <a:cubicBezTo>
                  <a:pt x="94" y="369"/>
                  <a:pt x="94" y="368"/>
                  <a:pt x="93" y="367"/>
                </a:cubicBezTo>
                <a:cubicBezTo>
                  <a:pt x="93" y="367"/>
                  <a:pt x="93" y="367"/>
                  <a:pt x="93" y="367"/>
                </a:cubicBezTo>
                <a:cubicBezTo>
                  <a:pt x="93" y="366"/>
                  <a:pt x="93" y="365"/>
                  <a:pt x="92" y="364"/>
                </a:cubicBezTo>
                <a:cubicBezTo>
                  <a:pt x="92" y="363"/>
                  <a:pt x="92" y="363"/>
                  <a:pt x="92" y="363"/>
                </a:cubicBezTo>
                <a:cubicBezTo>
                  <a:pt x="92" y="362"/>
                  <a:pt x="91" y="361"/>
                  <a:pt x="91" y="361"/>
                </a:cubicBezTo>
                <a:cubicBezTo>
                  <a:pt x="91" y="360"/>
                  <a:pt x="91" y="360"/>
                  <a:pt x="90" y="360"/>
                </a:cubicBezTo>
                <a:cubicBezTo>
                  <a:pt x="90" y="359"/>
                  <a:pt x="90" y="358"/>
                  <a:pt x="89" y="357"/>
                </a:cubicBezTo>
                <a:cubicBezTo>
                  <a:pt x="89" y="357"/>
                  <a:pt x="89" y="356"/>
                  <a:pt x="89" y="356"/>
                </a:cubicBezTo>
                <a:cubicBezTo>
                  <a:pt x="88" y="355"/>
                  <a:pt x="88" y="355"/>
                  <a:pt x="87" y="354"/>
                </a:cubicBezTo>
                <a:cubicBezTo>
                  <a:pt x="87" y="353"/>
                  <a:pt x="87" y="353"/>
                  <a:pt x="87" y="353"/>
                </a:cubicBezTo>
                <a:cubicBezTo>
                  <a:pt x="87" y="352"/>
                  <a:pt x="86" y="352"/>
                  <a:pt x="86" y="351"/>
                </a:cubicBezTo>
                <a:cubicBezTo>
                  <a:pt x="86" y="351"/>
                  <a:pt x="85" y="350"/>
                  <a:pt x="85" y="350"/>
                </a:cubicBezTo>
                <a:cubicBezTo>
                  <a:pt x="85" y="349"/>
                  <a:pt x="84" y="349"/>
                  <a:pt x="84" y="348"/>
                </a:cubicBezTo>
                <a:cubicBezTo>
                  <a:pt x="84" y="348"/>
                  <a:pt x="84" y="348"/>
                  <a:pt x="83" y="348"/>
                </a:cubicBezTo>
                <a:cubicBezTo>
                  <a:pt x="126" y="336"/>
                  <a:pt x="247" y="303"/>
                  <a:pt x="247" y="303"/>
                </a:cubicBezTo>
                <a:cubicBezTo>
                  <a:pt x="253" y="302"/>
                  <a:pt x="256" y="297"/>
                  <a:pt x="257" y="292"/>
                </a:cubicBezTo>
                <a:cubicBezTo>
                  <a:pt x="257" y="291"/>
                  <a:pt x="257" y="291"/>
                  <a:pt x="257" y="291"/>
                </a:cubicBezTo>
                <a:cubicBezTo>
                  <a:pt x="257" y="285"/>
                  <a:pt x="254" y="280"/>
                  <a:pt x="249" y="278"/>
                </a:cubicBezTo>
                <a:cubicBezTo>
                  <a:pt x="249" y="278"/>
                  <a:pt x="51" y="193"/>
                  <a:pt x="50" y="193"/>
                </a:cubicBezTo>
                <a:cubicBezTo>
                  <a:pt x="36" y="186"/>
                  <a:pt x="29" y="181"/>
                  <a:pt x="27" y="158"/>
                </a:cubicBezTo>
                <a:cubicBezTo>
                  <a:pt x="27" y="156"/>
                  <a:pt x="27" y="153"/>
                  <a:pt x="27" y="151"/>
                </a:cubicBezTo>
                <a:cubicBezTo>
                  <a:pt x="27" y="134"/>
                  <a:pt x="33" y="121"/>
                  <a:pt x="43" y="117"/>
                </a:cubicBezTo>
                <a:cubicBezTo>
                  <a:pt x="45" y="117"/>
                  <a:pt x="375" y="28"/>
                  <a:pt x="378" y="27"/>
                </a:cubicBezTo>
                <a:cubicBezTo>
                  <a:pt x="380" y="27"/>
                  <a:pt x="382" y="29"/>
                  <a:pt x="383" y="30"/>
                </a:cubicBezTo>
                <a:cubicBezTo>
                  <a:pt x="389" y="34"/>
                  <a:pt x="396" y="46"/>
                  <a:pt x="398" y="64"/>
                </a:cubicBezTo>
                <a:cubicBezTo>
                  <a:pt x="398" y="65"/>
                  <a:pt x="398" y="65"/>
                  <a:pt x="398" y="65"/>
                </a:cubicBezTo>
                <a:cubicBezTo>
                  <a:pt x="398" y="66"/>
                  <a:pt x="399" y="69"/>
                  <a:pt x="399" y="73"/>
                </a:cubicBezTo>
                <a:cubicBezTo>
                  <a:pt x="399" y="83"/>
                  <a:pt x="396" y="99"/>
                  <a:pt x="382" y="105"/>
                </a:cubicBezTo>
                <a:cubicBezTo>
                  <a:pt x="380" y="106"/>
                  <a:pt x="211" y="157"/>
                  <a:pt x="208" y="158"/>
                </a:cubicBezTo>
                <a:cubicBezTo>
                  <a:pt x="184" y="148"/>
                  <a:pt x="145" y="131"/>
                  <a:pt x="145" y="131"/>
                </a:cubicBezTo>
                <a:cubicBezTo>
                  <a:pt x="138" y="128"/>
                  <a:pt x="130" y="131"/>
                  <a:pt x="127" y="138"/>
                </a:cubicBezTo>
                <a:cubicBezTo>
                  <a:pt x="127" y="139"/>
                  <a:pt x="126" y="141"/>
                  <a:pt x="126" y="143"/>
                </a:cubicBezTo>
                <a:cubicBezTo>
                  <a:pt x="126" y="148"/>
                  <a:pt x="129" y="153"/>
                  <a:pt x="134" y="155"/>
                </a:cubicBezTo>
                <a:cubicBezTo>
                  <a:pt x="386" y="264"/>
                  <a:pt x="386" y="264"/>
                  <a:pt x="386" y="264"/>
                </a:cubicBezTo>
                <a:cubicBezTo>
                  <a:pt x="386" y="264"/>
                  <a:pt x="386" y="264"/>
                  <a:pt x="386" y="265"/>
                </a:cubicBezTo>
                <a:cubicBezTo>
                  <a:pt x="401" y="270"/>
                  <a:pt x="407" y="277"/>
                  <a:pt x="409" y="302"/>
                </a:cubicBezTo>
                <a:cubicBezTo>
                  <a:pt x="410" y="305"/>
                  <a:pt x="410" y="307"/>
                  <a:pt x="410" y="310"/>
                </a:cubicBezTo>
                <a:cubicBezTo>
                  <a:pt x="410" y="327"/>
                  <a:pt x="404" y="339"/>
                  <a:pt x="393" y="34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0" name="Freeform 421"/>
          <p:cNvSpPr>
            <a:spLocks noEditPoints="1"/>
          </p:cNvSpPr>
          <p:nvPr userDrawn="1"/>
        </p:nvSpPr>
        <p:spPr bwMode="auto">
          <a:xfrm>
            <a:off x="8796425" y="4405599"/>
            <a:ext cx="365125" cy="511175"/>
          </a:xfrm>
          <a:custGeom>
            <a:avLst/>
            <a:gdLst/>
            <a:ahLst/>
            <a:cxnLst>
              <a:cxn ang="0">
                <a:pos x="163" y="453"/>
              </a:cxn>
              <a:cxn ang="0">
                <a:pos x="97" y="425"/>
              </a:cxn>
              <a:cxn ang="0">
                <a:pos x="0" y="100"/>
              </a:cxn>
              <a:cxn ang="0">
                <a:pos x="4" y="70"/>
              </a:cxn>
              <a:cxn ang="0">
                <a:pos x="14" y="58"/>
              </a:cxn>
              <a:cxn ang="0">
                <a:pos x="62" y="29"/>
              </a:cxn>
              <a:cxn ang="0">
                <a:pos x="163" y="0"/>
              </a:cxn>
              <a:cxn ang="0">
                <a:pos x="311" y="58"/>
              </a:cxn>
              <a:cxn ang="0">
                <a:pos x="318" y="83"/>
              </a:cxn>
              <a:cxn ang="0">
                <a:pos x="295" y="79"/>
              </a:cxn>
              <a:cxn ang="0">
                <a:pos x="251" y="52"/>
              </a:cxn>
              <a:cxn ang="0">
                <a:pos x="85" y="47"/>
              </a:cxn>
              <a:cxn ang="0">
                <a:pos x="28" y="82"/>
              </a:cxn>
              <a:cxn ang="0">
                <a:pos x="27" y="100"/>
              </a:cxn>
              <a:cxn ang="0">
                <a:pos x="115" y="404"/>
              </a:cxn>
              <a:cxn ang="0">
                <a:pos x="162" y="427"/>
              </a:cxn>
              <a:cxn ang="0">
                <a:pos x="183" y="423"/>
              </a:cxn>
              <a:cxn ang="0">
                <a:pos x="287" y="257"/>
              </a:cxn>
              <a:cxn ang="0">
                <a:pos x="258" y="261"/>
              </a:cxn>
              <a:cxn ang="0">
                <a:pos x="146" y="334"/>
              </a:cxn>
              <a:cxn ang="0">
                <a:pos x="69" y="286"/>
              </a:cxn>
              <a:cxn ang="0">
                <a:pos x="58" y="202"/>
              </a:cxn>
              <a:cxn ang="0">
                <a:pos x="162" y="107"/>
              </a:cxn>
              <a:cxn ang="0">
                <a:pos x="229" y="139"/>
              </a:cxn>
              <a:cxn ang="0">
                <a:pos x="237" y="220"/>
              </a:cxn>
              <a:cxn ang="0">
                <a:pos x="215" y="261"/>
              </a:cxn>
              <a:cxn ang="0">
                <a:pos x="195" y="273"/>
              </a:cxn>
              <a:cxn ang="0">
                <a:pos x="179" y="264"/>
              </a:cxn>
              <a:cxn ang="0">
                <a:pos x="167" y="271"/>
              </a:cxn>
              <a:cxn ang="0">
                <a:pos x="115" y="273"/>
              </a:cxn>
              <a:cxn ang="0">
                <a:pos x="93" y="232"/>
              </a:cxn>
              <a:cxn ang="0">
                <a:pos x="118" y="170"/>
              </a:cxn>
              <a:cxn ang="0">
                <a:pos x="160" y="152"/>
              </a:cxn>
              <a:cxn ang="0">
                <a:pos x="199" y="174"/>
              </a:cxn>
              <a:cxn ang="0">
                <a:pos x="205" y="226"/>
              </a:cxn>
              <a:cxn ang="0">
                <a:pos x="218" y="186"/>
              </a:cxn>
              <a:cxn ang="0">
                <a:pos x="178" y="136"/>
              </a:cxn>
              <a:cxn ang="0">
                <a:pos x="112" y="156"/>
              </a:cxn>
              <a:cxn ang="0">
                <a:pos x="82" y="230"/>
              </a:cxn>
              <a:cxn ang="0">
                <a:pos x="117" y="301"/>
              </a:cxn>
              <a:cxn ang="0">
                <a:pos x="211" y="279"/>
              </a:cxn>
              <a:cxn ang="0">
                <a:pos x="249" y="224"/>
              </a:cxn>
              <a:cxn ang="0">
                <a:pos x="298" y="126"/>
              </a:cxn>
              <a:cxn ang="0">
                <a:pos x="302" y="121"/>
              </a:cxn>
              <a:cxn ang="0">
                <a:pos x="311" y="117"/>
              </a:cxn>
              <a:cxn ang="0">
                <a:pos x="311" y="117"/>
              </a:cxn>
              <a:cxn ang="0">
                <a:pos x="311" y="117"/>
              </a:cxn>
              <a:cxn ang="0">
                <a:pos x="320" y="120"/>
              </a:cxn>
              <a:cxn ang="0">
                <a:pos x="322" y="122"/>
              </a:cxn>
              <a:cxn ang="0">
                <a:pos x="322" y="122"/>
              </a:cxn>
              <a:cxn ang="0">
                <a:pos x="324" y="131"/>
              </a:cxn>
              <a:cxn ang="0">
                <a:pos x="228" y="425"/>
              </a:cxn>
              <a:cxn ang="0">
                <a:pos x="163" y="453"/>
              </a:cxn>
              <a:cxn ang="0">
                <a:pos x="172" y="231"/>
              </a:cxn>
              <a:cxn ang="0">
                <a:pos x="180" y="212"/>
              </a:cxn>
              <a:cxn ang="0">
                <a:pos x="176" y="188"/>
              </a:cxn>
              <a:cxn ang="0">
                <a:pos x="160" y="179"/>
              </a:cxn>
              <a:cxn ang="0">
                <a:pos x="137" y="188"/>
              </a:cxn>
              <a:cxn ang="0">
                <a:pos x="120" y="232"/>
              </a:cxn>
              <a:cxn ang="0">
                <a:pos x="128" y="249"/>
              </a:cxn>
              <a:cxn ang="0">
                <a:pos x="154" y="248"/>
              </a:cxn>
            </a:cxnLst>
            <a:rect l="0" t="0" r="r" b="b"/>
            <a:pathLst>
              <a:path w="324" h="453">
                <a:moveTo>
                  <a:pt x="163" y="453"/>
                </a:move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54" y="453"/>
                  <a:pt x="144" y="452"/>
                  <a:pt x="133" y="448"/>
                </a:cubicBezTo>
                <a:cubicBezTo>
                  <a:pt x="133" y="448"/>
                  <a:pt x="133" y="448"/>
                  <a:pt x="133" y="448"/>
                </a:cubicBezTo>
                <a:cubicBezTo>
                  <a:pt x="122" y="443"/>
                  <a:pt x="110" y="436"/>
                  <a:pt x="97" y="425"/>
                </a:cubicBezTo>
                <a:cubicBezTo>
                  <a:pt x="97" y="425"/>
                  <a:pt x="97" y="425"/>
                  <a:pt x="97" y="425"/>
                </a:cubicBezTo>
                <a:cubicBezTo>
                  <a:pt x="66" y="398"/>
                  <a:pt x="25" y="347"/>
                  <a:pt x="13" y="261"/>
                </a:cubicBezTo>
                <a:cubicBezTo>
                  <a:pt x="13" y="261"/>
                  <a:pt x="13" y="261"/>
                  <a:pt x="13" y="261"/>
                </a:cubicBezTo>
                <a:cubicBezTo>
                  <a:pt x="8" y="228"/>
                  <a:pt x="0" y="145"/>
                  <a:pt x="0" y="100"/>
                </a:cubicBezTo>
                <a:cubicBezTo>
                  <a:pt x="0" y="100"/>
                  <a:pt x="0" y="100"/>
                  <a:pt x="0" y="100"/>
                </a:cubicBezTo>
                <a:cubicBezTo>
                  <a:pt x="0" y="90"/>
                  <a:pt x="1" y="83"/>
                  <a:pt x="2" y="76"/>
                </a:cubicBezTo>
                <a:cubicBezTo>
                  <a:pt x="2" y="76"/>
                  <a:pt x="2" y="76"/>
                  <a:pt x="2" y="76"/>
                </a:cubicBezTo>
                <a:cubicBezTo>
                  <a:pt x="2" y="74"/>
                  <a:pt x="3" y="72"/>
                  <a:pt x="4" y="70"/>
                </a:cubicBezTo>
                <a:cubicBezTo>
                  <a:pt x="4" y="70"/>
                  <a:pt x="4" y="70"/>
                  <a:pt x="4" y="70"/>
                </a:cubicBezTo>
                <a:cubicBezTo>
                  <a:pt x="4" y="68"/>
                  <a:pt x="5" y="66"/>
                  <a:pt x="7" y="64"/>
                </a:cubicBezTo>
                <a:cubicBezTo>
                  <a:pt x="7" y="64"/>
                  <a:pt x="7" y="64"/>
                  <a:pt x="7" y="64"/>
                </a:cubicBezTo>
                <a:cubicBezTo>
                  <a:pt x="9" y="62"/>
                  <a:pt x="11" y="61"/>
                  <a:pt x="14" y="58"/>
                </a:cubicBezTo>
                <a:cubicBezTo>
                  <a:pt x="14" y="58"/>
                  <a:pt x="14" y="58"/>
                  <a:pt x="14" y="58"/>
                </a:cubicBezTo>
                <a:cubicBezTo>
                  <a:pt x="18" y="56"/>
                  <a:pt x="22" y="53"/>
                  <a:pt x="26" y="50"/>
                </a:cubicBezTo>
                <a:cubicBezTo>
                  <a:pt x="26" y="50"/>
                  <a:pt x="26" y="50"/>
                  <a:pt x="26" y="50"/>
                </a:cubicBezTo>
                <a:cubicBezTo>
                  <a:pt x="36" y="44"/>
                  <a:pt x="48" y="36"/>
                  <a:pt x="62" y="29"/>
                </a:cubicBezTo>
                <a:cubicBezTo>
                  <a:pt x="62" y="29"/>
                  <a:pt x="62" y="29"/>
                  <a:pt x="62" y="29"/>
                </a:cubicBezTo>
                <a:cubicBezTo>
                  <a:pt x="91" y="14"/>
                  <a:pt x="127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94" y="0"/>
                  <a:pt x="226" y="11"/>
                  <a:pt x="252" y="23"/>
                </a:cubicBezTo>
                <a:cubicBezTo>
                  <a:pt x="252" y="23"/>
                  <a:pt x="252" y="23"/>
                  <a:pt x="252" y="23"/>
                </a:cubicBezTo>
                <a:cubicBezTo>
                  <a:pt x="279" y="36"/>
                  <a:pt x="300" y="50"/>
                  <a:pt x="311" y="58"/>
                </a:cubicBezTo>
                <a:cubicBezTo>
                  <a:pt x="311" y="58"/>
                  <a:pt x="311" y="58"/>
                  <a:pt x="311" y="58"/>
                </a:cubicBezTo>
                <a:cubicBezTo>
                  <a:pt x="314" y="61"/>
                  <a:pt x="316" y="62"/>
                  <a:pt x="318" y="64"/>
                </a:cubicBezTo>
                <a:cubicBezTo>
                  <a:pt x="318" y="64"/>
                  <a:pt x="318" y="64"/>
                  <a:pt x="318" y="64"/>
                </a:cubicBezTo>
                <a:cubicBezTo>
                  <a:pt x="324" y="70"/>
                  <a:pt x="324" y="78"/>
                  <a:pt x="318" y="83"/>
                </a:cubicBezTo>
                <a:cubicBezTo>
                  <a:pt x="318" y="83"/>
                  <a:pt x="318" y="83"/>
                  <a:pt x="318" y="83"/>
                </a:cubicBezTo>
                <a:cubicBezTo>
                  <a:pt x="313" y="88"/>
                  <a:pt x="305" y="88"/>
                  <a:pt x="300" y="83"/>
                </a:cubicBezTo>
                <a:cubicBezTo>
                  <a:pt x="300" y="83"/>
                  <a:pt x="300" y="83"/>
                  <a:pt x="300" y="83"/>
                </a:cubicBezTo>
                <a:cubicBezTo>
                  <a:pt x="299" y="83"/>
                  <a:pt x="298" y="81"/>
                  <a:pt x="295" y="79"/>
                </a:cubicBezTo>
                <a:cubicBezTo>
                  <a:pt x="295" y="79"/>
                  <a:pt x="295" y="79"/>
                  <a:pt x="295" y="79"/>
                </a:cubicBezTo>
                <a:cubicBezTo>
                  <a:pt x="292" y="77"/>
                  <a:pt x="289" y="75"/>
                  <a:pt x="284" y="72"/>
                </a:cubicBezTo>
                <a:cubicBezTo>
                  <a:pt x="284" y="72"/>
                  <a:pt x="284" y="72"/>
                  <a:pt x="284" y="72"/>
                </a:cubicBezTo>
                <a:cubicBezTo>
                  <a:pt x="276" y="66"/>
                  <a:pt x="264" y="59"/>
                  <a:pt x="251" y="52"/>
                </a:cubicBezTo>
                <a:cubicBezTo>
                  <a:pt x="251" y="52"/>
                  <a:pt x="251" y="52"/>
                  <a:pt x="251" y="52"/>
                </a:cubicBezTo>
                <a:cubicBezTo>
                  <a:pt x="225" y="39"/>
                  <a:pt x="192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37" y="27"/>
                  <a:pt x="109" y="36"/>
                  <a:pt x="85" y="47"/>
                </a:cubicBezTo>
                <a:cubicBezTo>
                  <a:pt x="85" y="47"/>
                  <a:pt x="85" y="47"/>
                  <a:pt x="85" y="47"/>
                </a:cubicBezTo>
                <a:cubicBezTo>
                  <a:pt x="60" y="59"/>
                  <a:pt x="40" y="72"/>
                  <a:pt x="31" y="79"/>
                </a:cubicBezTo>
                <a:cubicBezTo>
                  <a:pt x="31" y="79"/>
                  <a:pt x="31" y="79"/>
                  <a:pt x="31" y="79"/>
                </a:cubicBezTo>
                <a:cubicBezTo>
                  <a:pt x="30" y="80"/>
                  <a:pt x="29" y="81"/>
                  <a:pt x="28" y="82"/>
                </a:cubicBezTo>
                <a:cubicBezTo>
                  <a:pt x="28" y="82"/>
                  <a:pt x="28" y="82"/>
                  <a:pt x="28" y="82"/>
                </a:cubicBezTo>
                <a:cubicBezTo>
                  <a:pt x="28" y="82"/>
                  <a:pt x="28" y="83"/>
                  <a:pt x="28" y="84"/>
                </a:cubicBezTo>
                <a:cubicBezTo>
                  <a:pt x="28" y="84"/>
                  <a:pt x="28" y="84"/>
                  <a:pt x="28" y="84"/>
                </a:cubicBezTo>
                <a:cubicBezTo>
                  <a:pt x="27" y="87"/>
                  <a:pt x="27" y="93"/>
                  <a:pt x="27" y="100"/>
                </a:cubicBezTo>
                <a:cubicBezTo>
                  <a:pt x="27" y="100"/>
                  <a:pt x="27" y="100"/>
                  <a:pt x="27" y="100"/>
                </a:cubicBezTo>
                <a:cubicBezTo>
                  <a:pt x="27" y="142"/>
                  <a:pt x="34" y="227"/>
                  <a:pt x="39" y="257"/>
                </a:cubicBezTo>
                <a:cubicBezTo>
                  <a:pt x="39" y="257"/>
                  <a:pt x="39" y="257"/>
                  <a:pt x="39" y="257"/>
                </a:cubicBezTo>
                <a:cubicBezTo>
                  <a:pt x="51" y="337"/>
                  <a:pt x="88" y="381"/>
                  <a:pt x="115" y="404"/>
                </a:cubicBezTo>
                <a:cubicBezTo>
                  <a:pt x="115" y="404"/>
                  <a:pt x="115" y="404"/>
                  <a:pt x="115" y="404"/>
                </a:cubicBezTo>
                <a:cubicBezTo>
                  <a:pt x="126" y="414"/>
                  <a:pt x="135" y="420"/>
                  <a:pt x="143" y="423"/>
                </a:cubicBezTo>
                <a:cubicBezTo>
                  <a:pt x="143" y="423"/>
                  <a:pt x="143" y="423"/>
                  <a:pt x="143" y="423"/>
                </a:cubicBezTo>
                <a:cubicBezTo>
                  <a:pt x="150" y="426"/>
                  <a:pt x="156" y="427"/>
                  <a:pt x="162" y="427"/>
                </a:cubicBezTo>
                <a:cubicBezTo>
                  <a:pt x="162" y="427"/>
                  <a:pt x="162" y="427"/>
                  <a:pt x="162" y="427"/>
                </a:cubicBezTo>
                <a:cubicBezTo>
                  <a:pt x="162" y="427"/>
                  <a:pt x="163" y="427"/>
                  <a:pt x="164" y="427"/>
                </a:cubicBezTo>
                <a:cubicBezTo>
                  <a:pt x="164" y="427"/>
                  <a:pt x="164" y="427"/>
                  <a:pt x="164" y="427"/>
                </a:cubicBezTo>
                <a:cubicBezTo>
                  <a:pt x="170" y="427"/>
                  <a:pt x="175" y="426"/>
                  <a:pt x="183" y="423"/>
                </a:cubicBezTo>
                <a:cubicBezTo>
                  <a:pt x="183" y="423"/>
                  <a:pt x="183" y="423"/>
                  <a:pt x="183" y="423"/>
                </a:cubicBezTo>
                <a:cubicBezTo>
                  <a:pt x="190" y="420"/>
                  <a:pt x="200" y="414"/>
                  <a:pt x="211" y="404"/>
                </a:cubicBezTo>
                <a:cubicBezTo>
                  <a:pt x="211" y="404"/>
                  <a:pt x="211" y="404"/>
                  <a:pt x="211" y="404"/>
                </a:cubicBezTo>
                <a:cubicBezTo>
                  <a:pt x="238" y="381"/>
                  <a:pt x="275" y="337"/>
                  <a:pt x="287" y="257"/>
                </a:cubicBezTo>
                <a:cubicBezTo>
                  <a:pt x="287" y="257"/>
                  <a:pt x="287" y="257"/>
                  <a:pt x="287" y="257"/>
                </a:cubicBezTo>
                <a:cubicBezTo>
                  <a:pt x="288" y="245"/>
                  <a:pt x="291" y="224"/>
                  <a:pt x="293" y="200"/>
                </a:cubicBezTo>
                <a:cubicBezTo>
                  <a:pt x="293" y="200"/>
                  <a:pt x="293" y="200"/>
                  <a:pt x="293" y="200"/>
                </a:cubicBezTo>
                <a:cubicBezTo>
                  <a:pt x="282" y="220"/>
                  <a:pt x="270" y="242"/>
                  <a:pt x="258" y="261"/>
                </a:cubicBezTo>
                <a:cubicBezTo>
                  <a:pt x="258" y="261"/>
                  <a:pt x="258" y="261"/>
                  <a:pt x="258" y="261"/>
                </a:cubicBezTo>
                <a:cubicBezTo>
                  <a:pt x="248" y="276"/>
                  <a:pt x="239" y="289"/>
                  <a:pt x="229" y="298"/>
                </a:cubicBezTo>
                <a:cubicBezTo>
                  <a:pt x="229" y="298"/>
                  <a:pt x="229" y="298"/>
                  <a:pt x="229" y="298"/>
                </a:cubicBezTo>
                <a:cubicBezTo>
                  <a:pt x="205" y="322"/>
                  <a:pt x="174" y="334"/>
                  <a:pt x="146" y="334"/>
                </a:cubicBezTo>
                <a:cubicBezTo>
                  <a:pt x="146" y="334"/>
                  <a:pt x="146" y="334"/>
                  <a:pt x="146" y="334"/>
                </a:cubicBezTo>
                <a:cubicBezTo>
                  <a:pt x="131" y="334"/>
                  <a:pt x="117" y="331"/>
                  <a:pt x="104" y="324"/>
                </a:cubicBezTo>
                <a:cubicBezTo>
                  <a:pt x="104" y="324"/>
                  <a:pt x="104" y="324"/>
                  <a:pt x="104" y="324"/>
                </a:cubicBezTo>
                <a:cubicBezTo>
                  <a:pt x="90" y="316"/>
                  <a:pt x="78" y="303"/>
                  <a:pt x="69" y="286"/>
                </a:cubicBezTo>
                <a:cubicBezTo>
                  <a:pt x="69" y="286"/>
                  <a:pt x="69" y="286"/>
                  <a:pt x="69" y="286"/>
                </a:cubicBezTo>
                <a:cubicBezTo>
                  <a:pt x="60" y="270"/>
                  <a:pt x="55" y="251"/>
                  <a:pt x="55" y="230"/>
                </a:cubicBezTo>
                <a:cubicBezTo>
                  <a:pt x="55" y="230"/>
                  <a:pt x="55" y="230"/>
                  <a:pt x="55" y="230"/>
                </a:cubicBezTo>
                <a:cubicBezTo>
                  <a:pt x="55" y="221"/>
                  <a:pt x="56" y="211"/>
                  <a:pt x="58" y="202"/>
                </a:cubicBezTo>
                <a:cubicBezTo>
                  <a:pt x="58" y="202"/>
                  <a:pt x="58" y="202"/>
                  <a:pt x="58" y="202"/>
                </a:cubicBezTo>
                <a:cubicBezTo>
                  <a:pt x="64" y="178"/>
                  <a:pt x="76" y="155"/>
                  <a:pt x="93" y="138"/>
                </a:cubicBezTo>
                <a:cubicBezTo>
                  <a:pt x="93" y="138"/>
                  <a:pt x="93" y="138"/>
                  <a:pt x="93" y="138"/>
                </a:cubicBezTo>
                <a:cubicBezTo>
                  <a:pt x="111" y="120"/>
                  <a:pt x="134" y="107"/>
                  <a:pt x="162" y="107"/>
                </a:cubicBezTo>
                <a:cubicBezTo>
                  <a:pt x="162" y="107"/>
                  <a:pt x="162" y="107"/>
                  <a:pt x="162" y="107"/>
                </a:cubicBezTo>
                <a:cubicBezTo>
                  <a:pt x="169" y="107"/>
                  <a:pt x="176" y="108"/>
                  <a:pt x="184" y="110"/>
                </a:cubicBezTo>
                <a:cubicBezTo>
                  <a:pt x="184" y="110"/>
                  <a:pt x="184" y="110"/>
                  <a:pt x="184" y="110"/>
                </a:cubicBezTo>
                <a:cubicBezTo>
                  <a:pt x="204" y="114"/>
                  <a:pt x="219" y="125"/>
                  <a:pt x="229" y="139"/>
                </a:cubicBezTo>
                <a:cubicBezTo>
                  <a:pt x="229" y="139"/>
                  <a:pt x="229" y="139"/>
                  <a:pt x="229" y="139"/>
                </a:cubicBezTo>
                <a:cubicBezTo>
                  <a:pt x="240" y="152"/>
                  <a:pt x="245" y="169"/>
                  <a:pt x="245" y="186"/>
                </a:cubicBezTo>
                <a:cubicBezTo>
                  <a:pt x="245" y="186"/>
                  <a:pt x="245" y="186"/>
                  <a:pt x="245" y="186"/>
                </a:cubicBezTo>
                <a:cubicBezTo>
                  <a:pt x="245" y="197"/>
                  <a:pt x="242" y="209"/>
                  <a:pt x="237" y="220"/>
                </a:cubicBezTo>
                <a:cubicBezTo>
                  <a:pt x="237" y="220"/>
                  <a:pt x="237" y="220"/>
                  <a:pt x="237" y="220"/>
                </a:cubicBezTo>
                <a:cubicBezTo>
                  <a:pt x="234" y="227"/>
                  <a:pt x="231" y="235"/>
                  <a:pt x="227" y="242"/>
                </a:cubicBezTo>
                <a:cubicBezTo>
                  <a:pt x="227" y="242"/>
                  <a:pt x="227" y="242"/>
                  <a:pt x="227" y="242"/>
                </a:cubicBezTo>
                <a:cubicBezTo>
                  <a:pt x="223" y="249"/>
                  <a:pt x="219" y="255"/>
                  <a:pt x="215" y="261"/>
                </a:cubicBezTo>
                <a:cubicBezTo>
                  <a:pt x="215" y="261"/>
                  <a:pt x="215" y="261"/>
                  <a:pt x="215" y="261"/>
                </a:cubicBezTo>
                <a:cubicBezTo>
                  <a:pt x="212" y="264"/>
                  <a:pt x="210" y="268"/>
                  <a:pt x="205" y="270"/>
                </a:cubicBezTo>
                <a:cubicBezTo>
                  <a:pt x="205" y="270"/>
                  <a:pt x="205" y="270"/>
                  <a:pt x="205" y="270"/>
                </a:cubicBezTo>
                <a:cubicBezTo>
                  <a:pt x="203" y="272"/>
                  <a:pt x="199" y="273"/>
                  <a:pt x="195" y="273"/>
                </a:cubicBezTo>
                <a:cubicBezTo>
                  <a:pt x="195" y="273"/>
                  <a:pt x="195" y="273"/>
                  <a:pt x="195" y="273"/>
                </a:cubicBezTo>
                <a:cubicBezTo>
                  <a:pt x="191" y="274"/>
                  <a:pt x="188" y="272"/>
                  <a:pt x="185" y="270"/>
                </a:cubicBezTo>
                <a:cubicBezTo>
                  <a:pt x="185" y="270"/>
                  <a:pt x="185" y="270"/>
                  <a:pt x="185" y="270"/>
                </a:cubicBezTo>
                <a:cubicBezTo>
                  <a:pt x="182" y="269"/>
                  <a:pt x="180" y="266"/>
                  <a:pt x="179" y="264"/>
                </a:cubicBezTo>
                <a:cubicBezTo>
                  <a:pt x="179" y="264"/>
                  <a:pt x="179" y="264"/>
                  <a:pt x="179" y="264"/>
                </a:cubicBezTo>
                <a:cubicBezTo>
                  <a:pt x="179" y="264"/>
                  <a:pt x="179" y="264"/>
                  <a:pt x="179" y="263"/>
                </a:cubicBezTo>
                <a:cubicBezTo>
                  <a:pt x="179" y="263"/>
                  <a:pt x="179" y="263"/>
                  <a:pt x="179" y="263"/>
                </a:cubicBezTo>
                <a:cubicBezTo>
                  <a:pt x="175" y="266"/>
                  <a:pt x="172" y="269"/>
                  <a:pt x="167" y="271"/>
                </a:cubicBezTo>
                <a:cubicBezTo>
                  <a:pt x="167" y="271"/>
                  <a:pt x="167" y="271"/>
                  <a:pt x="167" y="271"/>
                </a:cubicBezTo>
                <a:cubicBezTo>
                  <a:pt x="159" y="276"/>
                  <a:pt x="149" y="279"/>
                  <a:pt x="139" y="279"/>
                </a:cubicBezTo>
                <a:cubicBezTo>
                  <a:pt x="139" y="279"/>
                  <a:pt x="139" y="279"/>
                  <a:pt x="139" y="279"/>
                </a:cubicBezTo>
                <a:cubicBezTo>
                  <a:pt x="131" y="279"/>
                  <a:pt x="123" y="277"/>
                  <a:pt x="115" y="273"/>
                </a:cubicBezTo>
                <a:cubicBezTo>
                  <a:pt x="115" y="273"/>
                  <a:pt x="115" y="273"/>
                  <a:pt x="115" y="273"/>
                </a:cubicBezTo>
                <a:cubicBezTo>
                  <a:pt x="107" y="269"/>
                  <a:pt x="100" y="262"/>
                  <a:pt x="97" y="253"/>
                </a:cubicBezTo>
                <a:cubicBezTo>
                  <a:pt x="97" y="253"/>
                  <a:pt x="97" y="253"/>
                  <a:pt x="97" y="253"/>
                </a:cubicBezTo>
                <a:cubicBezTo>
                  <a:pt x="94" y="246"/>
                  <a:pt x="93" y="239"/>
                  <a:pt x="93" y="232"/>
                </a:cubicBezTo>
                <a:cubicBezTo>
                  <a:pt x="93" y="232"/>
                  <a:pt x="93" y="232"/>
                  <a:pt x="93" y="232"/>
                </a:cubicBezTo>
                <a:cubicBezTo>
                  <a:pt x="93" y="219"/>
                  <a:pt x="96" y="207"/>
                  <a:pt x="101" y="196"/>
                </a:cubicBezTo>
                <a:cubicBezTo>
                  <a:pt x="101" y="196"/>
                  <a:pt x="101" y="196"/>
                  <a:pt x="101" y="196"/>
                </a:cubicBezTo>
                <a:cubicBezTo>
                  <a:pt x="106" y="186"/>
                  <a:pt x="111" y="176"/>
                  <a:pt x="118" y="170"/>
                </a:cubicBezTo>
                <a:cubicBezTo>
                  <a:pt x="118" y="170"/>
                  <a:pt x="118" y="170"/>
                  <a:pt x="118" y="170"/>
                </a:cubicBezTo>
                <a:cubicBezTo>
                  <a:pt x="123" y="165"/>
                  <a:pt x="129" y="161"/>
                  <a:pt x="136" y="157"/>
                </a:cubicBezTo>
                <a:cubicBezTo>
                  <a:pt x="136" y="157"/>
                  <a:pt x="136" y="157"/>
                  <a:pt x="136" y="157"/>
                </a:cubicBezTo>
                <a:cubicBezTo>
                  <a:pt x="143" y="154"/>
                  <a:pt x="151" y="152"/>
                  <a:pt x="160" y="152"/>
                </a:cubicBezTo>
                <a:cubicBezTo>
                  <a:pt x="160" y="152"/>
                  <a:pt x="160" y="152"/>
                  <a:pt x="160" y="152"/>
                </a:cubicBezTo>
                <a:cubicBezTo>
                  <a:pt x="167" y="152"/>
                  <a:pt x="174" y="154"/>
                  <a:pt x="181" y="157"/>
                </a:cubicBezTo>
                <a:cubicBezTo>
                  <a:pt x="181" y="157"/>
                  <a:pt x="181" y="157"/>
                  <a:pt x="181" y="157"/>
                </a:cubicBezTo>
                <a:cubicBezTo>
                  <a:pt x="188" y="161"/>
                  <a:pt x="194" y="166"/>
                  <a:pt x="199" y="174"/>
                </a:cubicBezTo>
                <a:cubicBezTo>
                  <a:pt x="199" y="174"/>
                  <a:pt x="199" y="174"/>
                  <a:pt x="199" y="174"/>
                </a:cubicBezTo>
                <a:cubicBezTo>
                  <a:pt x="205" y="184"/>
                  <a:pt x="207" y="195"/>
                  <a:pt x="207" y="205"/>
                </a:cubicBezTo>
                <a:cubicBezTo>
                  <a:pt x="207" y="205"/>
                  <a:pt x="207" y="205"/>
                  <a:pt x="207" y="205"/>
                </a:cubicBezTo>
                <a:cubicBezTo>
                  <a:pt x="207" y="212"/>
                  <a:pt x="206" y="219"/>
                  <a:pt x="205" y="226"/>
                </a:cubicBezTo>
                <a:cubicBezTo>
                  <a:pt x="205" y="226"/>
                  <a:pt x="205" y="226"/>
                  <a:pt x="205" y="226"/>
                </a:cubicBezTo>
                <a:cubicBezTo>
                  <a:pt x="208" y="220"/>
                  <a:pt x="210" y="215"/>
                  <a:pt x="213" y="209"/>
                </a:cubicBezTo>
                <a:cubicBezTo>
                  <a:pt x="213" y="209"/>
                  <a:pt x="213" y="209"/>
                  <a:pt x="213" y="209"/>
                </a:cubicBezTo>
                <a:cubicBezTo>
                  <a:pt x="216" y="201"/>
                  <a:pt x="218" y="193"/>
                  <a:pt x="218" y="186"/>
                </a:cubicBezTo>
                <a:cubicBezTo>
                  <a:pt x="218" y="186"/>
                  <a:pt x="218" y="186"/>
                  <a:pt x="218" y="186"/>
                </a:cubicBezTo>
                <a:cubicBezTo>
                  <a:pt x="218" y="174"/>
                  <a:pt x="215" y="163"/>
                  <a:pt x="208" y="155"/>
                </a:cubicBezTo>
                <a:cubicBezTo>
                  <a:pt x="208" y="155"/>
                  <a:pt x="208" y="155"/>
                  <a:pt x="208" y="155"/>
                </a:cubicBezTo>
                <a:cubicBezTo>
                  <a:pt x="201" y="146"/>
                  <a:pt x="192" y="139"/>
                  <a:pt x="178" y="136"/>
                </a:cubicBezTo>
                <a:cubicBezTo>
                  <a:pt x="178" y="136"/>
                  <a:pt x="178" y="136"/>
                  <a:pt x="178" y="136"/>
                </a:cubicBezTo>
                <a:cubicBezTo>
                  <a:pt x="172" y="135"/>
                  <a:pt x="167" y="134"/>
                  <a:pt x="162" y="134"/>
                </a:cubicBezTo>
                <a:cubicBezTo>
                  <a:pt x="162" y="134"/>
                  <a:pt x="162" y="134"/>
                  <a:pt x="162" y="134"/>
                </a:cubicBezTo>
                <a:cubicBezTo>
                  <a:pt x="143" y="134"/>
                  <a:pt x="126" y="143"/>
                  <a:pt x="112" y="156"/>
                </a:cubicBezTo>
                <a:cubicBezTo>
                  <a:pt x="112" y="156"/>
                  <a:pt x="112" y="156"/>
                  <a:pt x="112" y="156"/>
                </a:cubicBezTo>
                <a:cubicBezTo>
                  <a:pt x="99" y="170"/>
                  <a:pt x="89" y="189"/>
                  <a:pt x="84" y="208"/>
                </a:cubicBezTo>
                <a:cubicBezTo>
                  <a:pt x="84" y="208"/>
                  <a:pt x="84" y="208"/>
                  <a:pt x="84" y="208"/>
                </a:cubicBezTo>
                <a:cubicBezTo>
                  <a:pt x="83" y="215"/>
                  <a:pt x="82" y="223"/>
                  <a:pt x="82" y="230"/>
                </a:cubicBezTo>
                <a:cubicBezTo>
                  <a:pt x="82" y="230"/>
                  <a:pt x="82" y="230"/>
                  <a:pt x="82" y="230"/>
                </a:cubicBezTo>
                <a:cubicBezTo>
                  <a:pt x="82" y="246"/>
                  <a:pt x="86" y="262"/>
                  <a:pt x="92" y="274"/>
                </a:cubicBezTo>
                <a:cubicBezTo>
                  <a:pt x="92" y="274"/>
                  <a:pt x="92" y="274"/>
                  <a:pt x="92" y="274"/>
                </a:cubicBezTo>
                <a:cubicBezTo>
                  <a:pt x="99" y="286"/>
                  <a:pt x="108" y="296"/>
                  <a:pt x="117" y="301"/>
                </a:cubicBezTo>
                <a:cubicBezTo>
                  <a:pt x="117" y="301"/>
                  <a:pt x="117" y="301"/>
                  <a:pt x="117" y="301"/>
                </a:cubicBezTo>
                <a:cubicBezTo>
                  <a:pt x="125" y="305"/>
                  <a:pt x="135" y="308"/>
                  <a:pt x="146" y="308"/>
                </a:cubicBezTo>
                <a:cubicBezTo>
                  <a:pt x="146" y="308"/>
                  <a:pt x="146" y="308"/>
                  <a:pt x="146" y="308"/>
                </a:cubicBezTo>
                <a:cubicBezTo>
                  <a:pt x="167" y="308"/>
                  <a:pt x="191" y="299"/>
                  <a:pt x="211" y="279"/>
                </a:cubicBezTo>
                <a:cubicBezTo>
                  <a:pt x="211" y="279"/>
                  <a:pt x="211" y="279"/>
                  <a:pt x="211" y="279"/>
                </a:cubicBezTo>
                <a:cubicBezTo>
                  <a:pt x="216" y="274"/>
                  <a:pt x="222" y="266"/>
                  <a:pt x="229" y="256"/>
                </a:cubicBezTo>
                <a:cubicBezTo>
                  <a:pt x="229" y="256"/>
                  <a:pt x="229" y="256"/>
                  <a:pt x="229" y="256"/>
                </a:cubicBezTo>
                <a:cubicBezTo>
                  <a:pt x="235" y="247"/>
                  <a:pt x="242" y="235"/>
                  <a:pt x="249" y="224"/>
                </a:cubicBezTo>
                <a:cubicBezTo>
                  <a:pt x="249" y="224"/>
                  <a:pt x="249" y="224"/>
                  <a:pt x="249" y="224"/>
                </a:cubicBezTo>
                <a:cubicBezTo>
                  <a:pt x="263" y="200"/>
                  <a:pt x="276" y="174"/>
                  <a:pt x="286" y="154"/>
                </a:cubicBezTo>
                <a:cubicBezTo>
                  <a:pt x="286" y="154"/>
                  <a:pt x="286" y="154"/>
                  <a:pt x="286" y="154"/>
                </a:cubicBezTo>
                <a:cubicBezTo>
                  <a:pt x="292" y="141"/>
                  <a:pt x="297" y="130"/>
                  <a:pt x="298" y="126"/>
                </a:cubicBezTo>
                <a:cubicBezTo>
                  <a:pt x="298" y="126"/>
                  <a:pt x="298" y="126"/>
                  <a:pt x="298" y="126"/>
                </a:cubicBezTo>
                <a:cubicBezTo>
                  <a:pt x="298" y="126"/>
                  <a:pt x="298" y="126"/>
                  <a:pt x="298" y="126"/>
                </a:cubicBezTo>
                <a:cubicBezTo>
                  <a:pt x="299" y="124"/>
                  <a:pt x="300" y="122"/>
                  <a:pt x="302" y="121"/>
                </a:cubicBezTo>
                <a:cubicBezTo>
                  <a:pt x="302" y="121"/>
                  <a:pt x="302" y="121"/>
                  <a:pt x="302" y="121"/>
                </a:cubicBezTo>
                <a:cubicBezTo>
                  <a:pt x="304" y="118"/>
                  <a:pt x="308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5" y="117"/>
                  <a:pt x="318" y="118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1" y="121"/>
                  <a:pt x="321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3"/>
                  <a:pt x="322" y="123"/>
                </a:cubicBezTo>
                <a:cubicBezTo>
                  <a:pt x="322" y="123"/>
                  <a:pt x="322" y="123"/>
                  <a:pt x="322" y="123"/>
                </a:cubicBezTo>
                <a:cubicBezTo>
                  <a:pt x="324" y="125"/>
                  <a:pt x="324" y="128"/>
                  <a:pt x="324" y="131"/>
                </a:cubicBezTo>
                <a:cubicBezTo>
                  <a:pt x="324" y="131"/>
                  <a:pt x="324" y="131"/>
                  <a:pt x="324" y="131"/>
                </a:cubicBezTo>
                <a:cubicBezTo>
                  <a:pt x="322" y="176"/>
                  <a:pt x="317" y="235"/>
                  <a:pt x="313" y="261"/>
                </a:cubicBezTo>
                <a:cubicBezTo>
                  <a:pt x="313" y="261"/>
                  <a:pt x="313" y="261"/>
                  <a:pt x="313" y="261"/>
                </a:cubicBezTo>
                <a:cubicBezTo>
                  <a:pt x="300" y="347"/>
                  <a:pt x="259" y="398"/>
                  <a:pt x="228" y="425"/>
                </a:cubicBezTo>
                <a:cubicBezTo>
                  <a:pt x="228" y="425"/>
                  <a:pt x="228" y="425"/>
                  <a:pt x="228" y="425"/>
                </a:cubicBezTo>
                <a:cubicBezTo>
                  <a:pt x="215" y="436"/>
                  <a:pt x="204" y="443"/>
                  <a:pt x="193" y="448"/>
                </a:cubicBezTo>
                <a:cubicBezTo>
                  <a:pt x="193" y="448"/>
                  <a:pt x="193" y="448"/>
                  <a:pt x="193" y="448"/>
                </a:cubicBezTo>
                <a:cubicBezTo>
                  <a:pt x="182" y="452"/>
                  <a:pt x="172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lose/>
                <a:moveTo>
                  <a:pt x="154" y="248"/>
                </a:moveTo>
                <a:cubicBezTo>
                  <a:pt x="162" y="243"/>
                  <a:pt x="168" y="237"/>
                  <a:pt x="172" y="231"/>
                </a:cubicBezTo>
                <a:cubicBezTo>
                  <a:pt x="172" y="231"/>
                  <a:pt x="172" y="231"/>
                  <a:pt x="172" y="231"/>
                </a:cubicBezTo>
                <a:cubicBezTo>
                  <a:pt x="176" y="225"/>
                  <a:pt x="178" y="220"/>
                  <a:pt x="179" y="216"/>
                </a:cubicBezTo>
                <a:cubicBezTo>
                  <a:pt x="179" y="216"/>
                  <a:pt x="179" y="216"/>
                  <a:pt x="179" y="216"/>
                </a:cubicBezTo>
                <a:cubicBezTo>
                  <a:pt x="180" y="214"/>
                  <a:pt x="180" y="213"/>
                  <a:pt x="180" y="212"/>
                </a:cubicBezTo>
                <a:cubicBezTo>
                  <a:pt x="180" y="212"/>
                  <a:pt x="180" y="212"/>
                  <a:pt x="180" y="212"/>
                </a:cubicBezTo>
                <a:cubicBezTo>
                  <a:pt x="180" y="210"/>
                  <a:pt x="180" y="207"/>
                  <a:pt x="180" y="205"/>
                </a:cubicBezTo>
                <a:cubicBezTo>
                  <a:pt x="180" y="205"/>
                  <a:pt x="180" y="205"/>
                  <a:pt x="180" y="205"/>
                </a:cubicBezTo>
                <a:cubicBezTo>
                  <a:pt x="180" y="198"/>
                  <a:pt x="179" y="193"/>
                  <a:pt x="176" y="188"/>
                </a:cubicBezTo>
                <a:cubicBezTo>
                  <a:pt x="176" y="188"/>
                  <a:pt x="176" y="188"/>
                  <a:pt x="176" y="188"/>
                </a:cubicBezTo>
                <a:cubicBezTo>
                  <a:pt x="174" y="185"/>
                  <a:pt x="171" y="182"/>
                  <a:pt x="169" y="181"/>
                </a:cubicBezTo>
                <a:cubicBezTo>
                  <a:pt x="169" y="181"/>
                  <a:pt x="169" y="181"/>
                  <a:pt x="169" y="181"/>
                </a:cubicBezTo>
                <a:cubicBezTo>
                  <a:pt x="166" y="180"/>
                  <a:pt x="163" y="179"/>
                  <a:pt x="160" y="179"/>
                </a:cubicBezTo>
                <a:cubicBezTo>
                  <a:pt x="160" y="179"/>
                  <a:pt x="160" y="179"/>
                  <a:pt x="160" y="179"/>
                </a:cubicBezTo>
                <a:cubicBezTo>
                  <a:pt x="156" y="179"/>
                  <a:pt x="151" y="180"/>
                  <a:pt x="147" y="182"/>
                </a:cubicBezTo>
                <a:cubicBezTo>
                  <a:pt x="147" y="182"/>
                  <a:pt x="147" y="182"/>
                  <a:pt x="147" y="182"/>
                </a:cubicBezTo>
                <a:cubicBezTo>
                  <a:pt x="143" y="184"/>
                  <a:pt x="139" y="186"/>
                  <a:pt x="137" y="188"/>
                </a:cubicBezTo>
                <a:cubicBezTo>
                  <a:pt x="137" y="188"/>
                  <a:pt x="137" y="188"/>
                  <a:pt x="137" y="188"/>
                </a:cubicBezTo>
                <a:cubicBezTo>
                  <a:pt x="134" y="192"/>
                  <a:pt x="129" y="199"/>
                  <a:pt x="125" y="207"/>
                </a:cubicBezTo>
                <a:cubicBezTo>
                  <a:pt x="125" y="207"/>
                  <a:pt x="125" y="207"/>
                  <a:pt x="125" y="207"/>
                </a:cubicBezTo>
                <a:cubicBezTo>
                  <a:pt x="122" y="215"/>
                  <a:pt x="120" y="224"/>
                  <a:pt x="120" y="232"/>
                </a:cubicBezTo>
                <a:cubicBezTo>
                  <a:pt x="120" y="232"/>
                  <a:pt x="120" y="232"/>
                  <a:pt x="120" y="232"/>
                </a:cubicBezTo>
                <a:cubicBezTo>
                  <a:pt x="120" y="236"/>
                  <a:pt x="120" y="240"/>
                  <a:pt x="122" y="243"/>
                </a:cubicBezTo>
                <a:cubicBezTo>
                  <a:pt x="122" y="243"/>
                  <a:pt x="122" y="243"/>
                  <a:pt x="122" y="243"/>
                </a:cubicBezTo>
                <a:cubicBezTo>
                  <a:pt x="123" y="246"/>
                  <a:pt x="125" y="248"/>
                  <a:pt x="128" y="249"/>
                </a:cubicBezTo>
                <a:cubicBezTo>
                  <a:pt x="128" y="249"/>
                  <a:pt x="128" y="249"/>
                  <a:pt x="128" y="249"/>
                </a:cubicBezTo>
                <a:cubicBezTo>
                  <a:pt x="131" y="251"/>
                  <a:pt x="135" y="252"/>
                  <a:pt x="139" y="252"/>
                </a:cubicBezTo>
                <a:cubicBezTo>
                  <a:pt x="139" y="252"/>
                  <a:pt x="139" y="252"/>
                  <a:pt x="139" y="252"/>
                </a:cubicBezTo>
                <a:cubicBezTo>
                  <a:pt x="145" y="252"/>
                  <a:pt x="150" y="250"/>
                  <a:pt x="154" y="24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1" name="Freeform 533"/>
          <p:cNvSpPr>
            <a:spLocks/>
          </p:cNvSpPr>
          <p:nvPr userDrawn="1"/>
        </p:nvSpPr>
        <p:spPr bwMode="auto">
          <a:xfrm>
            <a:off x="8720225" y="3086208"/>
            <a:ext cx="517525" cy="323850"/>
          </a:xfrm>
          <a:custGeom>
            <a:avLst/>
            <a:gdLst/>
            <a:ahLst/>
            <a:cxnLst>
              <a:cxn ang="0">
                <a:pos x="225" y="0"/>
              </a:cxn>
              <a:cxn ang="0">
                <a:pos x="199" y="31"/>
              </a:cxn>
              <a:cxn ang="0">
                <a:pos x="199" y="39"/>
              </a:cxn>
              <a:cxn ang="0">
                <a:pos x="122" y="39"/>
              </a:cxn>
              <a:cxn ang="0">
                <a:pos x="92" y="70"/>
              </a:cxn>
              <a:cxn ang="0">
                <a:pos x="92" y="70"/>
              </a:cxn>
              <a:cxn ang="0">
                <a:pos x="105" y="84"/>
              </a:cxn>
              <a:cxn ang="0">
                <a:pos x="118" y="70"/>
              </a:cxn>
              <a:cxn ang="0">
                <a:pos x="118" y="70"/>
              </a:cxn>
              <a:cxn ang="0">
                <a:pos x="122" y="66"/>
              </a:cxn>
              <a:cxn ang="0">
                <a:pos x="213" y="66"/>
              </a:cxn>
              <a:cxn ang="0">
                <a:pos x="226" y="53"/>
              </a:cxn>
              <a:cxn ang="0">
                <a:pos x="226" y="31"/>
              </a:cxn>
              <a:cxn ang="0">
                <a:pos x="227" y="26"/>
              </a:cxn>
              <a:cxn ang="0">
                <a:pos x="323" y="26"/>
              </a:cxn>
              <a:cxn ang="0">
                <a:pos x="324" y="31"/>
              </a:cxn>
              <a:cxn ang="0">
                <a:pos x="324" y="53"/>
              </a:cxn>
              <a:cxn ang="0">
                <a:pos x="337" y="66"/>
              </a:cxn>
              <a:cxn ang="0">
                <a:pos x="428" y="66"/>
              </a:cxn>
              <a:cxn ang="0">
                <a:pos x="431" y="70"/>
              </a:cxn>
              <a:cxn ang="0">
                <a:pos x="431" y="257"/>
              </a:cxn>
              <a:cxn ang="0">
                <a:pos x="428" y="261"/>
              </a:cxn>
              <a:cxn ang="0">
                <a:pos x="122" y="261"/>
              </a:cxn>
              <a:cxn ang="0">
                <a:pos x="111" y="251"/>
              </a:cxn>
              <a:cxn ang="0">
                <a:pos x="111" y="250"/>
              </a:cxn>
              <a:cxn ang="0">
                <a:pos x="35" y="125"/>
              </a:cxn>
              <a:cxn ang="0">
                <a:pos x="34" y="124"/>
              </a:cxn>
              <a:cxn ang="0">
                <a:pos x="32" y="120"/>
              </a:cxn>
              <a:cxn ang="0">
                <a:pos x="331" y="120"/>
              </a:cxn>
              <a:cxn ang="0">
                <a:pos x="396" y="236"/>
              </a:cxn>
              <a:cxn ang="0">
                <a:pos x="414" y="241"/>
              </a:cxn>
              <a:cxn ang="0">
                <a:pos x="419" y="222"/>
              </a:cxn>
              <a:cxn ang="0">
                <a:pos x="351" y="100"/>
              </a:cxn>
              <a:cxn ang="0">
                <a:pos x="339" y="94"/>
              </a:cxn>
              <a:cxn ang="0">
                <a:pos x="31" y="94"/>
              </a:cxn>
              <a:cxn ang="0">
                <a:pos x="7" y="106"/>
              </a:cxn>
              <a:cxn ang="0">
                <a:pos x="12" y="139"/>
              </a:cxn>
              <a:cxn ang="0">
                <a:pos x="12" y="139"/>
              </a:cxn>
              <a:cxn ang="0">
                <a:pos x="88" y="264"/>
              </a:cxn>
              <a:cxn ang="0">
                <a:pos x="88" y="264"/>
              </a:cxn>
              <a:cxn ang="0">
                <a:pos x="122" y="288"/>
              </a:cxn>
              <a:cxn ang="0">
                <a:pos x="428" y="288"/>
              </a:cxn>
              <a:cxn ang="0">
                <a:pos x="458" y="257"/>
              </a:cxn>
              <a:cxn ang="0">
                <a:pos x="458" y="70"/>
              </a:cxn>
              <a:cxn ang="0">
                <a:pos x="428" y="39"/>
              </a:cxn>
              <a:cxn ang="0">
                <a:pos x="350" y="39"/>
              </a:cxn>
              <a:cxn ang="0">
                <a:pos x="350" y="31"/>
              </a:cxn>
              <a:cxn ang="0">
                <a:pos x="325" y="0"/>
              </a:cxn>
              <a:cxn ang="0">
                <a:pos x="225" y="0"/>
              </a:cxn>
            </a:cxnLst>
            <a:rect l="0" t="0" r="r" b="b"/>
            <a:pathLst>
              <a:path w="458" h="288">
                <a:moveTo>
                  <a:pt x="225" y="0"/>
                </a:moveTo>
                <a:cubicBezTo>
                  <a:pt x="211" y="0"/>
                  <a:pt x="199" y="13"/>
                  <a:pt x="199" y="31"/>
                </a:cubicBezTo>
                <a:cubicBezTo>
                  <a:pt x="199" y="31"/>
                  <a:pt x="199" y="35"/>
                  <a:pt x="199" y="39"/>
                </a:cubicBezTo>
                <a:cubicBezTo>
                  <a:pt x="180" y="39"/>
                  <a:pt x="122" y="39"/>
                  <a:pt x="122" y="39"/>
                </a:cubicBezTo>
                <a:cubicBezTo>
                  <a:pt x="105" y="39"/>
                  <a:pt x="92" y="53"/>
                  <a:pt x="92" y="70"/>
                </a:cubicBezTo>
                <a:cubicBezTo>
                  <a:pt x="92" y="70"/>
                  <a:pt x="92" y="70"/>
                  <a:pt x="92" y="70"/>
                </a:cubicBezTo>
                <a:cubicBezTo>
                  <a:pt x="92" y="78"/>
                  <a:pt x="98" y="84"/>
                  <a:pt x="105" y="84"/>
                </a:cubicBezTo>
                <a:cubicBezTo>
                  <a:pt x="112" y="84"/>
                  <a:pt x="118" y="78"/>
                  <a:pt x="118" y="70"/>
                </a:cubicBezTo>
                <a:cubicBezTo>
                  <a:pt x="118" y="70"/>
                  <a:pt x="118" y="70"/>
                  <a:pt x="118" y="70"/>
                </a:cubicBezTo>
                <a:cubicBezTo>
                  <a:pt x="118" y="68"/>
                  <a:pt x="120" y="66"/>
                  <a:pt x="122" y="66"/>
                </a:cubicBezTo>
                <a:cubicBezTo>
                  <a:pt x="213" y="66"/>
                  <a:pt x="213" y="66"/>
                  <a:pt x="213" y="66"/>
                </a:cubicBezTo>
                <a:cubicBezTo>
                  <a:pt x="220" y="66"/>
                  <a:pt x="226" y="60"/>
                  <a:pt x="226" y="53"/>
                </a:cubicBezTo>
                <a:cubicBezTo>
                  <a:pt x="226" y="31"/>
                  <a:pt x="226" y="31"/>
                  <a:pt x="226" y="31"/>
                </a:cubicBezTo>
                <a:cubicBezTo>
                  <a:pt x="226" y="29"/>
                  <a:pt x="227" y="27"/>
                  <a:pt x="227" y="26"/>
                </a:cubicBezTo>
                <a:cubicBezTo>
                  <a:pt x="231" y="26"/>
                  <a:pt x="319" y="26"/>
                  <a:pt x="323" y="26"/>
                </a:cubicBezTo>
                <a:cubicBezTo>
                  <a:pt x="323" y="27"/>
                  <a:pt x="324" y="29"/>
                  <a:pt x="324" y="31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4" y="60"/>
                  <a:pt x="330" y="66"/>
                  <a:pt x="337" y="66"/>
                </a:cubicBezTo>
                <a:cubicBezTo>
                  <a:pt x="428" y="66"/>
                  <a:pt x="428" y="66"/>
                  <a:pt x="428" y="66"/>
                </a:cubicBezTo>
                <a:cubicBezTo>
                  <a:pt x="430" y="66"/>
                  <a:pt x="431" y="68"/>
                  <a:pt x="431" y="70"/>
                </a:cubicBezTo>
                <a:cubicBezTo>
                  <a:pt x="431" y="257"/>
                  <a:pt x="431" y="257"/>
                  <a:pt x="431" y="257"/>
                </a:cubicBezTo>
                <a:cubicBezTo>
                  <a:pt x="431" y="259"/>
                  <a:pt x="430" y="261"/>
                  <a:pt x="428" y="261"/>
                </a:cubicBezTo>
                <a:cubicBezTo>
                  <a:pt x="122" y="261"/>
                  <a:pt x="122" y="261"/>
                  <a:pt x="122" y="261"/>
                </a:cubicBezTo>
                <a:cubicBezTo>
                  <a:pt x="120" y="261"/>
                  <a:pt x="115" y="257"/>
                  <a:pt x="111" y="251"/>
                </a:cubicBezTo>
                <a:cubicBezTo>
                  <a:pt x="111" y="250"/>
                  <a:pt x="111" y="250"/>
                  <a:pt x="111" y="250"/>
                </a:cubicBezTo>
                <a:cubicBezTo>
                  <a:pt x="35" y="125"/>
                  <a:pt x="35" y="125"/>
                  <a:pt x="35" y="125"/>
                </a:cubicBezTo>
                <a:cubicBezTo>
                  <a:pt x="35" y="125"/>
                  <a:pt x="34" y="125"/>
                  <a:pt x="34" y="124"/>
                </a:cubicBezTo>
                <a:cubicBezTo>
                  <a:pt x="34" y="123"/>
                  <a:pt x="33" y="122"/>
                  <a:pt x="32" y="120"/>
                </a:cubicBezTo>
                <a:cubicBezTo>
                  <a:pt x="34" y="120"/>
                  <a:pt x="316" y="120"/>
                  <a:pt x="331" y="120"/>
                </a:cubicBezTo>
                <a:cubicBezTo>
                  <a:pt x="338" y="132"/>
                  <a:pt x="396" y="236"/>
                  <a:pt x="396" y="236"/>
                </a:cubicBezTo>
                <a:cubicBezTo>
                  <a:pt x="400" y="242"/>
                  <a:pt x="408" y="244"/>
                  <a:pt x="414" y="241"/>
                </a:cubicBezTo>
                <a:cubicBezTo>
                  <a:pt x="421" y="237"/>
                  <a:pt x="423" y="229"/>
                  <a:pt x="419" y="222"/>
                </a:cubicBezTo>
                <a:cubicBezTo>
                  <a:pt x="351" y="100"/>
                  <a:pt x="351" y="100"/>
                  <a:pt x="351" y="100"/>
                </a:cubicBezTo>
                <a:cubicBezTo>
                  <a:pt x="348" y="96"/>
                  <a:pt x="344" y="94"/>
                  <a:pt x="339" y="94"/>
                </a:cubicBezTo>
                <a:cubicBezTo>
                  <a:pt x="31" y="94"/>
                  <a:pt x="31" y="94"/>
                  <a:pt x="31" y="94"/>
                </a:cubicBezTo>
                <a:cubicBezTo>
                  <a:pt x="17" y="94"/>
                  <a:pt x="10" y="100"/>
                  <a:pt x="7" y="106"/>
                </a:cubicBezTo>
                <a:cubicBezTo>
                  <a:pt x="0" y="119"/>
                  <a:pt x="10" y="136"/>
                  <a:pt x="12" y="139"/>
                </a:cubicBezTo>
                <a:cubicBezTo>
                  <a:pt x="12" y="139"/>
                  <a:pt x="12" y="139"/>
                  <a:pt x="12" y="139"/>
                </a:cubicBezTo>
                <a:cubicBezTo>
                  <a:pt x="88" y="264"/>
                  <a:pt x="88" y="264"/>
                  <a:pt x="88" y="264"/>
                </a:cubicBezTo>
                <a:cubicBezTo>
                  <a:pt x="88" y="264"/>
                  <a:pt x="88" y="264"/>
                  <a:pt x="88" y="264"/>
                </a:cubicBezTo>
                <a:cubicBezTo>
                  <a:pt x="96" y="279"/>
                  <a:pt x="109" y="288"/>
                  <a:pt x="122" y="288"/>
                </a:cubicBezTo>
                <a:cubicBezTo>
                  <a:pt x="428" y="288"/>
                  <a:pt x="428" y="288"/>
                  <a:pt x="428" y="288"/>
                </a:cubicBezTo>
                <a:cubicBezTo>
                  <a:pt x="444" y="288"/>
                  <a:pt x="458" y="274"/>
                  <a:pt x="458" y="257"/>
                </a:cubicBezTo>
                <a:cubicBezTo>
                  <a:pt x="458" y="70"/>
                  <a:pt x="458" y="70"/>
                  <a:pt x="458" y="70"/>
                </a:cubicBezTo>
                <a:cubicBezTo>
                  <a:pt x="458" y="53"/>
                  <a:pt x="444" y="39"/>
                  <a:pt x="428" y="39"/>
                </a:cubicBezTo>
                <a:cubicBezTo>
                  <a:pt x="428" y="39"/>
                  <a:pt x="370" y="39"/>
                  <a:pt x="350" y="39"/>
                </a:cubicBezTo>
                <a:cubicBezTo>
                  <a:pt x="350" y="35"/>
                  <a:pt x="350" y="31"/>
                  <a:pt x="350" y="31"/>
                </a:cubicBezTo>
                <a:cubicBezTo>
                  <a:pt x="350" y="13"/>
                  <a:pt x="339" y="0"/>
                  <a:pt x="325" y="0"/>
                </a:cubicBezTo>
                <a:lnTo>
                  <a:pt x="225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2" name="Freeform 568"/>
          <p:cNvSpPr>
            <a:spLocks/>
          </p:cNvSpPr>
          <p:nvPr userDrawn="1"/>
        </p:nvSpPr>
        <p:spPr bwMode="auto">
          <a:xfrm>
            <a:off x="8754356" y="5098459"/>
            <a:ext cx="449263" cy="449263"/>
          </a:xfrm>
          <a:custGeom>
            <a:avLst/>
            <a:gdLst/>
            <a:ahLst/>
            <a:cxnLst>
              <a:cxn ang="0">
                <a:pos x="22" y="290"/>
              </a:cxn>
              <a:cxn ang="0">
                <a:pos x="52" y="66"/>
              </a:cxn>
              <a:cxn ang="0">
                <a:pos x="40" y="127"/>
              </a:cxn>
              <a:cxn ang="0">
                <a:pos x="130" y="361"/>
              </a:cxn>
              <a:cxn ang="0">
                <a:pos x="186" y="339"/>
              </a:cxn>
              <a:cxn ang="0">
                <a:pos x="183" y="322"/>
              </a:cxn>
              <a:cxn ang="0">
                <a:pos x="154" y="278"/>
              </a:cxn>
              <a:cxn ang="0">
                <a:pos x="163" y="257"/>
              </a:cxn>
              <a:cxn ang="0">
                <a:pos x="103" y="213"/>
              </a:cxn>
              <a:cxn ang="0">
                <a:pos x="69" y="113"/>
              </a:cxn>
              <a:cxn ang="0">
                <a:pos x="84" y="69"/>
              </a:cxn>
              <a:cxn ang="0">
                <a:pos x="93" y="31"/>
              </a:cxn>
              <a:cxn ang="0">
                <a:pos x="127" y="19"/>
              </a:cxn>
              <a:cxn ang="0">
                <a:pos x="147" y="29"/>
              </a:cxn>
              <a:cxn ang="0">
                <a:pos x="199" y="41"/>
              </a:cxn>
              <a:cxn ang="0">
                <a:pos x="249" y="91"/>
              </a:cxn>
              <a:cxn ang="0">
                <a:pos x="250" y="102"/>
              </a:cxn>
              <a:cxn ang="0">
                <a:pos x="238" y="119"/>
              </a:cxn>
              <a:cxn ang="0">
                <a:pos x="181" y="172"/>
              </a:cxn>
              <a:cxn ang="0">
                <a:pos x="172" y="167"/>
              </a:cxn>
              <a:cxn ang="0">
                <a:pos x="165" y="161"/>
              </a:cxn>
              <a:cxn ang="0">
                <a:pos x="151" y="167"/>
              </a:cxn>
              <a:cxn ang="0">
                <a:pos x="156" y="181"/>
              </a:cxn>
              <a:cxn ang="0">
                <a:pos x="177" y="197"/>
              </a:cxn>
              <a:cxn ang="0">
                <a:pos x="188" y="213"/>
              </a:cxn>
              <a:cxn ang="0">
                <a:pos x="201" y="208"/>
              </a:cxn>
              <a:cxn ang="0">
                <a:pos x="256" y="225"/>
              </a:cxn>
              <a:cxn ang="0">
                <a:pos x="330" y="259"/>
              </a:cxn>
              <a:cxn ang="0">
                <a:pos x="315" y="307"/>
              </a:cxn>
              <a:cxn ang="0">
                <a:pos x="283" y="354"/>
              </a:cxn>
              <a:cxn ang="0">
                <a:pos x="352" y="113"/>
              </a:cxn>
              <a:cxn ang="0">
                <a:pos x="170" y="26"/>
              </a:cxn>
              <a:cxn ang="0">
                <a:pos x="199" y="0"/>
              </a:cxn>
              <a:cxn ang="0">
                <a:pos x="399" y="200"/>
              </a:cxn>
              <a:cxn ang="0">
                <a:pos x="222" y="398"/>
              </a:cxn>
              <a:cxn ang="0">
                <a:pos x="265" y="324"/>
              </a:cxn>
              <a:cxn ang="0">
                <a:pos x="309" y="273"/>
              </a:cxn>
              <a:cxn ang="0">
                <a:pos x="208" y="233"/>
              </a:cxn>
              <a:cxn ang="0">
                <a:pos x="166" y="226"/>
              </a:cxn>
              <a:cxn ang="0">
                <a:pos x="132" y="192"/>
              </a:cxn>
              <a:cxn ang="0">
                <a:pos x="148" y="140"/>
              </a:cxn>
              <a:cxn ang="0">
                <a:pos x="182" y="144"/>
              </a:cxn>
              <a:cxn ang="0">
                <a:pos x="225" y="97"/>
              </a:cxn>
              <a:cxn ang="0">
                <a:pos x="185" y="62"/>
              </a:cxn>
              <a:cxn ang="0">
                <a:pos x="110" y="48"/>
              </a:cxn>
              <a:cxn ang="0">
                <a:pos x="95" y="111"/>
              </a:cxn>
              <a:cxn ang="0">
                <a:pos x="102" y="179"/>
              </a:cxn>
              <a:cxn ang="0">
                <a:pos x="159" y="224"/>
              </a:cxn>
              <a:cxn ang="0">
                <a:pos x="189" y="256"/>
              </a:cxn>
              <a:cxn ang="0">
                <a:pos x="178" y="276"/>
              </a:cxn>
              <a:cxn ang="0">
                <a:pos x="183" y="287"/>
              </a:cxn>
              <a:cxn ang="0">
                <a:pos x="210" y="332"/>
              </a:cxn>
              <a:cxn ang="0">
                <a:pos x="184" y="398"/>
              </a:cxn>
            </a:cxnLst>
            <a:rect l="0" t="0" r="r" b="b"/>
            <a:pathLst>
              <a:path w="399" h="398">
                <a:moveTo>
                  <a:pt x="183" y="398"/>
                </a:moveTo>
                <a:cubicBezTo>
                  <a:pt x="182" y="398"/>
                  <a:pt x="156" y="397"/>
                  <a:pt x="122" y="384"/>
                </a:cubicBezTo>
                <a:cubicBezTo>
                  <a:pt x="89" y="370"/>
                  <a:pt x="48" y="342"/>
                  <a:pt x="22" y="290"/>
                </a:cubicBezTo>
                <a:cubicBezTo>
                  <a:pt x="6" y="259"/>
                  <a:pt x="0" y="228"/>
                  <a:pt x="0" y="200"/>
                </a:cubicBezTo>
                <a:cubicBezTo>
                  <a:pt x="0" y="168"/>
                  <a:pt x="8" y="140"/>
                  <a:pt x="18" y="117"/>
                </a:cubicBezTo>
                <a:cubicBezTo>
                  <a:pt x="29" y="94"/>
                  <a:pt x="41" y="77"/>
                  <a:pt x="52" y="66"/>
                </a:cubicBezTo>
                <a:cubicBezTo>
                  <a:pt x="56" y="61"/>
                  <a:pt x="64" y="61"/>
                  <a:pt x="68" y="66"/>
                </a:cubicBezTo>
                <a:cubicBezTo>
                  <a:pt x="73" y="70"/>
                  <a:pt x="73" y="78"/>
                  <a:pt x="69" y="82"/>
                </a:cubicBezTo>
                <a:cubicBezTo>
                  <a:pt x="61" y="90"/>
                  <a:pt x="49" y="106"/>
                  <a:pt x="40" y="127"/>
                </a:cubicBezTo>
                <a:cubicBezTo>
                  <a:pt x="31" y="147"/>
                  <a:pt x="24" y="172"/>
                  <a:pt x="24" y="200"/>
                </a:cubicBezTo>
                <a:cubicBezTo>
                  <a:pt x="24" y="225"/>
                  <a:pt x="29" y="251"/>
                  <a:pt x="43" y="279"/>
                </a:cubicBezTo>
                <a:cubicBezTo>
                  <a:pt x="66" y="325"/>
                  <a:pt x="100" y="349"/>
                  <a:pt x="130" y="361"/>
                </a:cubicBezTo>
                <a:cubicBezTo>
                  <a:pt x="149" y="369"/>
                  <a:pt x="166" y="373"/>
                  <a:pt x="176" y="374"/>
                </a:cubicBezTo>
                <a:cubicBezTo>
                  <a:pt x="176" y="372"/>
                  <a:pt x="177" y="370"/>
                  <a:pt x="178" y="368"/>
                </a:cubicBezTo>
                <a:cubicBezTo>
                  <a:pt x="181" y="359"/>
                  <a:pt x="184" y="348"/>
                  <a:pt x="186" y="339"/>
                </a:cubicBezTo>
                <a:cubicBezTo>
                  <a:pt x="187" y="336"/>
                  <a:pt x="187" y="334"/>
                  <a:pt x="187" y="332"/>
                </a:cubicBezTo>
                <a:cubicBezTo>
                  <a:pt x="187" y="330"/>
                  <a:pt x="187" y="329"/>
                  <a:pt x="186" y="328"/>
                </a:cubicBezTo>
                <a:cubicBezTo>
                  <a:pt x="186" y="326"/>
                  <a:pt x="185" y="324"/>
                  <a:pt x="183" y="322"/>
                </a:cubicBezTo>
                <a:cubicBezTo>
                  <a:pt x="180" y="318"/>
                  <a:pt x="174" y="312"/>
                  <a:pt x="166" y="303"/>
                </a:cubicBezTo>
                <a:cubicBezTo>
                  <a:pt x="162" y="299"/>
                  <a:pt x="159" y="295"/>
                  <a:pt x="157" y="290"/>
                </a:cubicBezTo>
                <a:cubicBezTo>
                  <a:pt x="155" y="286"/>
                  <a:pt x="154" y="282"/>
                  <a:pt x="154" y="278"/>
                </a:cubicBezTo>
                <a:cubicBezTo>
                  <a:pt x="154" y="274"/>
                  <a:pt x="155" y="270"/>
                  <a:pt x="156" y="267"/>
                </a:cubicBezTo>
                <a:cubicBezTo>
                  <a:pt x="158" y="264"/>
                  <a:pt x="159" y="262"/>
                  <a:pt x="161" y="260"/>
                </a:cubicBezTo>
                <a:cubicBezTo>
                  <a:pt x="161" y="259"/>
                  <a:pt x="162" y="258"/>
                  <a:pt x="163" y="257"/>
                </a:cubicBezTo>
                <a:cubicBezTo>
                  <a:pt x="163" y="257"/>
                  <a:pt x="163" y="256"/>
                  <a:pt x="162" y="256"/>
                </a:cubicBezTo>
                <a:cubicBezTo>
                  <a:pt x="159" y="253"/>
                  <a:pt x="153" y="249"/>
                  <a:pt x="147" y="244"/>
                </a:cubicBezTo>
                <a:cubicBezTo>
                  <a:pt x="133" y="235"/>
                  <a:pt x="117" y="224"/>
                  <a:pt x="103" y="213"/>
                </a:cubicBezTo>
                <a:cubicBezTo>
                  <a:pt x="94" y="205"/>
                  <a:pt x="86" y="198"/>
                  <a:pt x="81" y="190"/>
                </a:cubicBezTo>
                <a:cubicBezTo>
                  <a:pt x="72" y="173"/>
                  <a:pt x="67" y="151"/>
                  <a:pt x="67" y="131"/>
                </a:cubicBezTo>
                <a:cubicBezTo>
                  <a:pt x="67" y="125"/>
                  <a:pt x="67" y="119"/>
                  <a:pt x="69" y="113"/>
                </a:cubicBezTo>
                <a:cubicBezTo>
                  <a:pt x="70" y="107"/>
                  <a:pt x="72" y="102"/>
                  <a:pt x="76" y="97"/>
                </a:cubicBezTo>
                <a:cubicBezTo>
                  <a:pt x="77" y="95"/>
                  <a:pt x="79" y="91"/>
                  <a:pt x="81" y="86"/>
                </a:cubicBezTo>
                <a:cubicBezTo>
                  <a:pt x="82" y="81"/>
                  <a:pt x="83" y="75"/>
                  <a:pt x="84" y="69"/>
                </a:cubicBezTo>
                <a:cubicBezTo>
                  <a:pt x="86" y="58"/>
                  <a:pt x="87" y="47"/>
                  <a:pt x="87" y="43"/>
                </a:cubicBezTo>
                <a:cubicBezTo>
                  <a:pt x="87" y="41"/>
                  <a:pt x="87" y="41"/>
                  <a:pt x="87" y="41"/>
                </a:cubicBezTo>
                <a:cubicBezTo>
                  <a:pt x="87" y="37"/>
                  <a:pt x="90" y="33"/>
                  <a:pt x="93" y="31"/>
                </a:cubicBezTo>
                <a:cubicBezTo>
                  <a:pt x="115" y="19"/>
                  <a:pt x="115" y="19"/>
                  <a:pt x="115" y="19"/>
                </a:cubicBezTo>
                <a:cubicBezTo>
                  <a:pt x="119" y="17"/>
                  <a:pt x="124" y="17"/>
                  <a:pt x="127" y="19"/>
                </a:cubicBezTo>
                <a:cubicBezTo>
                  <a:pt x="127" y="19"/>
                  <a:pt x="127" y="19"/>
                  <a:pt x="127" y="19"/>
                </a:cubicBezTo>
                <a:cubicBezTo>
                  <a:pt x="128" y="20"/>
                  <a:pt x="128" y="20"/>
                  <a:pt x="128" y="20"/>
                </a:cubicBezTo>
                <a:cubicBezTo>
                  <a:pt x="129" y="21"/>
                  <a:pt x="131" y="21"/>
                  <a:pt x="133" y="22"/>
                </a:cubicBezTo>
                <a:cubicBezTo>
                  <a:pt x="136" y="24"/>
                  <a:pt x="141" y="27"/>
                  <a:pt x="147" y="29"/>
                </a:cubicBezTo>
                <a:cubicBezTo>
                  <a:pt x="158" y="34"/>
                  <a:pt x="173" y="39"/>
                  <a:pt x="185" y="39"/>
                </a:cubicBezTo>
                <a:cubicBezTo>
                  <a:pt x="186" y="39"/>
                  <a:pt x="188" y="39"/>
                  <a:pt x="190" y="39"/>
                </a:cubicBezTo>
                <a:cubicBezTo>
                  <a:pt x="193" y="38"/>
                  <a:pt x="196" y="39"/>
                  <a:pt x="199" y="41"/>
                </a:cubicBezTo>
                <a:cubicBezTo>
                  <a:pt x="199" y="41"/>
                  <a:pt x="217" y="57"/>
                  <a:pt x="232" y="70"/>
                </a:cubicBezTo>
                <a:cubicBezTo>
                  <a:pt x="237" y="75"/>
                  <a:pt x="241" y="80"/>
                  <a:pt x="244" y="84"/>
                </a:cubicBezTo>
                <a:cubicBezTo>
                  <a:pt x="246" y="86"/>
                  <a:pt x="248" y="88"/>
                  <a:pt x="249" y="91"/>
                </a:cubicBezTo>
                <a:cubicBezTo>
                  <a:pt x="250" y="93"/>
                  <a:pt x="251" y="94"/>
                  <a:pt x="251" y="98"/>
                </a:cubicBezTo>
                <a:cubicBezTo>
                  <a:pt x="251" y="99"/>
                  <a:pt x="251" y="101"/>
                  <a:pt x="251" y="102"/>
                </a:cubicBezTo>
                <a:cubicBezTo>
                  <a:pt x="250" y="102"/>
                  <a:pt x="250" y="102"/>
                  <a:pt x="250" y="102"/>
                </a:cubicBezTo>
                <a:cubicBezTo>
                  <a:pt x="249" y="105"/>
                  <a:pt x="249" y="106"/>
                  <a:pt x="248" y="107"/>
                </a:cubicBezTo>
                <a:cubicBezTo>
                  <a:pt x="247" y="108"/>
                  <a:pt x="246" y="109"/>
                  <a:pt x="245" y="110"/>
                </a:cubicBezTo>
                <a:cubicBezTo>
                  <a:pt x="243" y="113"/>
                  <a:pt x="241" y="115"/>
                  <a:pt x="238" y="119"/>
                </a:cubicBezTo>
                <a:cubicBezTo>
                  <a:pt x="233" y="125"/>
                  <a:pt x="225" y="132"/>
                  <a:pt x="218" y="140"/>
                </a:cubicBezTo>
                <a:cubicBezTo>
                  <a:pt x="204" y="155"/>
                  <a:pt x="190" y="169"/>
                  <a:pt x="190" y="169"/>
                </a:cubicBezTo>
                <a:cubicBezTo>
                  <a:pt x="188" y="171"/>
                  <a:pt x="184" y="173"/>
                  <a:pt x="181" y="172"/>
                </a:cubicBezTo>
                <a:cubicBezTo>
                  <a:pt x="177" y="172"/>
                  <a:pt x="174" y="170"/>
                  <a:pt x="172" y="167"/>
                </a:cubicBezTo>
                <a:cubicBezTo>
                  <a:pt x="172" y="167"/>
                  <a:pt x="172" y="167"/>
                  <a:pt x="172" y="167"/>
                </a:cubicBezTo>
                <a:cubicBezTo>
                  <a:pt x="172" y="167"/>
                  <a:pt x="172" y="167"/>
                  <a:pt x="172" y="167"/>
                </a:cubicBezTo>
                <a:cubicBezTo>
                  <a:pt x="172" y="167"/>
                  <a:pt x="172" y="166"/>
                  <a:pt x="172" y="166"/>
                </a:cubicBezTo>
                <a:cubicBezTo>
                  <a:pt x="171" y="166"/>
                  <a:pt x="171" y="165"/>
                  <a:pt x="170" y="164"/>
                </a:cubicBezTo>
                <a:cubicBezTo>
                  <a:pt x="169" y="163"/>
                  <a:pt x="167" y="161"/>
                  <a:pt x="165" y="161"/>
                </a:cubicBezTo>
                <a:cubicBezTo>
                  <a:pt x="164" y="160"/>
                  <a:pt x="163" y="160"/>
                  <a:pt x="162" y="160"/>
                </a:cubicBezTo>
                <a:cubicBezTo>
                  <a:pt x="161" y="160"/>
                  <a:pt x="160" y="160"/>
                  <a:pt x="158" y="161"/>
                </a:cubicBezTo>
                <a:cubicBezTo>
                  <a:pt x="157" y="162"/>
                  <a:pt x="154" y="164"/>
                  <a:pt x="151" y="167"/>
                </a:cubicBezTo>
                <a:cubicBezTo>
                  <a:pt x="148" y="171"/>
                  <a:pt x="148" y="173"/>
                  <a:pt x="148" y="173"/>
                </a:cubicBezTo>
                <a:cubicBezTo>
                  <a:pt x="148" y="174"/>
                  <a:pt x="148" y="174"/>
                  <a:pt x="149" y="176"/>
                </a:cubicBezTo>
                <a:cubicBezTo>
                  <a:pt x="151" y="178"/>
                  <a:pt x="153" y="180"/>
                  <a:pt x="156" y="181"/>
                </a:cubicBezTo>
                <a:cubicBezTo>
                  <a:pt x="162" y="185"/>
                  <a:pt x="169" y="187"/>
                  <a:pt x="169" y="187"/>
                </a:cubicBezTo>
                <a:cubicBezTo>
                  <a:pt x="169" y="187"/>
                  <a:pt x="169" y="187"/>
                  <a:pt x="169" y="187"/>
                </a:cubicBezTo>
                <a:cubicBezTo>
                  <a:pt x="173" y="188"/>
                  <a:pt x="177" y="192"/>
                  <a:pt x="177" y="197"/>
                </a:cubicBezTo>
                <a:cubicBezTo>
                  <a:pt x="178" y="203"/>
                  <a:pt x="181" y="207"/>
                  <a:pt x="183" y="210"/>
                </a:cubicBezTo>
                <a:cubicBezTo>
                  <a:pt x="185" y="212"/>
                  <a:pt x="188" y="213"/>
                  <a:pt x="188" y="213"/>
                </a:cubicBezTo>
                <a:cubicBezTo>
                  <a:pt x="188" y="213"/>
                  <a:pt x="188" y="213"/>
                  <a:pt x="188" y="213"/>
                </a:cubicBezTo>
                <a:cubicBezTo>
                  <a:pt x="188" y="213"/>
                  <a:pt x="188" y="213"/>
                  <a:pt x="188" y="213"/>
                </a:cubicBezTo>
                <a:cubicBezTo>
                  <a:pt x="191" y="211"/>
                  <a:pt x="193" y="210"/>
                  <a:pt x="195" y="209"/>
                </a:cubicBezTo>
                <a:cubicBezTo>
                  <a:pt x="197" y="209"/>
                  <a:pt x="199" y="208"/>
                  <a:pt x="201" y="208"/>
                </a:cubicBezTo>
                <a:cubicBezTo>
                  <a:pt x="205" y="208"/>
                  <a:pt x="208" y="209"/>
                  <a:pt x="212" y="210"/>
                </a:cubicBezTo>
                <a:cubicBezTo>
                  <a:pt x="216" y="211"/>
                  <a:pt x="221" y="212"/>
                  <a:pt x="225" y="214"/>
                </a:cubicBezTo>
                <a:cubicBezTo>
                  <a:pt x="235" y="217"/>
                  <a:pt x="245" y="221"/>
                  <a:pt x="256" y="225"/>
                </a:cubicBezTo>
                <a:cubicBezTo>
                  <a:pt x="277" y="234"/>
                  <a:pt x="300" y="244"/>
                  <a:pt x="312" y="249"/>
                </a:cubicBezTo>
                <a:cubicBezTo>
                  <a:pt x="316" y="250"/>
                  <a:pt x="319" y="251"/>
                  <a:pt x="320" y="252"/>
                </a:cubicBezTo>
                <a:cubicBezTo>
                  <a:pt x="324" y="253"/>
                  <a:pt x="327" y="255"/>
                  <a:pt x="330" y="259"/>
                </a:cubicBezTo>
                <a:cubicBezTo>
                  <a:pt x="332" y="262"/>
                  <a:pt x="333" y="266"/>
                  <a:pt x="333" y="270"/>
                </a:cubicBezTo>
                <a:cubicBezTo>
                  <a:pt x="333" y="277"/>
                  <a:pt x="331" y="282"/>
                  <a:pt x="328" y="288"/>
                </a:cubicBezTo>
                <a:cubicBezTo>
                  <a:pt x="324" y="294"/>
                  <a:pt x="320" y="301"/>
                  <a:pt x="315" y="307"/>
                </a:cubicBezTo>
                <a:cubicBezTo>
                  <a:pt x="305" y="319"/>
                  <a:pt x="293" y="332"/>
                  <a:pt x="279" y="343"/>
                </a:cubicBezTo>
                <a:cubicBezTo>
                  <a:pt x="269" y="351"/>
                  <a:pt x="259" y="360"/>
                  <a:pt x="252" y="368"/>
                </a:cubicBezTo>
                <a:cubicBezTo>
                  <a:pt x="261" y="365"/>
                  <a:pt x="272" y="360"/>
                  <a:pt x="283" y="354"/>
                </a:cubicBezTo>
                <a:cubicBezTo>
                  <a:pt x="305" y="343"/>
                  <a:pt x="328" y="324"/>
                  <a:pt x="346" y="298"/>
                </a:cubicBezTo>
                <a:cubicBezTo>
                  <a:pt x="363" y="272"/>
                  <a:pt x="375" y="239"/>
                  <a:pt x="375" y="200"/>
                </a:cubicBezTo>
                <a:cubicBezTo>
                  <a:pt x="375" y="166"/>
                  <a:pt x="366" y="137"/>
                  <a:pt x="352" y="113"/>
                </a:cubicBezTo>
                <a:cubicBezTo>
                  <a:pt x="338" y="89"/>
                  <a:pt x="319" y="69"/>
                  <a:pt x="300" y="55"/>
                </a:cubicBezTo>
                <a:cubicBezTo>
                  <a:pt x="269" y="34"/>
                  <a:pt x="234" y="24"/>
                  <a:pt x="199" y="24"/>
                </a:cubicBezTo>
                <a:cubicBezTo>
                  <a:pt x="189" y="24"/>
                  <a:pt x="179" y="25"/>
                  <a:pt x="170" y="26"/>
                </a:cubicBezTo>
                <a:cubicBezTo>
                  <a:pt x="163" y="27"/>
                  <a:pt x="157" y="23"/>
                  <a:pt x="156" y="16"/>
                </a:cubicBezTo>
                <a:cubicBezTo>
                  <a:pt x="155" y="10"/>
                  <a:pt x="160" y="4"/>
                  <a:pt x="166" y="3"/>
                </a:cubicBezTo>
                <a:cubicBezTo>
                  <a:pt x="177" y="1"/>
                  <a:pt x="188" y="0"/>
                  <a:pt x="199" y="0"/>
                </a:cubicBezTo>
                <a:cubicBezTo>
                  <a:pt x="238" y="0"/>
                  <a:pt x="278" y="12"/>
                  <a:pt x="313" y="36"/>
                </a:cubicBezTo>
                <a:cubicBezTo>
                  <a:pt x="335" y="52"/>
                  <a:pt x="357" y="74"/>
                  <a:pt x="372" y="101"/>
                </a:cubicBezTo>
                <a:cubicBezTo>
                  <a:pt x="388" y="129"/>
                  <a:pt x="399" y="162"/>
                  <a:pt x="399" y="200"/>
                </a:cubicBezTo>
                <a:cubicBezTo>
                  <a:pt x="399" y="244"/>
                  <a:pt x="385" y="282"/>
                  <a:pt x="365" y="311"/>
                </a:cubicBezTo>
                <a:cubicBezTo>
                  <a:pt x="345" y="340"/>
                  <a:pt x="319" y="361"/>
                  <a:pt x="294" y="375"/>
                </a:cubicBezTo>
                <a:cubicBezTo>
                  <a:pt x="257" y="395"/>
                  <a:pt x="223" y="398"/>
                  <a:pt x="222" y="398"/>
                </a:cubicBezTo>
                <a:cubicBezTo>
                  <a:pt x="217" y="398"/>
                  <a:pt x="213" y="396"/>
                  <a:pt x="211" y="392"/>
                </a:cubicBezTo>
                <a:cubicBezTo>
                  <a:pt x="208" y="388"/>
                  <a:pt x="209" y="383"/>
                  <a:pt x="211" y="379"/>
                </a:cubicBezTo>
                <a:cubicBezTo>
                  <a:pt x="212" y="379"/>
                  <a:pt x="232" y="349"/>
                  <a:pt x="265" y="324"/>
                </a:cubicBezTo>
                <a:cubicBezTo>
                  <a:pt x="274" y="317"/>
                  <a:pt x="282" y="309"/>
                  <a:pt x="290" y="301"/>
                </a:cubicBezTo>
                <a:cubicBezTo>
                  <a:pt x="297" y="292"/>
                  <a:pt x="304" y="284"/>
                  <a:pt x="307" y="277"/>
                </a:cubicBezTo>
                <a:cubicBezTo>
                  <a:pt x="308" y="276"/>
                  <a:pt x="309" y="274"/>
                  <a:pt x="309" y="273"/>
                </a:cubicBezTo>
                <a:cubicBezTo>
                  <a:pt x="305" y="271"/>
                  <a:pt x="300" y="269"/>
                  <a:pt x="294" y="266"/>
                </a:cubicBezTo>
                <a:cubicBezTo>
                  <a:pt x="285" y="263"/>
                  <a:pt x="276" y="259"/>
                  <a:pt x="265" y="254"/>
                </a:cubicBezTo>
                <a:cubicBezTo>
                  <a:pt x="244" y="246"/>
                  <a:pt x="222" y="236"/>
                  <a:pt x="208" y="233"/>
                </a:cubicBezTo>
                <a:cubicBezTo>
                  <a:pt x="206" y="232"/>
                  <a:pt x="203" y="232"/>
                  <a:pt x="202" y="232"/>
                </a:cubicBezTo>
                <a:cubicBezTo>
                  <a:pt x="198" y="235"/>
                  <a:pt x="193" y="236"/>
                  <a:pt x="188" y="236"/>
                </a:cubicBezTo>
                <a:cubicBezTo>
                  <a:pt x="179" y="236"/>
                  <a:pt x="172" y="232"/>
                  <a:pt x="166" y="226"/>
                </a:cubicBezTo>
                <a:cubicBezTo>
                  <a:pt x="161" y="221"/>
                  <a:pt x="158" y="214"/>
                  <a:pt x="156" y="207"/>
                </a:cubicBezTo>
                <a:cubicBezTo>
                  <a:pt x="154" y="207"/>
                  <a:pt x="153" y="206"/>
                  <a:pt x="151" y="205"/>
                </a:cubicBezTo>
                <a:cubicBezTo>
                  <a:pt x="145" y="203"/>
                  <a:pt x="138" y="199"/>
                  <a:pt x="132" y="192"/>
                </a:cubicBezTo>
                <a:cubicBezTo>
                  <a:pt x="128" y="187"/>
                  <a:pt x="124" y="181"/>
                  <a:pt x="124" y="173"/>
                </a:cubicBezTo>
                <a:cubicBezTo>
                  <a:pt x="124" y="165"/>
                  <a:pt x="128" y="158"/>
                  <a:pt x="134" y="151"/>
                </a:cubicBezTo>
                <a:cubicBezTo>
                  <a:pt x="138" y="146"/>
                  <a:pt x="143" y="143"/>
                  <a:pt x="148" y="140"/>
                </a:cubicBezTo>
                <a:cubicBezTo>
                  <a:pt x="152" y="138"/>
                  <a:pt x="157" y="136"/>
                  <a:pt x="162" y="136"/>
                </a:cubicBezTo>
                <a:cubicBezTo>
                  <a:pt x="167" y="136"/>
                  <a:pt x="172" y="138"/>
                  <a:pt x="176" y="139"/>
                </a:cubicBezTo>
                <a:cubicBezTo>
                  <a:pt x="178" y="141"/>
                  <a:pt x="180" y="142"/>
                  <a:pt x="182" y="144"/>
                </a:cubicBezTo>
                <a:cubicBezTo>
                  <a:pt x="186" y="140"/>
                  <a:pt x="190" y="136"/>
                  <a:pt x="194" y="131"/>
                </a:cubicBezTo>
                <a:cubicBezTo>
                  <a:pt x="206" y="119"/>
                  <a:pt x="219" y="105"/>
                  <a:pt x="225" y="98"/>
                </a:cubicBezTo>
                <a:cubicBezTo>
                  <a:pt x="225" y="97"/>
                  <a:pt x="225" y="97"/>
                  <a:pt x="225" y="97"/>
                </a:cubicBezTo>
                <a:cubicBezTo>
                  <a:pt x="222" y="93"/>
                  <a:pt x="217" y="89"/>
                  <a:pt x="212" y="84"/>
                </a:cubicBezTo>
                <a:cubicBezTo>
                  <a:pt x="203" y="76"/>
                  <a:pt x="193" y="67"/>
                  <a:pt x="188" y="62"/>
                </a:cubicBezTo>
                <a:cubicBezTo>
                  <a:pt x="187" y="62"/>
                  <a:pt x="186" y="62"/>
                  <a:pt x="185" y="62"/>
                </a:cubicBezTo>
                <a:cubicBezTo>
                  <a:pt x="167" y="62"/>
                  <a:pt x="150" y="56"/>
                  <a:pt x="137" y="51"/>
                </a:cubicBezTo>
                <a:cubicBezTo>
                  <a:pt x="131" y="48"/>
                  <a:pt x="125" y="45"/>
                  <a:pt x="121" y="43"/>
                </a:cubicBezTo>
                <a:cubicBezTo>
                  <a:pt x="110" y="48"/>
                  <a:pt x="110" y="48"/>
                  <a:pt x="110" y="48"/>
                </a:cubicBezTo>
                <a:cubicBezTo>
                  <a:pt x="110" y="51"/>
                  <a:pt x="110" y="54"/>
                  <a:pt x="109" y="58"/>
                </a:cubicBezTo>
                <a:cubicBezTo>
                  <a:pt x="108" y="67"/>
                  <a:pt x="107" y="79"/>
                  <a:pt x="104" y="90"/>
                </a:cubicBezTo>
                <a:cubicBezTo>
                  <a:pt x="102" y="97"/>
                  <a:pt x="99" y="104"/>
                  <a:pt x="95" y="111"/>
                </a:cubicBezTo>
                <a:cubicBezTo>
                  <a:pt x="93" y="112"/>
                  <a:pt x="92" y="115"/>
                  <a:pt x="91" y="118"/>
                </a:cubicBezTo>
                <a:cubicBezTo>
                  <a:pt x="91" y="122"/>
                  <a:pt x="90" y="126"/>
                  <a:pt x="90" y="131"/>
                </a:cubicBezTo>
                <a:cubicBezTo>
                  <a:pt x="90" y="147"/>
                  <a:pt x="95" y="166"/>
                  <a:pt x="102" y="179"/>
                </a:cubicBezTo>
                <a:cubicBezTo>
                  <a:pt x="103" y="180"/>
                  <a:pt x="106" y="184"/>
                  <a:pt x="109" y="187"/>
                </a:cubicBezTo>
                <a:cubicBezTo>
                  <a:pt x="113" y="191"/>
                  <a:pt x="118" y="195"/>
                  <a:pt x="124" y="199"/>
                </a:cubicBezTo>
                <a:cubicBezTo>
                  <a:pt x="135" y="208"/>
                  <a:pt x="148" y="216"/>
                  <a:pt x="159" y="224"/>
                </a:cubicBezTo>
                <a:cubicBezTo>
                  <a:pt x="166" y="230"/>
                  <a:pt x="173" y="234"/>
                  <a:pt x="178" y="239"/>
                </a:cubicBezTo>
                <a:cubicBezTo>
                  <a:pt x="181" y="242"/>
                  <a:pt x="184" y="244"/>
                  <a:pt x="186" y="248"/>
                </a:cubicBezTo>
                <a:cubicBezTo>
                  <a:pt x="187" y="250"/>
                  <a:pt x="188" y="252"/>
                  <a:pt x="189" y="256"/>
                </a:cubicBezTo>
                <a:cubicBezTo>
                  <a:pt x="189" y="258"/>
                  <a:pt x="188" y="260"/>
                  <a:pt x="187" y="262"/>
                </a:cubicBezTo>
                <a:cubicBezTo>
                  <a:pt x="185" y="266"/>
                  <a:pt x="183" y="269"/>
                  <a:pt x="181" y="271"/>
                </a:cubicBezTo>
                <a:cubicBezTo>
                  <a:pt x="179" y="274"/>
                  <a:pt x="178" y="275"/>
                  <a:pt x="178" y="276"/>
                </a:cubicBezTo>
                <a:cubicBezTo>
                  <a:pt x="178" y="277"/>
                  <a:pt x="178" y="277"/>
                  <a:pt x="178" y="278"/>
                </a:cubicBezTo>
                <a:cubicBezTo>
                  <a:pt x="178" y="278"/>
                  <a:pt x="178" y="279"/>
                  <a:pt x="178" y="280"/>
                </a:cubicBezTo>
                <a:cubicBezTo>
                  <a:pt x="179" y="282"/>
                  <a:pt x="181" y="284"/>
                  <a:pt x="183" y="287"/>
                </a:cubicBezTo>
                <a:cubicBezTo>
                  <a:pt x="189" y="293"/>
                  <a:pt x="194" y="298"/>
                  <a:pt x="198" y="303"/>
                </a:cubicBezTo>
                <a:cubicBezTo>
                  <a:pt x="202" y="308"/>
                  <a:pt x="206" y="313"/>
                  <a:pt x="208" y="319"/>
                </a:cubicBezTo>
                <a:cubicBezTo>
                  <a:pt x="210" y="323"/>
                  <a:pt x="210" y="328"/>
                  <a:pt x="210" y="332"/>
                </a:cubicBezTo>
                <a:cubicBezTo>
                  <a:pt x="210" y="336"/>
                  <a:pt x="210" y="340"/>
                  <a:pt x="209" y="344"/>
                </a:cubicBezTo>
                <a:cubicBezTo>
                  <a:pt x="204" y="364"/>
                  <a:pt x="195" y="390"/>
                  <a:pt x="195" y="391"/>
                </a:cubicBezTo>
                <a:cubicBezTo>
                  <a:pt x="193" y="395"/>
                  <a:pt x="189" y="398"/>
                  <a:pt x="184" y="398"/>
                </a:cubicBezTo>
                <a:lnTo>
                  <a:pt x="183" y="398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3" name="Freeform 572"/>
          <p:cNvSpPr>
            <a:spLocks/>
          </p:cNvSpPr>
          <p:nvPr userDrawn="1"/>
        </p:nvSpPr>
        <p:spPr bwMode="auto">
          <a:xfrm>
            <a:off x="8749593" y="3741398"/>
            <a:ext cx="458788" cy="390525"/>
          </a:xfrm>
          <a:custGeom>
            <a:avLst/>
            <a:gdLst/>
            <a:ahLst/>
            <a:cxnLst>
              <a:cxn ang="0">
                <a:pos x="406" y="233"/>
              </a:cxn>
              <a:cxn ang="0">
                <a:pos x="383" y="124"/>
              </a:cxn>
              <a:cxn ang="0">
                <a:pos x="342" y="120"/>
              </a:cxn>
              <a:cxn ang="0">
                <a:pos x="333" y="124"/>
              </a:cxn>
              <a:cxn ang="0">
                <a:pos x="274" y="147"/>
              </a:cxn>
              <a:cxn ang="0">
                <a:pos x="241" y="103"/>
              </a:cxn>
              <a:cxn ang="0">
                <a:pos x="370" y="61"/>
              </a:cxn>
              <a:cxn ang="0">
                <a:pos x="240" y="19"/>
              </a:cxn>
              <a:cxn ang="0">
                <a:pos x="195" y="0"/>
              </a:cxn>
              <a:cxn ang="0">
                <a:pos x="83" y="29"/>
              </a:cxn>
              <a:cxn ang="0">
                <a:pos x="84" y="93"/>
              </a:cxn>
              <a:cxn ang="0">
                <a:pos x="165" y="129"/>
              </a:cxn>
              <a:cxn ang="0">
                <a:pos x="85" y="147"/>
              </a:cxn>
              <a:cxn ang="0">
                <a:pos x="73" y="123"/>
              </a:cxn>
              <a:cxn ang="0">
                <a:pos x="64" y="120"/>
              </a:cxn>
              <a:cxn ang="0">
                <a:pos x="23" y="124"/>
              </a:cxn>
              <a:cxn ang="0">
                <a:pos x="23" y="343"/>
              </a:cxn>
              <a:cxn ang="0">
                <a:pos x="64" y="346"/>
              </a:cxn>
              <a:cxn ang="0">
                <a:pos x="73" y="343"/>
              </a:cxn>
              <a:cxn ang="0">
                <a:pos x="82" y="220"/>
              </a:cxn>
              <a:cxn ang="0">
                <a:pos x="57" y="319"/>
              </a:cxn>
              <a:cxn ang="0">
                <a:pos x="36" y="310"/>
              </a:cxn>
              <a:cxn ang="0">
                <a:pos x="39" y="147"/>
              </a:cxn>
              <a:cxn ang="0">
                <a:pos x="62" y="163"/>
              </a:cxn>
              <a:cxn ang="0">
                <a:pos x="136" y="174"/>
              </a:cxn>
              <a:cxn ang="0">
                <a:pos x="137" y="174"/>
              </a:cxn>
              <a:cxn ang="0">
                <a:pos x="145" y="171"/>
              </a:cxn>
              <a:cxn ang="0">
                <a:pos x="182" y="153"/>
              </a:cxn>
              <a:cxn ang="0">
                <a:pos x="192" y="139"/>
              </a:cxn>
              <a:cxn ang="0">
                <a:pos x="179" y="77"/>
              </a:cxn>
              <a:cxn ang="0">
                <a:pos x="71" y="60"/>
              </a:cxn>
              <a:cxn ang="0">
                <a:pos x="177" y="45"/>
              </a:cxn>
              <a:cxn ang="0">
                <a:pos x="190" y="32"/>
              </a:cxn>
              <a:cxn ang="0">
                <a:pos x="211" y="27"/>
              </a:cxn>
              <a:cxn ang="0">
                <a:pos x="216" y="32"/>
              </a:cxn>
              <a:cxn ang="0">
                <a:pos x="228" y="45"/>
              </a:cxn>
              <a:cxn ang="0">
                <a:pos x="335" y="60"/>
              </a:cxn>
              <a:cxn ang="0">
                <a:pos x="227" y="77"/>
              </a:cxn>
              <a:cxn ang="0">
                <a:pos x="214" y="90"/>
              </a:cxn>
              <a:cxn ang="0">
                <a:pos x="224" y="152"/>
              </a:cxn>
              <a:cxn ang="0">
                <a:pos x="261" y="171"/>
              </a:cxn>
              <a:cxn ang="0">
                <a:pos x="261" y="171"/>
              </a:cxn>
              <a:cxn ang="0">
                <a:pos x="332" y="174"/>
              </a:cxn>
              <a:cxn ang="0">
                <a:pos x="344" y="164"/>
              </a:cxn>
              <a:cxn ang="0">
                <a:pos x="366" y="147"/>
              </a:cxn>
              <a:cxn ang="0">
                <a:pos x="366" y="319"/>
              </a:cxn>
              <a:cxn ang="0">
                <a:pos x="344" y="303"/>
              </a:cxn>
              <a:cxn ang="0">
                <a:pos x="331" y="293"/>
              </a:cxn>
              <a:cxn ang="0">
                <a:pos x="123" y="293"/>
              </a:cxn>
              <a:cxn ang="0">
                <a:pos x="123" y="320"/>
              </a:cxn>
              <a:cxn ang="0">
                <a:pos x="333" y="343"/>
              </a:cxn>
              <a:cxn ang="0">
                <a:pos x="342" y="346"/>
              </a:cxn>
              <a:cxn ang="0">
                <a:pos x="383" y="343"/>
              </a:cxn>
              <a:cxn ang="0">
                <a:pos x="406" y="233"/>
              </a:cxn>
              <a:cxn ang="0">
                <a:pos x="406" y="233"/>
              </a:cxn>
              <a:cxn ang="0">
                <a:pos x="406" y="233"/>
              </a:cxn>
              <a:cxn ang="0">
                <a:pos x="406" y="233"/>
              </a:cxn>
              <a:cxn ang="0">
                <a:pos x="406" y="233"/>
              </a:cxn>
            </a:cxnLst>
            <a:rect l="0" t="0" r="r" b="b"/>
            <a:pathLst>
              <a:path w="406" h="346">
                <a:moveTo>
                  <a:pt x="406" y="233"/>
                </a:move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149"/>
                  <a:pt x="386" y="127"/>
                  <a:pt x="383" y="124"/>
                </a:cubicBezTo>
                <a:cubicBezTo>
                  <a:pt x="380" y="122"/>
                  <a:pt x="377" y="120"/>
                  <a:pt x="374" y="120"/>
                </a:cubicBezTo>
                <a:cubicBezTo>
                  <a:pt x="342" y="120"/>
                  <a:pt x="342" y="120"/>
                  <a:pt x="342" y="120"/>
                </a:cubicBezTo>
                <a:cubicBezTo>
                  <a:pt x="339" y="120"/>
                  <a:pt x="336" y="122"/>
                  <a:pt x="333" y="124"/>
                </a:cubicBezTo>
                <a:cubicBezTo>
                  <a:pt x="333" y="124"/>
                  <a:pt x="333" y="124"/>
                  <a:pt x="333" y="124"/>
                </a:cubicBezTo>
                <a:cubicBezTo>
                  <a:pt x="331" y="126"/>
                  <a:pt x="325" y="132"/>
                  <a:pt x="320" y="147"/>
                </a:cubicBezTo>
                <a:cubicBezTo>
                  <a:pt x="274" y="147"/>
                  <a:pt x="274" y="147"/>
                  <a:pt x="274" y="147"/>
                </a:cubicBezTo>
                <a:cubicBezTo>
                  <a:pt x="264" y="139"/>
                  <a:pt x="253" y="133"/>
                  <a:pt x="241" y="129"/>
                </a:cubicBezTo>
                <a:cubicBezTo>
                  <a:pt x="241" y="103"/>
                  <a:pt x="241" y="103"/>
                  <a:pt x="241" y="103"/>
                </a:cubicBezTo>
                <a:cubicBezTo>
                  <a:pt x="272" y="102"/>
                  <a:pt x="301" y="98"/>
                  <a:pt x="322" y="93"/>
                </a:cubicBezTo>
                <a:cubicBezTo>
                  <a:pt x="344" y="88"/>
                  <a:pt x="370" y="80"/>
                  <a:pt x="370" y="61"/>
                </a:cubicBezTo>
                <a:cubicBezTo>
                  <a:pt x="370" y="42"/>
                  <a:pt x="345" y="34"/>
                  <a:pt x="323" y="29"/>
                </a:cubicBezTo>
                <a:cubicBezTo>
                  <a:pt x="301" y="24"/>
                  <a:pt x="272" y="20"/>
                  <a:pt x="240" y="19"/>
                </a:cubicBezTo>
                <a:cubicBezTo>
                  <a:pt x="235" y="8"/>
                  <a:pt x="224" y="0"/>
                  <a:pt x="211" y="0"/>
                </a:cubicBezTo>
                <a:cubicBezTo>
                  <a:pt x="195" y="0"/>
                  <a:pt x="195" y="0"/>
                  <a:pt x="195" y="0"/>
                </a:cubicBezTo>
                <a:cubicBezTo>
                  <a:pt x="182" y="0"/>
                  <a:pt x="171" y="8"/>
                  <a:pt x="166" y="19"/>
                </a:cubicBezTo>
                <a:cubicBezTo>
                  <a:pt x="134" y="20"/>
                  <a:pt x="105" y="24"/>
                  <a:pt x="83" y="29"/>
                </a:cubicBezTo>
                <a:cubicBezTo>
                  <a:pt x="61" y="34"/>
                  <a:pt x="36" y="42"/>
                  <a:pt x="36" y="61"/>
                </a:cubicBezTo>
                <a:cubicBezTo>
                  <a:pt x="36" y="80"/>
                  <a:pt x="61" y="88"/>
                  <a:pt x="84" y="93"/>
                </a:cubicBezTo>
                <a:cubicBezTo>
                  <a:pt x="105" y="98"/>
                  <a:pt x="134" y="102"/>
                  <a:pt x="165" y="103"/>
                </a:cubicBezTo>
                <a:cubicBezTo>
                  <a:pt x="165" y="129"/>
                  <a:pt x="165" y="129"/>
                  <a:pt x="165" y="129"/>
                </a:cubicBezTo>
                <a:cubicBezTo>
                  <a:pt x="153" y="133"/>
                  <a:pt x="142" y="139"/>
                  <a:pt x="131" y="147"/>
                </a:cubicBezTo>
                <a:cubicBezTo>
                  <a:pt x="85" y="147"/>
                  <a:pt x="85" y="147"/>
                  <a:pt x="85" y="147"/>
                </a:cubicBezTo>
                <a:cubicBezTo>
                  <a:pt x="80" y="132"/>
                  <a:pt x="75" y="126"/>
                  <a:pt x="73" y="124"/>
                </a:cubicBezTo>
                <a:cubicBezTo>
                  <a:pt x="73" y="124"/>
                  <a:pt x="73" y="124"/>
                  <a:pt x="73" y="123"/>
                </a:cubicBezTo>
                <a:cubicBezTo>
                  <a:pt x="70" y="121"/>
                  <a:pt x="67" y="120"/>
                  <a:pt x="64" y="120"/>
                </a:cubicBezTo>
                <a:cubicBezTo>
                  <a:pt x="64" y="120"/>
                  <a:pt x="64" y="120"/>
                  <a:pt x="64" y="120"/>
                </a:cubicBezTo>
                <a:cubicBezTo>
                  <a:pt x="32" y="120"/>
                  <a:pt x="32" y="120"/>
                  <a:pt x="32" y="120"/>
                </a:cubicBezTo>
                <a:cubicBezTo>
                  <a:pt x="29" y="120"/>
                  <a:pt x="26" y="121"/>
                  <a:pt x="23" y="124"/>
                </a:cubicBezTo>
                <a:cubicBezTo>
                  <a:pt x="19" y="127"/>
                  <a:pt x="0" y="148"/>
                  <a:pt x="0" y="233"/>
                </a:cubicBezTo>
                <a:cubicBezTo>
                  <a:pt x="0" y="318"/>
                  <a:pt x="19" y="339"/>
                  <a:pt x="23" y="343"/>
                </a:cubicBezTo>
                <a:cubicBezTo>
                  <a:pt x="26" y="345"/>
                  <a:pt x="29" y="346"/>
                  <a:pt x="32" y="346"/>
                </a:cubicBezTo>
                <a:cubicBezTo>
                  <a:pt x="64" y="346"/>
                  <a:pt x="64" y="346"/>
                  <a:pt x="64" y="346"/>
                </a:cubicBezTo>
                <a:cubicBezTo>
                  <a:pt x="67" y="346"/>
                  <a:pt x="70" y="345"/>
                  <a:pt x="73" y="343"/>
                </a:cubicBezTo>
                <a:cubicBezTo>
                  <a:pt x="73" y="343"/>
                  <a:pt x="73" y="343"/>
                  <a:pt x="73" y="343"/>
                </a:cubicBezTo>
                <a:cubicBezTo>
                  <a:pt x="77" y="339"/>
                  <a:pt x="96" y="318"/>
                  <a:pt x="96" y="233"/>
                </a:cubicBezTo>
                <a:cubicBezTo>
                  <a:pt x="96" y="226"/>
                  <a:pt x="90" y="220"/>
                  <a:pt x="82" y="220"/>
                </a:cubicBezTo>
                <a:cubicBezTo>
                  <a:pt x="75" y="220"/>
                  <a:pt x="69" y="226"/>
                  <a:pt x="69" y="233"/>
                </a:cubicBezTo>
                <a:cubicBezTo>
                  <a:pt x="69" y="287"/>
                  <a:pt x="61" y="311"/>
                  <a:pt x="57" y="319"/>
                </a:cubicBezTo>
                <a:cubicBezTo>
                  <a:pt x="39" y="319"/>
                  <a:pt x="39" y="319"/>
                  <a:pt x="39" y="319"/>
                </a:cubicBezTo>
                <a:cubicBezTo>
                  <a:pt x="38" y="317"/>
                  <a:pt x="37" y="314"/>
                  <a:pt x="36" y="310"/>
                </a:cubicBezTo>
                <a:cubicBezTo>
                  <a:pt x="32" y="297"/>
                  <a:pt x="27" y="274"/>
                  <a:pt x="27" y="233"/>
                </a:cubicBezTo>
                <a:cubicBezTo>
                  <a:pt x="27" y="179"/>
                  <a:pt x="35" y="156"/>
                  <a:pt x="39" y="147"/>
                </a:cubicBezTo>
                <a:cubicBezTo>
                  <a:pt x="57" y="147"/>
                  <a:pt x="57" y="147"/>
                  <a:pt x="57" y="147"/>
                </a:cubicBezTo>
                <a:cubicBezTo>
                  <a:pt x="58" y="150"/>
                  <a:pt x="60" y="155"/>
                  <a:pt x="62" y="163"/>
                </a:cubicBezTo>
                <a:cubicBezTo>
                  <a:pt x="63" y="169"/>
                  <a:pt x="69" y="174"/>
                  <a:pt x="75" y="174"/>
                </a:cubicBezTo>
                <a:cubicBezTo>
                  <a:pt x="136" y="174"/>
                  <a:pt x="136" y="174"/>
                  <a:pt x="136" y="174"/>
                </a:cubicBezTo>
                <a:cubicBezTo>
                  <a:pt x="136" y="174"/>
                  <a:pt x="136" y="174"/>
                  <a:pt x="136" y="174"/>
                </a:cubicBezTo>
                <a:cubicBezTo>
                  <a:pt x="137" y="174"/>
                  <a:pt x="137" y="174"/>
                  <a:pt x="137" y="174"/>
                </a:cubicBezTo>
                <a:cubicBezTo>
                  <a:pt x="140" y="174"/>
                  <a:pt x="142" y="173"/>
                  <a:pt x="145" y="171"/>
                </a:cubicBezTo>
                <a:cubicBezTo>
                  <a:pt x="145" y="171"/>
                  <a:pt x="145" y="171"/>
                  <a:pt x="145" y="171"/>
                </a:cubicBezTo>
                <a:cubicBezTo>
                  <a:pt x="145" y="171"/>
                  <a:pt x="145" y="171"/>
                  <a:pt x="145" y="171"/>
                </a:cubicBezTo>
                <a:cubicBezTo>
                  <a:pt x="155" y="162"/>
                  <a:pt x="168" y="156"/>
                  <a:pt x="182" y="153"/>
                </a:cubicBezTo>
                <a:cubicBezTo>
                  <a:pt x="182" y="152"/>
                  <a:pt x="182" y="152"/>
                  <a:pt x="182" y="152"/>
                </a:cubicBezTo>
                <a:cubicBezTo>
                  <a:pt x="188" y="151"/>
                  <a:pt x="192" y="145"/>
                  <a:pt x="192" y="139"/>
                </a:cubicBezTo>
                <a:cubicBezTo>
                  <a:pt x="192" y="139"/>
                  <a:pt x="192" y="90"/>
                  <a:pt x="192" y="90"/>
                </a:cubicBezTo>
                <a:cubicBezTo>
                  <a:pt x="192" y="83"/>
                  <a:pt x="186" y="77"/>
                  <a:pt x="179" y="77"/>
                </a:cubicBezTo>
                <a:cubicBezTo>
                  <a:pt x="121" y="75"/>
                  <a:pt x="86" y="68"/>
                  <a:pt x="71" y="62"/>
                </a:cubicBezTo>
                <a:cubicBezTo>
                  <a:pt x="70" y="62"/>
                  <a:pt x="70" y="60"/>
                  <a:pt x="71" y="60"/>
                </a:cubicBezTo>
                <a:cubicBezTo>
                  <a:pt x="86" y="55"/>
                  <a:pt x="120" y="47"/>
                  <a:pt x="177" y="45"/>
                </a:cubicBezTo>
                <a:cubicBezTo>
                  <a:pt x="177" y="45"/>
                  <a:pt x="177" y="45"/>
                  <a:pt x="177" y="45"/>
                </a:cubicBezTo>
                <a:cubicBezTo>
                  <a:pt x="184" y="45"/>
                  <a:pt x="190" y="39"/>
                  <a:pt x="190" y="32"/>
                </a:cubicBezTo>
                <a:cubicBezTo>
                  <a:pt x="190" y="32"/>
                  <a:pt x="190" y="32"/>
                  <a:pt x="190" y="32"/>
                </a:cubicBezTo>
                <a:cubicBezTo>
                  <a:pt x="190" y="29"/>
                  <a:pt x="192" y="27"/>
                  <a:pt x="195" y="27"/>
                </a:cubicBezTo>
                <a:cubicBezTo>
                  <a:pt x="211" y="27"/>
                  <a:pt x="211" y="27"/>
                  <a:pt x="211" y="27"/>
                </a:cubicBezTo>
                <a:cubicBezTo>
                  <a:pt x="214" y="27"/>
                  <a:pt x="216" y="29"/>
                  <a:pt x="216" y="32"/>
                </a:cubicBezTo>
                <a:cubicBezTo>
                  <a:pt x="216" y="32"/>
                  <a:pt x="216" y="32"/>
                  <a:pt x="216" y="32"/>
                </a:cubicBezTo>
                <a:cubicBezTo>
                  <a:pt x="216" y="38"/>
                  <a:pt x="220" y="44"/>
                  <a:pt x="226" y="45"/>
                </a:cubicBezTo>
                <a:cubicBezTo>
                  <a:pt x="227" y="45"/>
                  <a:pt x="228" y="45"/>
                  <a:pt x="228" y="45"/>
                </a:cubicBezTo>
                <a:cubicBezTo>
                  <a:pt x="229" y="45"/>
                  <a:pt x="229" y="45"/>
                  <a:pt x="229" y="45"/>
                </a:cubicBezTo>
                <a:cubicBezTo>
                  <a:pt x="285" y="47"/>
                  <a:pt x="320" y="55"/>
                  <a:pt x="335" y="60"/>
                </a:cubicBezTo>
                <a:cubicBezTo>
                  <a:pt x="336" y="60"/>
                  <a:pt x="336" y="62"/>
                  <a:pt x="335" y="62"/>
                </a:cubicBezTo>
                <a:cubicBezTo>
                  <a:pt x="319" y="68"/>
                  <a:pt x="285" y="75"/>
                  <a:pt x="227" y="77"/>
                </a:cubicBezTo>
                <a:cubicBezTo>
                  <a:pt x="227" y="77"/>
                  <a:pt x="226" y="77"/>
                  <a:pt x="226" y="77"/>
                </a:cubicBezTo>
                <a:cubicBezTo>
                  <a:pt x="219" y="77"/>
                  <a:pt x="214" y="83"/>
                  <a:pt x="214" y="90"/>
                </a:cubicBezTo>
                <a:cubicBezTo>
                  <a:pt x="214" y="90"/>
                  <a:pt x="214" y="139"/>
                  <a:pt x="214" y="139"/>
                </a:cubicBezTo>
                <a:cubicBezTo>
                  <a:pt x="214" y="145"/>
                  <a:pt x="218" y="151"/>
                  <a:pt x="224" y="152"/>
                </a:cubicBezTo>
                <a:cubicBezTo>
                  <a:pt x="224" y="152"/>
                  <a:pt x="224" y="152"/>
                  <a:pt x="224" y="153"/>
                </a:cubicBezTo>
                <a:cubicBezTo>
                  <a:pt x="238" y="156"/>
                  <a:pt x="250" y="162"/>
                  <a:pt x="261" y="171"/>
                </a:cubicBezTo>
                <a:cubicBezTo>
                  <a:pt x="261" y="171"/>
                  <a:pt x="261" y="171"/>
                  <a:pt x="261" y="171"/>
                </a:cubicBezTo>
                <a:cubicBezTo>
                  <a:pt x="261" y="171"/>
                  <a:pt x="261" y="171"/>
                  <a:pt x="261" y="171"/>
                </a:cubicBezTo>
                <a:cubicBezTo>
                  <a:pt x="263" y="173"/>
                  <a:pt x="266" y="174"/>
                  <a:pt x="268" y="174"/>
                </a:cubicBezTo>
                <a:cubicBezTo>
                  <a:pt x="269" y="174"/>
                  <a:pt x="331" y="174"/>
                  <a:pt x="332" y="174"/>
                </a:cubicBezTo>
                <a:cubicBezTo>
                  <a:pt x="337" y="173"/>
                  <a:pt x="342" y="169"/>
                  <a:pt x="344" y="164"/>
                </a:cubicBezTo>
                <a:cubicBezTo>
                  <a:pt x="344" y="164"/>
                  <a:pt x="344" y="164"/>
                  <a:pt x="344" y="164"/>
                </a:cubicBezTo>
                <a:cubicBezTo>
                  <a:pt x="346" y="156"/>
                  <a:pt x="348" y="151"/>
                  <a:pt x="349" y="147"/>
                </a:cubicBezTo>
                <a:cubicBezTo>
                  <a:pt x="366" y="147"/>
                  <a:pt x="366" y="147"/>
                  <a:pt x="366" y="147"/>
                </a:cubicBezTo>
                <a:cubicBezTo>
                  <a:pt x="371" y="156"/>
                  <a:pt x="379" y="179"/>
                  <a:pt x="379" y="233"/>
                </a:cubicBezTo>
                <a:cubicBezTo>
                  <a:pt x="379" y="287"/>
                  <a:pt x="371" y="311"/>
                  <a:pt x="366" y="319"/>
                </a:cubicBezTo>
                <a:cubicBezTo>
                  <a:pt x="349" y="319"/>
                  <a:pt x="349" y="319"/>
                  <a:pt x="349" y="319"/>
                </a:cubicBezTo>
                <a:cubicBezTo>
                  <a:pt x="348" y="316"/>
                  <a:pt x="346" y="311"/>
                  <a:pt x="344" y="303"/>
                </a:cubicBezTo>
                <a:cubicBezTo>
                  <a:pt x="344" y="303"/>
                  <a:pt x="344" y="303"/>
                  <a:pt x="344" y="302"/>
                </a:cubicBezTo>
                <a:cubicBezTo>
                  <a:pt x="342" y="297"/>
                  <a:pt x="337" y="293"/>
                  <a:pt x="331" y="293"/>
                </a:cubicBezTo>
                <a:cubicBezTo>
                  <a:pt x="331" y="293"/>
                  <a:pt x="331" y="293"/>
                  <a:pt x="331" y="293"/>
                </a:cubicBezTo>
                <a:cubicBezTo>
                  <a:pt x="123" y="293"/>
                  <a:pt x="123" y="293"/>
                  <a:pt x="123" y="293"/>
                </a:cubicBezTo>
                <a:cubicBezTo>
                  <a:pt x="116" y="293"/>
                  <a:pt x="110" y="299"/>
                  <a:pt x="110" y="306"/>
                </a:cubicBezTo>
                <a:cubicBezTo>
                  <a:pt x="110" y="314"/>
                  <a:pt x="116" y="320"/>
                  <a:pt x="123" y="320"/>
                </a:cubicBezTo>
                <a:cubicBezTo>
                  <a:pt x="320" y="320"/>
                  <a:pt x="320" y="320"/>
                  <a:pt x="320" y="320"/>
                </a:cubicBezTo>
                <a:cubicBezTo>
                  <a:pt x="325" y="334"/>
                  <a:pt x="331" y="341"/>
                  <a:pt x="333" y="343"/>
                </a:cubicBezTo>
                <a:cubicBezTo>
                  <a:pt x="333" y="343"/>
                  <a:pt x="333" y="343"/>
                  <a:pt x="333" y="343"/>
                </a:cubicBezTo>
                <a:cubicBezTo>
                  <a:pt x="336" y="345"/>
                  <a:pt x="339" y="346"/>
                  <a:pt x="342" y="346"/>
                </a:cubicBezTo>
                <a:cubicBezTo>
                  <a:pt x="374" y="346"/>
                  <a:pt x="374" y="346"/>
                  <a:pt x="374" y="346"/>
                </a:cubicBezTo>
                <a:cubicBezTo>
                  <a:pt x="377" y="346"/>
                  <a:pt x="380" y="345"/>
                  <a:pt x="383" y="343"/>
                </a:cubicBezTo>
                <a:cubicBezTo>
                  <a:pt x="386" y="339"/>
                  <a:pt x="406" y="318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4" name="Freeform 632"/>
          <p:cNvSpPr>
            <a:spLocks/>
          </p:cNvSpPr>
          <p:nvPr userDrawn="1"/>
        </p:nvSpPr>
        <p:spPr bwMode="auto">
          <a:xfrm>
            <a:off x="8837700" y="2499736"/>
            <a:ext cx="282575" cy="284163"/>
          </a:xfrm>
          <a:custGeom>
            <a:avLst/>
            <a:gdLst/>
            <a:ahLst/>
            <a:cxnLst>
              <a:cxn ang="0">
                <a:pos x="112" y="242"/>
              </a:cxn>
              <a:cxn ang="0">
                <a:pos x="103" y="214"/>
              </a:cxn>
              <a:cxn ang="0">
                <a:pos x="103" y="214"/>
              </a:cxn>
              <a:cxn ang="0">
                <a:pos x="103" y="214"/>
              </a:cxn>
              <a:cxn ang="0">
                <a:pos x="98" y="138"/>
              </a:cxn>
              <a:cxn ang="0">
                <a:pos x="91" y="141"/>
              </a:cxn>
              <a:cxn ang="0">
                <a:pos x="82" y="142"/>
              </a:cxn>
              <a:cxn ang="0">
                <a:pos x="64" y="136"/>
              </a:cxn>
              <a:cxn ang="0">
                <a:pos x="52" y="118"/>
              </a:cxn>
              <a:cxn ang="0">
                <a:pos x="51" y="110"/>
              </a:cxn>
              <a:cxn ang="0">
                <a:pos x="69" y="80"/>
              </a:cxn>
              <a:cxn ang="0">
                <a:pos x="69" y="80"/>
              </a:cxn>
              <a:cxn ang="0">
                <a:pos x="134" y="45"/>
              </a:cxn>
              <a:cxn ang="0">
                <a:pos x="135" y="45"/>
              </a:cxn>
              <a:cxn ang="0">
                <a:pos x="144" y="43"/>
              </a:cxn>
              <a:cxn ang="0">
                <a:pos x="166" y="53"/>
              </a:cxn>
              <a:cxn ang="0">
                <a:pos x="174" y="76"/>
              </a:cxn>
              <a:cxn ang="0">
                <a:pos x="174" y="195"/>
              </a:cxn>
              <a:cxn ang="0">
                <a:pos x="164" y="205"/>
              </a:cxn>
              <a:cxn ang="0">
                <a:pos x="155" y="195"/>
              </a:cxn>
              <a:cxn ang="0">
                <a:pos x="155" y="76"/>
              </a:cxn>
              <a:cxn ang="0">
                <a:pos x="152" y="65"/>
              </a:cxn>
              <a:cxn ang="0">
                <a:pos x="144" y="62"/>
              </a:cxn>
              <a:cxn ang="0">
                <a:pos x="139" y="63"/>
              </a:cxn>
              <a:cxn ang="0">
                <a:pos x="117" y="73"/>
              </a:cxn>
              <a:cxn ang="0">
                <a:pos x="117" y="73"/>
              </a:cxn>
              <a:cxn ang="0">
                <a:pos x="78" y="96"/>
              </a:cxn>
              <a:cxn ang="0">
                <a:pos x="70" y="110"/>
              </a:cxn>
              <a:cxn ang="0">
                <a:pos x="70" y="114"/>
              </a:cxn>
              <a:cxn ang="0">
                <a:pos x="75" y="121"/>
              </a:cxn>
              <a:cxn ang="0">
                <a:pos x="82" y="124"/>
              </a:cxn>
              <a:cxn ang="0">
                <a:pos x="86" y="123"/>
              </a:cxn>
              <a:cxn ang="0">
                <a:pos x="90" y="122"/>
              </a:cxn>
              <a:cxn ang="0">
                <a:pos x="122" y="214"/>
              </a:cxn>
              <a:cxn ang="0">
                <a:pos x="122" y="214"/>
              </a:cxn>
              <a:cxn ang="0">
                <a:pos x="125" y="228"/>
              </a:cxn>
              <a:cxn ang="0">
                <a:pos x="130" y="232"/>
              </a:cxn>
              <a:cxn ang="0">
                <a:pos x="136" y="233"/>
              </a:cxn>
              <a:cxn ang="0">
                <a:pos x="141" y="233"/>
              </a:cxn>
              <a:cxn ang="0">
                <a:pos x="141" y="233"/>
              </a:cxn>
              <a:cxn ang="0">
                <a:pos x="207" y="199"/>
              </a:cxn>
              <a:cxn ang="0">
                <a:pos x="232" y="127"/>
              </a:cxn>
              <a:cxn ang="0">
                <a:pos x="203" y="49"/>
              </a:cxn>
              <a:cxn ang="0">
                <a:pos x="126" y="19"/>
              </a:cxn>
              <a:cxn ang="0">
                <a:pos x="48" y="49"/>
              </a:cxn>
              <a:cxn ang="0">
                <a:pos x="19" y="126"/>
              </a:cxn>
              <a:cxn ang="0">
                <a:pos x="77" y="224"/>
              </a:cxn>
              <a:cxn ang="0">
                <a:pos x="82" y="236"/>
              </a:cxn>
              <a:cxn ang="0">
                <a:pos x="69" y="241"/>
              </a:cxn>
              <a:cxn ang="0">
                <a:pos x="0" y="126"/>
              </a:cxn>
              <a:cxn ang="0">
                <a:pos x="35" y="36"/>
              </a:cxn>
              <a:cxn ang="0">
                <a:pos x="126" y="0"/>
              </a:cxn>
              <a:cxn ang="0">
                <a:pos x="216" y="36"/>
              </a:cxn>
              <a:cxn ang="0">
                <a:pos x="251" y="127"/>
              </a:cxn>
              <a:cxn ang="0">
                <a:pos x="221" y="211"/>
              </a:cxn>
              <a:cxn ang="0">
                <a:pos x="144" y="251"/>
              </a:cxn>
              <a:cxn ang="0">
                <a:pos x="143" y="251"/>
              </a:cxn>
              <a:cxn ang="0">
                <a:pos x="136" y="252"/>
              </a:cxn>
              <a:cxn ang="0">
                <a:pos x="123" y="250"/>
              </a:cxn>
            </a:cxnLst>
            <a:rect l="0" t="0" r="r" b="b"/>
            <a:pathLst>
              <a:path w="251" h="252">
                <a:moveTo>
                  <a:pt x="123" y="250"/>
                </a:moveTo>
                <a:cubicBezTo>
                  <a:pt x="119" y="248"/>
                  <a:pt x="115" y="246"/>
                  <a:pt x="112" y="242"/>
                </a:cubicBezTo>
                <a:cubicBezTo>
                  <a:pt x="112" y="242"/>
                  <a:pt x="112" y="242"/>
                  <a:pt x="112" y="242"/>
                </a:cubicBezTo>
                <a:cubicBezTo>
                  <a:pt x="106" y="235"/>
                  <a:pt x="103" y="226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135"/>
                  <a:pt x="103" y="135"/>
                  <a:pt x="103" y="135"/>
                </a:cubicBezTo>
                <a:cubicBezTo>
                  <a:pt x="98" y="138"/>
                  <a:pt x="98" y="138"/>
                  <a:pt x="98" y="138"/>
                </a:cubicBezTo>
                <a:cubicBezTo>
                  <a:pt x="98" y="138"/>
                  <a:pt x="98" y="138"/>
                  <a:pt x="98" y="138"/>
                </a:cubicBezTo>
                <a:cubicBezTo>
                  <a:pt x="96" y="139"/>
                  <a:pt x="94" y="140"/>
                  <a:pt x="91" y="141"/>
                </a:cubicBezTo>
                <a:cubicBezTo>
                  <a:pt x="91" y="141"/>
                  <a:pt x="91" y="141"/>
                  <a:pt x="91" y="141"/>
                </a:cubicBezTo>
                <a:cubicBezTo>
                  <a:pt x="88" y="142"/>
                  <a:pt x="85" y="142"/>
                  <a:pt x="82" y="142"/>
                </a:cubicBezTo>
                <a:cubicBezTo>
                  <a:pt x="82" y="142"/>
                  <a:pt x="82" y="142"/>
                  <a:pt x="82" y="142"/>
                </a:cubicBezTo>
                <a:cubicBezTo>
                  <a:pt x="76" y="142"/>
                  <a:pt x="69" y="140"/>
                  <a:pt x="64" y="136"/>
                </a:cubicBezTo>
                <a:cubicBezTo>
                  <a:pt x="64" y="136"/>
                  <a:pt x="64" y="136"/>
                  <a:pt x="64" y="136"/>
                </a:cubicBezTo>
                <a:cubicBezTo>
                  <a:pt x="59" y="132"/>
                  <a:pt x="54" y="126"/>
                  <a:pt x="52" y="118"/>
                </a:cubicBezTo>
                <a:cubicBezTo>
                  <a:pt x="52" y="118"/>
                  <a:pt x="52" y="118"/>
                  <a:pt x="52" y="118"/>
                </a:cubicBezTo>
                <a:cubicBezTo>
                  <a:pt x="52" y="116"/>
                  <a:pt x="51" y="113"/>
                  <a:pt x="51" y="110"/>
                </a:cubicBezTo>
                <a:cubicBezTo>
                  <a:pt x="51" y="110"/>
                  <a:pt x="51" y="110"/>
                  <a:pt x="51" y="110"/>
                </a:cubicBezTo>
                <a:cubicBezTo>
                  <a:pt x="51" y="98"/>
                  <a:pt x="57" y="86"/>
                  <a:pt x="69" y="80"/>
                </a:cubicBezTo>
                <a:cubicBezTo>
                  <a:pt x="69" y="80"/>
                  <a:pt x="69" y="80"/>
                  <a:pt x="69" y="80"/>
                </a:cubicBezTo>
                <a:cubicBezTo>
                  <a:pt x="69" y="80"/>
                  <a:pt x="69" y="80"/>
                  <a:pt x="69" y="80"/>
                </a:cubicBezTo>
                <a:cubicBezTo>
                  <a:pt x="107" y="57"/>
                  <a:pt x="107" y="57"/>
                  <a:pt x="107" y="57"/>
                </a:cubicBezTo>
                <a:cubicBezTo>
                  <a:pt x="117" y="51"/>
                  <a:pt x="126" y="47"/>
                  <a:pt x="134" y="45"/>
                </a:cubicBezTo>
                <a:cubicBezTo>
                  <a:pt x="134" y="45"/>
                  <a:pt x="134" y="45"/>
                  <a:pt x="134" y="45"/>
                </a:cubicBezTo>
                <a:cubicBezTo>
                  <a:pt x="135" y="45"/>
                  <a:pt x="135" y="45"/>
                  <a:pt x="135" y="45"/>
                </a:cubicBezTo>
                <a:cubicBezTo>
                  <a:pt x="138" y="44"/>
                  <a:pt x="141" y="43"/>
                  <a:pt x="144" y="43"/>
                </a:cubicBezTo>
                <a:cubicBezTo>
                  <a:pt x="144" y="43"/>
                  <a:pt x="144" y="43"/>
                  <a:pt x="144" y="43"/>
                </a:cubicBezTo>
                <a:cubicBezTo>
                  <a:pt x="153" y="43"/>
                  <a:pt x="161" y="47"/>
                  <a:pt x="166" y="53"/>
                </a:cubicBezTo>
                <a:cubicBezTo>
                  <a:pt x="166" y="53"/>
                  <a:pt x="166" y="53"/>
                  <a:pt x="166" y="53"/>
                </a:cubicBezTo>
                <a:cubicBezTo>
                  <a:pt x="171" y="59"/>
                  <a:pt x="174" y="67"/>
                  <a:pt x="174" y="76"/>
                </a:cubicBezTo>
                <a:cubicBezTo>
                  <a:pt x="174" y="76"/>
                  <a:pt x="174" y="76"/>
                  <a:pt x="174" y="76"/>
                </a:cubicBezTo>
                <a:cubicBezTo>
                  <a:pt x="174" y="76"/>
                  <a:pt x="174" y="76"/>
                  <a:pt x="174" y="76"/>
                </a:cubicBezTo>
                <a:cubicBezTo>
                  <a:pt x="174" y="195"/>
                  <a:pt x="174" y="195"/>
                  <a:pt x="174" y="195"/>
                </a:cubicBezTo>
                <a:cubicBezTo>
                  <a:pt x="174" y="200"/>
                  <a:pt x="170" y="205"/>
                  <a:pt x="164" y="205"/>
                </a:cubicBezTo>
                <a:cubicBezTo>
                  <a:pt x="164" y="205"/>
                  <a:pt x="164" y="205"/>
                  <a:pt x="164" y="205"/>
                </a:cubicBezTo>
                <a:cubicBezTo>
                  <a:pt x="159" y="205"/>
                  <a:pt x="155" y="200"/>
                  <a:pt x="155" y="195"/>
                </a:cubicBezTo>
                <a:cubicBezTo>
                  <a:pt x="155" y="195"/>
                  <a:pt x="155" y="195"/>
                  <a:pt x="155" y="195"/>
                </a:cubicBezTo>
                <a:cubicBezTo>
                  <a:pt x="155" y="76"/>
                  <a:pt x="155" y="76"/>
                  <a:pt x="155" y="76"/>
                </a:cubicBezTo>
                <a:cubicBezTo>
                  <a:pt x="155" y="76"/>
                  <a:pt x="155" y="76"/>
                  <a:pt x="155" y="76"/>
                </a:cubicBezTo>
                <a:cubicBezTo>
                  <a:pt x="155" y="71"/>
                  <a:pt x="153" y="67"/>
                  <a:pt x="152" y="65"/>
                </a:cubicBezTo>
                <a:cubicBezTo>
                  <a:pt x="152" y="65"/>
                  <a:pt x="152" y="65"/>
                  <a:pt x="152" y="65"/>
                </a:cubicBezTo>
                <a:cubicBezTo>
                  <a:pt x="150" y="63"/>
                  <a:pt x="148" y="62"/>
                  <a:pt x="144" y="62"/>
                </a:cubicBezTo>
                <a:cubicBezTo>
                  <a:pt x="144" y="62"/>
                  <a:pt x="144" y="62"/>
                  <a:pt x="144" y="62"/>
                </a:cubicBezTo>
                <a:cubicBezTo>
                  <a:pt x="143" y="62"/>
                  <a:pt x="141" y="62"/>
                  <a:pt x="139" y="63"/>
                </a:cubicBezTo>
                <a:cubicBezTo>
                  <a:pt x="139" y="63"/>
                  <a:pt x="139" y="63"/>
                  <a:pt x="139" y="63"/>
                </a:cubicBezTo>
                <a:cubicBezTo>
                  <a:pt x="139" y="63"/>
                  <a:pt x="139" y="63"/>
                  <a:pt x="139" y="63"/>
                </a:cubicBezTo>
                <a:cubicBezTo>
                  <a:pt x="133" y="64"/>
                  <a:pt x="126" y="68"/>
                  <a:pt x="117" y="73"/>
                </a:cubicBezTo>
                <a:cubicBezTo>
                  <a:pt x="117" y="73"/>
                  <a:pt x="117" y="73"/>
                  <a:pt x="117" y="73"/>
                </a:cubicBezTo>
                <a:cubicBezTo>
                  <a:pt x="117" y="73"/>
                  <a:pt x="117" y="73"/>
                  <a:pt x="117" y="73"/>
                </a:cubicBezTo>
                <a:cubicBezTo>
                  <a:pt x="78" y="96"/>
                  <a:pt x="78" y="96"/>
                  <a:pt x="78" y="96"/>
                </a:cubicBezTo>
                <a:cubicBezTo>
                  <a:pt x="78" y="96"/>
                  <a:pt x="78" y="96"/>
                  <a:pt x="78" y="96"/>
                </a:cubicBezTo>
                <a:cubicBezTo>
                  <a:pt x="73" y="99"/>
                  <a:pt x="70" y="104"/>
                  <a:pt x="70" y="110"/>
                </a:cubicBezTo>
                <a:cubicBezTo>
                  <a:pt x="70" y="110"/>
                  <a:pt x="70" y="110"/>
                  <a:pt x="70" y="110"/>
                </a:cubicBezTo>
                <a:cubicBezTo>
                  <a:pt x="70" y="111"/>
                  <a:pt x="70" y="112"/>
                  <a:pt x="70" y="114"/>
                </a:cubicBezTo>
                <a:cubicBezTo>
                  <a:pt x="70" y="114"/>
                  <a:pt x="70" y="114"/>
                  <a:pt x="70" y="114"/>
                </a:cubicBezTo>
                <a:cubicBezTo>
                  <a:pt x="72" y="118"/>
                  <a:pt x="73" y="120"/>
                  <a:pt x="75" y="121"/>
                </a:cubicBezTo>
                <a:cubicBezTo>
                  <a:pt x="75" y="121"/>
                  <a:pt x="75" y="121"/>
                  <a:pt x="75" y="121"/>
                </a:cubicBezTo>
                <a:cubicBezTo>
                  <a:pt x="77" y="123"/>
                  <a:pt x="79" y="124"/>
                  <a:pt x="82" y="124"/>
                </a:cubicBezTo>
                <a:cubicBezTo>
                  <a:pt x="82" y="124"/>
                  <a:pt x="82" y="124"/>
                  <a:pt x="82" y="124"/>
                </a:cubicBezTo>
                <a:cubicBezTo>
                  <a:pt x="83" y="124"/>
                  <a:pt x="85" y="124"/>
                  <a:pt x="86" y="123"/>
                </a:cubicBezTo>
                <a:cubicBezTo>
                  <a:pt x="86" y="123"/>
                  <a:pt x="86" y="123"/>
                  <a:pt x="86" y="123"/>
                </a:cubicBezTo>
                <a:cubicBezTo>
                  <a:pt x="86" y="123"/>
                  <a:pt x="88" y="122"/>
                  <a:pt x="90" y="122"/>
                </a:cubicBezTo>
                <a:cubicBezTo>
                  <a:pt x="90" y="122"/>
                  <a:pt x="90" y="122"/>
                  <a:pt x="90" y="122"/>
                </a:cubicBezTo>
                <a:cubicBezTo>
                  <a:pt x="122" y="104"/>
                  <a:pt x="122" y="104"/>
                  <a:pt x="122" y="104"/>
                </a:cubicBezTo>
                <a:cubicBezTo>
                  <a:pt x="122" y="214"/>
                  <a:pt x="122" y="214"/>
                  <a:pt x="122" y="214"/>
                </a:cubicBezTo>
                <a:cubicBezTo>
                  <a:pt x="122" y="214"/>
                  <a:pt x="122" y="214"/>
                  <a:pt x="122" y="214"/>
                </a:cubicBezTo>
                <a:cubicBezTo>
                  <a:pt x="122" y="214"/>
                  <a:pt x="122" y="214"/>
                  <a:pt x="122" y="214"/>
                </a:cubicBezTo>
                <a:cubicBezTo>
                  <a:pt x="122" y="221"/>
                  <a:pt x="123" y="225"/>
                  <a:pt x="125" y="228"/>
                </a:cubicBezTo>
                <a:cubicBezTo>
                  <a:pt x="125" y="228"/>
                  <a:pt x="125" y="228"/>
                  <a:pt x="125" y="228"/>
                </a:cubicBezTo>
                <a:cubicBezTo>
                  <a:pt x="126" y="230"/>
                  <a:pt x="127" y="231"/>
                  <a:pt x="130" y="232"/>
                </a:cubicBezTo>
                <a:cubicBezTo>
                  <a:pt x="130" y="232"/>
                  <a:pt x="130" y="232"/>
                  <a:pt x="130" y="232"/>
                </a:cubicBezTo>
                <a:cubicBezTo>
                  <a:pt x="131" y="233"/>
                  <a:pt x="133" y="233"/>
                  <a:pt x="136" y="233"/>
                </a:cubicBezTo>
                <a:cubicBezTo>
                  <a:pt x="136" y="233"/>
                  <a:pt x="136" y="233"/>
                  <a:pt x="136" y="233"/>
                </a:cubicBezTo>
                <a:cubicBezTo>
                  <a:pt x="138" y="233"/>
                  <a:pt x="139" y="233"/>
                  <a:pt x="141" y="233"/>
                </a:cubicBezTo>
                <a:cubicBezTo>
                  <a:pt x="141" y="233"/>
                  <a:pt x="141" y="233"/>
                  <a:pt x="141" y="233"/>
                </a:cubicBezTo>
                <a:cubicBezTo>
                  <a:pt x="141" y="233"/>
                  <a:pt x="141" y="233"/>
                  <a:pt x="141" y="233"/>
                </a:cubicBezTo>
                <a:cubicBezTo>
                  <a:pt x="141" y="233"/>
                  <a:pt x="141" y="233"/>
                  <a:pt x="141" y="233"/>
                </a:cubicBezTo>
                <a:cubicBezTo>
                  <a:pt x="169" y="229"/>
                  <a:pt x="191" y="217"/>
                  <a:pt x="207" y="199"/>
                </a:cubicBezTo>
                <a:cubicBezTo>
                  <a:pt x="207" y="199"/>
                  <a:pt x="207" y="199"/>
                  <a:pt x="207" y="199"/>
                </a:cubicBezTo>
                <a:cubicBezTo>
                  <a:pt x="223" y="181"/>
                  <a:pt x="232" y="156"/>
                  <a:pt x="232" y="127"/>
                </a:cubicBezTo>
                <a:cubicBezTo>
                  <a:pt x="232" y="127"/>
                  <a:pt x="232" y="127"/>
                  <a:pt x="232" y="127"/>
                </a:cubicBezTo>
                <a:cubicBezTo>
                  <a:pt x="232" y="95"/>
                  <a:pt x="221" y="68"/>
                  <a:pt x="203" y="49"/>
                </a:cubicBezTo>
                <a:cubicBezTo>
                  <a:pt x="203" y="49"/>
                  <a:pt x="203" y="49"/>
                  <a:pt x="203" y="49"/>
                </a:cubicBezTo>
                <a:cubicBezTo>
                  <a:pt x="184" y="30"/>
                  <a:pt x="158" y="19"/>
                  <a:pt x="126" y="19"/>
                </a:cubicBezTo>
                <a:cubicBezTo>
                  <a:pt x="126" y="19"/>
                  <a:pt x="126" y="19"/>
                  <a:pt x="126" y="19"/>
                </a:cubicBezTo>
                <a:cubicBezTo>
                  <a:pt x="94" y="19"/>
                  <a:pt x="67" y="30"/>
                  <a:pt x="48" y="49"/>
                </a:cubicBezTo>
                <a:cubicBezTo>
                  <a:pt x="48" y="49"/>
                  <a:pt x="48" y="49"/>
                  <a:pt x="48" y="49"/>
                </a:cubicBezTo>
                <a:cubicBezTo>
                  <a:pt x="30" y="68"/>
                  <a:pt x="19" y="94"/>
                  <a:pt x="19" y="126"/>
                </a:cubicBezTo>
                <a:cubicBezTo>
                  <a:pt x="19" y="126"/>
                  <a:pt x="19" y="126"/>
                  <a:pt x="19" y="126"/>
                </a:cubicBezTo>
                <a:cubicBezTo>
                  <a:pt x="19" y="172"/>
                  <a:pt x="41" y="207"/>
                  <a:pt x="77" y="224"/>
                </a:cubicBezTo>
                <a:cubicBezTo>
                  <a:pt x="77" y="224"/>
                  <a:pt x="77" y="224"/>
                  <a:pt x="77" y="224"/>
                </a:cubicBezTo>
                <a:cubicBezTo>
                  <a:pt x="77" y="224"/>
                  <a:pt x="77" y="224"/>
                  <a:pt x="77" y="224"/>
                </a:cubicBezTo>
                <a:cubicBezTo>
                  <a:pt x="82" y="226"/>
                  <a:pt x="84" y="231"/>
                  <a:pt x="82" y="236"/>
                </a:cubicBezTo>
                <a:cubicBezTo>
                  <a:pt x="82" y="236"/>
                  <a:pt x="82" y="236"/>
                  <a:pt x="82" y="236"/>
                </a:cubicBezTo>
                <a:cubicBezTo>
                  <a:pt x="80" y="241"/>
                  <a:pt x="74" y="243"/>
                  <a:pt x="69" y="241"/>
                </a:cubicBezTo>
                <a:cubicBezTo>
                  <a:pt x="69" y="241"/>
                  <a:pt x="69" y="241"/>
                  <a:pt x="69" y="241"/>
                </a:cubicBezTo>
                <a:cubicBezTo>
                  <a:pt x="27" y="221"/>
                  <a:pt x="0" y="178"/>
                  <a:pt x="0" y="126"/>
                </a:cubicBezTo>
                <a:cubicBezTo>
                  <a:pt x="0" y="126"/>
                  <a:pt x="0" y="126"/>
                  <a:pt x="0" y="126"/>
                </a:cubicBezTo>
                <a:cubicBezTo>
                  <a:pt x="0" y="90"/>
                  <a:pt x="13" y="58"/>
                  <a:pt x="35" y="36"/>
                </a:cubicBezTo>
                <a:cubicBezTo>
                  <a:pt x="35" y="36"/>
                  <a:pt x="35" y="36"/>
                  <a:pt x="35" y="36"/>
                </a:cubicBezTo>
                <a:cubicBezTo>
                  <a:pt x="58" y="13"/>
                  <a:pt x="89" y="0"/>
                  <a:pt x="126" y="0"/>
                </a:cubicBezTo>
                <a:cubicBezTo>
                  <a:pt x="126" y="0"/>
                  <a:pt x="126" y="0"/>
                  <a:pt x="126" y="0"/>
                </a:cubicBezTo>
                <a:cubicBezTo>
                  <a:pt x="162" y="0"/>
                  <a:pt x="194" y="14"/>
                  <a:pt x="216" y="36"/>
                </a:cubicBezTo>
                <a:cubicBezTo>
                  <a:pt x="216" y="36"/>
                  <a:pt x="216" y="36"/>
                  <a:pt x="216" y="36"/>
                </a:cubicBezTo>
                <a:cubicBezTo>
                  <a:pt x="238" y="59"/>
                  <a:pt x="251" y="91"/>
                  <a:pt x="251" y="127"/>
                </a:cubicBezTo>
                <a:cubicBezTo>
                  <a:pt x="251" y="127"/>
                  <a:pt x="251" y="127"/>
                  <a:pt x="251" y="127"/>
                </a:cubicBezTo>
                <a:cubicBezTo>
                  <a:pt x="251" y="160"/>
                  <a:pt x="240" y="189"/>
                  <a:pt x="221" y="211"/>
                </a:cubicBezTo>
                <a:cubicBezTo>
                  <a:pt x="221" y="211"/>
                  <a:pt x="221" y="211"/>
                  <a:pt x="221" y="211"/>
                </a:cubicBezTo>
                <a:cubicBezTo>
                  <a:pt x="202" y="233"/>
                  <a:pt x="175" y="247"/>
                  <a:pt x="144" y="251"/>
                </a:cubicBezTo>
                <a:cubicBezTo>
                  <a:pt x="144" y="251"/>
                  <a:pt x="144" y="251"/>
                  <a:pt x="144" y="251"/>
                </a:cubicBezTo>
                <a:cubicBezTo>
                  <a:pt x="143" y="251"/>
                  <a:pt x="143" y="251"/>
                  <a:pt x="143" y="251"/>
                </a:cubicBezTo>
                <a:cubicBezTo>
                  <a:pt x="143" y="251"/>
                  <a:pt x="143" y="251"/>
                  <a:pt x="143" y="251"/>
                </a:cubicBezTo>
                <a:cubicBezTo>
                  <a:pt x="141" y="252"/>
                  <a:pt x="138" y="252"/>
                  <a:pt x="136" y="252"/>
                </a:cubicBezTo>
                <a:cubicBezTo>
                  <a:pt x="136" y="252"/>
                  <a:pt x="136" y="252"/>
                  <a:pt x="136" y="252"/>
                </a:cubicBezTo>
                <a:cubicBezTo>
                  <a:pt x="132" y="252"/>
                  <a:pt x="127" y="251"/>
                  <a:pt x="123" y="25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5" name="Freeform 640"/>
          <p:cNvSpPr>
            <a:spLocks noEditPoints="1"/>
          </p:cNvSpPr>
          <p:nvPr userDrawn="1"/>
        </p:nvSpPr>
        <p:spPr bwMode="auto">
          <a:xfrm>
            <a:off x="8838493" y="1818386"/>
            <a:ext cx="280988" cy="371475"/>
          </a:xfrm>
          <a:custGeom>
            <a:avLst/>
            <a:gdLst/>
            <a:ahLst/>
            <a:cxnLst>
              <a:cxn ang="0">
                <a:pos x="247" y="39"/>
              </a:cxn>
              <a:cxn ang="0">
                <a:pos x="236" y="28"/>
              </a:cxn>
              <a:cxn ang="0">
                <a:pos x="223" y="35"/>
              </a:cxn>
              <a:cxn ang="0">
                <a:pos x="223" y="35"/>
              </a:cxn>
              <a:cxn ang="0">
                <a:pos x="222" y="36"/>
              </a:cxn>
              <a:cxn ang="0">
                <a:pos x="125" y="53"/>
              </a:cxn>
              <a:cxn ang="0">
                <a:pos x="29" y="39"/>
              </a:cxn>
              <a:cxn ang="0">
                <a:pos x="123" y="25"/>
              </a:cxn>
              <a:cxn ang="0">
                <a:pos x="136" y="12"/>
              </a:cxn>
              <a:cxn ang="0">
                <a:pos x="123" y="0"/>
              </a:cxn>
              <a:cxn ang="0">
                <a:pos x="42" y="8"/>
              </a:cxn>
              <a:cxn ang="0">
                <a:pos x="0" y="39"/>
              </a:cxn>
              <a:cxn ang="0">
                <a:pos x="42" y="70"/>
              </a:cxn>
              <a:cxn ang="0">
                <a:pos x="125" y="78"/>
              </a:cxn>
              <a:cxn ang="0">
                <a:pos x="219" y="66"/>
              </a:cxn>
              <a:cxn ang="0">
                <a:pos x="213" y="126"/>
              </a:cxn>
              <a:cxn ang="0">
                <a:pos x="197" y="121"/>
              </a:cxn>
              <a:cxn ang="0">
                <a:pos x="123" y="113"/>
              </a:cxn>
              <a:cxn ang="0">
                <a:pos x="50" y="121"/>
              </a:cxn>
              <a:cxn ang="0">
                <a:pos x="34" y="126"/>
              </a:cxn>
              <a:cxn ang="0">
                <a:pos x="32" y="106"/>
              </a:cxn>
              <a:cxn ang="0">
                <a:pos x="18" y="94"/>
              </a:cxn>
              <a:cxn ang="0">
                <a:pos x="7" y="108"/>
              </a:cxn>
              <a:cxn ang="0">
                <a:pos x="22" y="291"/>
              </a:cxn>
              <a:cxn ang="0">
                <a:pos x="123" y="329"/>
              </a:cxn>
              <a:cxn ang="0">
                <a:pos x="223" y="291"/>
              </a:cxn>
              <a:cxn ang="0">
                <a:pos x="247" y="42"/>
              </a:cxn>
              <a:cxn ang="0">
                <a:pos x="247" y="39"/>
              </a:cxn>
              <a:cxn ang="0">
                <a:pos x="123" y="139"/>
              </a:cxn>
              <a:cxn ang="0">
                <a:pos x="206" y="151"/>
              </a:cxn>
              <a:cxn ang="0">
                <a:pos x="124" y="163"/>
              </a:cxn>
              <a:cxn ang="0">
                <a:pos x="41" y="150"/>
              </a:cxn>
              <a:cxn ang="0">
                <a:pos x="123" y="139"/>
              </a:cxn>
              <a:cxn ang="0">
                <a:pos x="123" y="304"/>
              </a:cxn>
              <a:cxn ang="0">
                <a:pos x="47" y="289"/>
              </a:cxn>
              <a:cxn ang="0">
                <a:pos x="38" y="177"/>
              </a:cxn>
              <a:cxn ang="0">
                <a:pos x="124" y="188"/>
              </a:cxn>
              <a:cxn ang="0">
                <a:pos x="209" y="177"/>
              </a:cxn>
              <a:cxn ang="0">
                <a:pos x="198" y="289"/>
              </a:cxn>
              <a:cxn ang="0">
                <a:pos x="123" y="304"/>
              </a:cxn>
            </a:cxnLst>
            <a:rect l="0" t="0" r="r" b="b"/>
            <a:pathLst>
              <a:path w="247" h="329">
                <a:moveTo>
                  <a:pt x="247" y="39"/>
                </a:moveTo>
                <a:cubicBezTo>
                  <a:pt x="246" y="33"/>
                  <a:pt x="242" y="28"/>
                  <a:pt x="236" y="28"/>
                </a:cubicBezTo>
                <a:cubicBezTo>
                  <a:pt x="230" y="27"/>
                  <a:pt x="225" y="30"/>
                  <a:pt x="223" y="35"/>
                </a:cubicBezTo>
                <a:cubicBezTo>
                  <a:pt x="223" y="35"/>
                  <a:pt x="223" y="35"/>
                  <a:pt x="223" y="35"/>
                </a:cubicBezTo>
                <a:cubicBezTo>
                  <a:pt x="222" y="36"/>
                  <a:pt x="222" y="36"/>
                  <a:pt x="222" y="36"/>
                </a:cubicBezTo>
                <a:cubicBezTo>
                  <a:pt x="216" y="42"/>
                  <a:pt x="182" y="53"/>
                  <a:pt x="125" y="53"/>
                </a:cubicBezTo>
                <a:cubicBezTo>
                  <a:pt x="76" y="53"/>
                  <a:pt x="41" y="45"/>
                  <a:pt x="29" y="39"/>
                </a:cubicBezTo>
                <a:cubicBezTo>
                  <a:pt x="40" y="33"/>
                  <a:pt x="73" y="25"/>
                  <a:pt x="123" y="25"/>
                </a:cubicBezTo>
                <a:cubicBezTo>
                  <a:pt x="130" y="25"/>
                  <a:pt x="136" y="19"/>
                  <a:pt x="136" y="12"/>
                </a:cubicBezTo>
                <a:cubicBezTo>
                  <a:pt x="136" y="5"/>
                  <a:pt x="130" y="0"/>
                  <a:pt x="123" y="0"/>
                </a:cubicBezTo>
                <a:cubicBezTo>
                  <a:pt x="93" y="0"/>
                  <a:pt x="64" y="3"/>
                  <a:pt x="42" y="8"/>
                </a:cubicBezTo>
                <a:cubicBezTo>
                  <a:pt x="31" y="10"/>
                  <a:pt x="0" y="18"/>
                  <a:pt x="0" y="39"/>
                </a:cubicBezTo>
                <a:cubicBezTo>
                  <a:pt x="0" y="60"/>
                  <a:pt x="32" y="67"/>
                  <a:pt x="42" y="70"/>
                </a:cubicBezTo>
                <a:cubicBezTo>
                  <a:pt x="65" y="75"/>
                  <a:pt x="94" y="78"/>
                  <a:pt x="125" y="78"/>
                </a:cubicBezTo>
                <a:cubicBezTo>
                  <a:pt x="138" y="78"/>
                  <a:pt x="187" y="77"/>
                  <a:pt x="219" y="66"/>
                </a:cubicBezTo>
                <a:cubicBezTo>
                  <a:pt x="218" y="82"/>
                  <a:pt x="216" y="103"/>
                  <a:pt x="213" y="126"/>
                </a:cubicBezTo>
                <a:cubicBezTo>
                  <a:pt x="207" y="123"/>
                  <a:pt x="200" y="122"/>
                  <a:pt x="197" y="121"/>
                </a:cubicBezTo>
                <a:cubicBezTo>
                  <a:pt x="177" y="116"/>
                  <a:pt x="151" y="113"/>
                  <a:pt x="123" y="113"/>
                </a:cubicBezTo>
                <a:cubicBezTo>
                  <a:pt x="96" y="113"/>
                  <a:pt x="70" y="116"/>
                  <a:pt x="50" y="121"/>
                </a:cubicBezTo>
                <a:cubicBezTo>
                  <a:pt x="47" y="122"/>
                  <a:pt x="40" y="123"/>
                  <a:pt x="34" y="126"/>
                </a:cubicBezTo>
                <a:cubicBezTo>
                  <a:pt x="33" y="114"/>
                  <a:pt x="32" y="106"/>
                  <a:pt x="32" y="106"/>
                </a:cubicBezTo>
                <a:cubicBezTo>
                  <a:pt x="31" y="99"/>
                  <a:pt x="25" y="94"/>
                  <a:pt x="18" y="94"/>
                </a:cubicBezTo>
                <a:cubicBezTo>
                  <a:pt x="11" y="95"/>
                  <a:pt x="6" y="101"/>
                  <a:pt x="7" y="108"/>
                </a:cubicBezTo>
                <a:cubicBezTo>
                  <a:pt x="22" y="291"/>
                  <a:pt x="22" y="291"/>
                  <a:pt x="22" y="291"/>
                </a:cubicBezTo>
                <a:cubicBezTo>
                  <a:pt x="23" y="319"/>
                  <a:pt x="77" y="329"/>
                  <a:pt x="123" y="329"/>
                </a:cubicBezTo>
                <a:cubicBezTo>
                  <a:pt x="168" y="329"/>
                  <a:pt x="222" y="319"/>
                  <a:pt x="223" y="291"/>
                </a:cubicBezTo>
                <a:cubicBezTo>
                  <a:pt x="247" y="42"/>
                  <a:pt x="247" y="42"/>
                  <a:pt x="247" y="42"/>
                </a:cubicBezTo>
                <a:cubicBezTo>
                  <a:pt x="247" y="41"/>
                  <a:pt x="247" y="40"/>
                  <a:pt x="247" y="39"/>
                </a:cubicBezTo>
                <a:close/>
                <a:moveTo>
                  <a:pt x="123" y="139"/>
                </a:moveTo>
                <a:cubicBezTo>
                  <a:pt x="166" y="139"/>
                  <a:pt x="195" y="145"/>
                  <a:pt x="206" y="151"/>
                </a:cubicBezTo>
                <a:cubicBezTo>
                  <a:pt x="195" y="156"/>
                  <a:pt x="167" y="163"/>
                  <a:pt x="124" y="163"/>
                </a:cubicBezTo>
                <a:cubicBezTo>
                  <a:pt x="81" y="163"/>
                  <a:pt x="52" y="156"/>
                  <a:pt x="41" y="150"/>
                </a:cubicBezTo>
                <a:cubicBezTo>
                  <a:pt x="52" y="145"/>
                  <a:pt x="81" y="139"/>
                  <a:pt x="123" y="139"/>
                </a:cubicBezTo>
                <a:close/>
                <a:moveTo>
                  <a:pt x="123" y="304"/>
                </a:moveTo>
                <a:cubicBezTo>
                  <a:pt x="77" y="304"/>
                  <a:pt x="51" y="293"/>
                  <a:pt x="47" y="289"/>
                </a:cubicBezTo>
                <a:cubicBezTo>
                  <a:pt x="47" y="288"/>
                  <a:pt x="42" y="228"/>
                  <a:pt x="38" y="177"/>
                </a:cubicBezTo>
                <a:cubicBezTo>
                  <a:pt x="67" y="187"/>
                  <a:pt x="112" y="188"/>
                  <a:pt x="124" y="188"/>
                </a:cubicBezTo>
                <a:cubicBezTo>
                  <a:pt x="136" y="188"/>
                  <a:pt x="180" y="187"/>
                  <a:pt x="209" y="177"/>
                </a:cubicBezTo>
                <a:cubicBezTo>
                  <a:pt x="203" y="235"/>
                  <a:pt x="198" y="288"/>
                  <a:pt x="198" y="289"/>
                </a:cubicBezTo>
                <a:cubicBezTo>
                  <a:pt x="194" y="293"/>
                  <a:pt x="168" y="304"/>
                  <a:pt x="123" y="30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26" name="Group 413"/>
          <p:cNvGrpSpPr>
            <a:grpSpLocks noChangeAspect="1"/>
          </p:cNvGrpSpPr>
          <p:nvPr userDrawn="1"/>
        </p:nvGrpSpPr>
        <p:grpSpPr bwMode="auto">
          <a:xfrm>
            <a:off x="9352799" y="4510374"/>
            <a:ext cx="457200" cy="301625"/>
            <a:chOff x="4193" y="3192"/>
            <a:chExt cx="288" cy="190"/>
          </a:xfrm>
          <a:noFill/>
        </p:grpSpPr>
        <p:sp>
          <p:nvSpPr>
            <p:cNvPr id="127" name="Freeform 414"/>
            <p:cNvSpPr>
              <a:spLocks/>
            </p:cNvSpPr>
            <p:nvPr/>
          </p:nvSpPr>
          <p:spPr bwMode="auto">
            <a:xfrm>
              <a:off x="4193" y="3192"/>
              <a:ext cx="288" cy="190"/>
            </a:xfrm>
            <a:custGeom>
              <a:avLst/>
              <a:gdLst/>
              <a:ahLst/>
              <a:cxnLst>
                <a:cxn ang="0">
                  <a:pos x="313" y="171"/>
                </a:cxn>
                <a:cxn ang="0">
                  <a:pos x="405" y="145"/>
                </a:cxn>
                <a:cxn ang="0">
                  <a:pos x="200" y="0"/>
                </a:cxn>
                <a:cxn ang="0">
                  <a:pos x="0" y="143"/>
                </a:cxn>
                <a:cxn ang="0">
                  <a:pos x="158" y="195"/>
                </a:cxn>
                <a:cxn ang="0">
                  <a:pos x="241" y="223"/>
                </a:cxn>
                <a:cxn ang="0">
                  <a:pos x="197" y="159"/>
                </a:cxn>
                <a:cxn ang="0">
                  <a:pos x="173" y="85"/>
                </a:cxn>
              </a:cxnLst>
              <a:rect l="0" t="0" r="r" b="b"/>
              <a:pathLst>
                <a:path w="405" h="267">
                  <a:moveTo>
                    <a:pt x="313" y="171"/>
                  </a:moveTo>
                  <a:cubicBezTo>
                    <a:pt x="405" y="145"/>
                    <a:pt x="405" y="145"/>
                    <a:pt x="405" y="145"/>
                  </a:cubicBezTo>
                  <a:cubicBezTo>
                    <a:pt x="405" y="145"/>
                    <a:pt x="368" y="3"/>
                    <a:pt x="200" y="0"/>
                  </a:cubicBezTo>
                  <a:cubicBezTo>
                    <a:pt x="52" y="1"/>
                    <a:pt x="0" y="143"/>
                    <a:pt x="0" y="143"/>
                  </a:cubicBezTo>
                  <a:cubicBezTo>
                    <a:pt x="0" y="143"/>
                    <a:pt x="149" y="192"/>
                    <a:pt x="158" y="195"/>
                  </a:cubicBezTo>
                  <a:cubicBezTo>
                    <a:pt x="146" y="248"/>
                    <a:pt x="221" y="267"/>
                    <a:pt x="241" y="223"/>
                  </a:cubicBezTo>
                  <a:cubicBezTo>
                    <a:pt x="258" y="185"/>
                    <a:pt x="225" y="155"/>
                    <a:pt x="197" y="159"/>
                  </a:cubicBezTo>
                  <a:cubicBezTo>
                    <a:pt x="188" y="131"/>
                    <a:pt x="173" y="85"/>
                    <a:pt x="173" y="85"/>
                  </a:cubicBezTo>
                </a:path>
              </a:pathLst>
            </a:cu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8" name="Line 415"/>
            <p:cNvSpPr>
              <a:spLocks noChangeShapeType="1"/>
            </p:cNvSpPr>
            <p:nvPr/>
          </p:nvSpPr>
          <p:spPr bwMode="auto">
            <a:xfrm flipH="1" flipV="1">
              <a:off x="4232" y="3235"/>
              <a:ext cx="20" cy="19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9" name="Line 416"/>
            <p:cNvSpPr>
              <a:spLocks noChangeShapeType="1"/>
            </p:cNvSpPr>
            <p:nvPr/>
          </p:nvSpPr>
          <p:spPr bwMode="auto">
            <a:xfrm flipV="1">
              <a:off x="4335" y="3192"/>
              <a:ext cx="1" cy="28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0" name="Line 417"/>
            <p:cNvSpPr>
              <a:spLocks noChangeShapeType="1"/>
            </p:cNvSpPr>
            <p:nvPr/>
          </p:nvSpPr>
          <p:spPr bwMode="auto">
            <a:xfrm flipV="1">
              <a:off x="4424" y="3235"/>
              <a:ext cx="17" cy="21"/>
            </a:xfrm>
            <a:prstGeom prst="line">
              <a:avLst/>
            </a:prstGeom>
            <a:grpFill/>
            <a:ln w="31750" cap="rnd">
              <a:solidFill>
                <a:srgbClr val="00953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31" name="Freeform 513"/>
          <p:cNvSpPr>
            <a:spLocks/>
          </p:cNvSpPr>
          <p:nvPr userDrawn="1"/>
        </p:nvSpPr>
        <p:spPr bwMode="auto">
          <a:xfrm>
            <a:off x="9328193" y="2448142"/>
            <a:ext cx="506412" cy="387350"/>
          </a:xfrm>
          <a:custGeom>
            <a:avLst/>
            <a:gdLst/>
            <a:ahLst/>
            <a:cxnLst>
              <a:cxn ang="0">
                <a:pos x="14" y="0"/>
              </a:cxn>
              <a:cxn ang="0">
                <a:pos x="2" y="8"/>
              </a:cxn>
              <a:cxn ang="0">
                <a:pos x="4" y="22"/>
              </a:cxn>
              <a:cxn ang="0">
                <a:pos x="101" y="331"/>
              </a:cxn>
              <a:cxn ang="0">
                <a:pos x="116" y="342"/>
              </a:cxn>
              <a:cxn ang="0">
                <a:pos x="128" y="329"/>
              </a:cxn>
              <a:cxn ang="0">
                <a:pos x="127" y="327"/>
              </a:cxn>
              <a:cxn ang="0">
                <a:pos x="40" y="27"/>
              </a:cxn>
              <a:cxn ang="0">
                <a:pos x="101" y="27"/>
              </a:cxn>
              <a:cxn ang="0">
                <a:pos x="174" y="184"/>
              </a:cxn>
              <a:cxn ang="0">
                <a:pos x="182" y="194"/>
              </a:cxn>
              <a:cxn ang="0">
                <a:pos x="194" y="193"/>
              </a:cxn>
              <a:cxn ang="0">
                <a:pos x="370" y="168"/>
              </a:cxn>
              <a:cxn ang="0">
                <a:pos x="401" y="264"/>
              </a:cxn>
              <a:cxn ang="0">
                <a:pos x="397" y="316"/>
              </a:cxn>
              <a:cxn ang="0">
                <a:pos x="362" y="316"/>
              </a:cxn>
              <a:cxn ang="0">
                <a:pos x="362" y="273"/>
              </a:cxn>
              <a:cxn ang="0">
                <a:pos x="349" y="259"/>
              </a:cxn>
              <a:cxn ang="0">
                <a:pos x="164" y="259"/>
              </a:cxn>
              <a:cxn ang="0">
                <a:pos x="150" y="273"/>
              </a:cxn>
              <a:cxn ang="0">
                <a:pos x="164" y="286"/>
              </a:cxn>
              <a:cxn ang="0">
                <a:pos x="335" y="286"/>
              </a:cxn>
              <a:cxn ang="0">
                <a:pos x="335" y="329"/>
              </a:cxn>
              <a:cxn ang="0">
                <a:pos x="349" y="342"/>
              </a:cxn>
              <a:cxn ang="0">
                <a:pos x="408" y="342"/>
              </a:cxn>
              <a:cxn ang="0">
                <a:pos x="421" y="332"/>
              </a:cxn>
              <a:cxn ang="0">
                <a:pos x="388" y="148"/>
              </a:cxn>
              <a:cxn ang="0">
                <a:pos x="258" y="138"/>
              </a:cxn>
              <a:cxn ang="0">
                <a:pos x="196" y="162"/>
              </a:cxn>
              <a:cxn ang="0">
                <a:pos x="115" y="4"/>
              </a:cxn>
              <a:cxn ang="0">
                <a:pos x="106" y="0"/>
              </a:cxn>
              <a:cxn ang="0">
                <a:pos x="14" y="0"/>
              </a:cxn>
            </a:cxnLst>
            <a:rect l="0" t="0" r="r" b="b"/>
            <a:pathLst>
              <a:path w="449" h="343">
                <a:moveTo>
                  <a:pt x="14" y="0"/>
                </a:moveTo>
                <a:cubicBezTo>
                  <a:pt x="9" y="0"/>
                  <a:pt x="4" y="3"/>
                  <a:pt x="2" y="8"/>
                </a:cubicBezTo>
                <a:cubicBezTo>
                  <a:pt x="0" y="13"/>
                  <a:pt x="1" y="18"/>
                  <a:pt x="4" y="22"/>
                </a:cubicBezTo>
                <a:cubicBezTo>
                  <a:pt x="69" y="98"/>
                  <a:pt x="101" y="328"/>
                  <a:pt x="101" y="331"/>
                </a:cubicBezTo>
                <a:cubicBezTo>
                  <a:pt x="102" y="338"/>
                  <a:pt x="109" y="343"/>
                  <a:pt x="116" y="342"/>
                </a:cubicBezTo>
                <a:cubicBezTo>
                  <a:pt x="123" y="341"/>
                  <a:pt x="128" y="336"/>
                  <a:pt x="128" y="329"/>
                </a:cubicBezTo>
                <a:cubicBezTo>
                  <a:pt x="128" y="328"/>
                  <a:pt x="128" y="328"/>
                  <a:pt x="127" y="327"/>
                </a:cubicBezTo>
                <a:cubicBezTo>
                  <a:pt x="126" y="318"/>
                  <a:pt x="100" y="122"/>
                  <a:pt x="40" y="27"/>
                </a:cubicBezTo>
                <a:cubicBezTo>
                  <a:pt x="65" y="27"/>
                  <a:pt x="94" y="27"/>
                  <a:pt x="101" y="27"/>
                </a:cubicBezTo>
                <a:cubicBezTo>
                  <a:pt x="129" y="55"/>
                  <a:pt x="160" y="120"/>
                  <a:pt x="174" y="184"/>
                </a:cubicBezTo>
                <a:cubicBezTo>
                  <a:pt x="175" y="188"/>
                  <a:pt x="178" y="192"/>
                  <a:pt x="182" y="194"/>
                </a:cubicBezTo>
                <a:cubicBezTo>
                  <a:pt x="185" y="195"/>
                  <a:pt x="190" y="195"/>
                  <a:pt x="194" y="193"/>
                </a:cubicBezTo>
                <a:cubicBezTo>
                  <a:pt x="229" y="174"/>
                  <a:pt x="330" y="132"/>
                  <a:pt x="370" y="168"/>
                </a:cubicBezTo>
                <a:cubicBezTo>
                  <a:pt x="395" y="190"/>
                  <a:pt x="401" y="230"/>
                  <a:pt x="401" y="264"/>
                </a:cubicBezTo>
                <a:cubicBezTo>
                  <a:pt x="401" y="285"/>
                  <a:pt x="399" y="304"/>
                  <a:pt x="397" y="316"/>
                </a:cubicBezTo>
                <a:cubicBezTo>
                  <a:pt x="386" y="316"/>
                  <a:pt x="374" y="316"/>
                  <a:pt x="362" y="316"/>
                </a:cubicBezTo>
                <a:cubicBezTo>
                  <a:pt x="362" y="300"/>
                  <a:pt x="362" y="273"/>
                  <a:pt x="362" y="273"/>
                </a:cubicBezTo>
                <a:cubicBezTo>
                  <a:pt x="362" y="265"/>
                  <a:pt x="356" y="259"/>
                  <a:pt x="349" y="259"/>
                </a:cubicBezTo>
                <a:cubicBezTo>
                  <a:pt x="164" y="259"/>
                  <a:pt x="164" y="259"/>
                  <a:pt x="164" y="259"/>
                </a:cubicBezTo>
                <a:cubicBezTo>
                  <a:pt x="156" y="259"/>
                  <a:pt x="150" y="265"/>
                  <a:pt x="150" y="273"/>
                </a:cubicBezTo>
                <a:cubicBezTo>
                  <a:pt x="150" y="280"/>
                  <a:pt x="156" y="286"/>
                  <a:pt x="164" y="286"/>
                </a:cubicBezTo>
                <a:cubicBezTo>
                  <a:pt x="164" y="286"/>
                  <a:pt x="312" y="286"/>
                  <a:pt x="335" y="286"/>
                </a:cubicBezTo>
                <a:cubicBezTo>
                  <a:pt x="335" y="301"/>
                  <a:pt x="335" y="329"/>
                  <a:pt x="335" y="329"/>
                </a:cubicBezTo>
                <a:cubicBezTo>
                  <a:pt x="335" y="336"/>
                  <a:pt x="341" y="342"/>
                  <a:pt x="349" y="342"/>
                </a:cubicBezTo>
                <a:cubicBezTo>
                  <a:pt x="408" y="342"/>
                  <a:pt x="408" y="342"/>
                  <a:pt x="408" y="342"/>
                </a:cubicBezTo>
                <a:cubicBezTo>
                  <a:pt x="414" y="342"/>
                  <a:pt x="420" y="338"/>
                  <a:pt x="421" y="332"/>
                </a:cubicBezTo>
                <a:cubicBezTo>
                  <a:pt x="422" y="327"/>
                  <a:pt x="449" y="202"/>
                  <a:pt x="388" y="148"/>
                </a:cubicBezTo>
                <a:cubicBezTo>
                  <a:pt x="361" y="124"/>
                  <a:pt x="317" y="121"/>
                  <a:pt x="258" y="138"/>
                </a:cubicBezTo>
                <a:cubicBezTo>
                  <a:pt x="233" y="146"/>
                  <a:pt x="210" y="155"/>
                  <a:pt x="196" y="162"/>
                </a:cubicBezTo>
                <a:cubicBezTo>
                  <a:pt x="178" y="95"/>
                  <a:pt x="146" y="32"/>
                  <a:pt x="115" y="4"/>
                </a:cubicBezTo>
                <a:cubicBezTo>
                  <a:pt x="113" y="1"/>
                  <a:pt x="109" y="0"/>
                  <a:pt x="106" y="0"/>
                </a:cubicBezTo>
                <a:lnTo>
                  <a:pt x="14" y="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2" name="Freeform 517"/>
          <p:cNvSpPr>
            <a:spLocks noEditPoints="1"/>
          </p:cNvSpPr>
          <p:nvPr userDrawn="1"/>
        </p:nvSpPr>
        <p:spPr bwMode="auto">
          <a:xfrm>
            <a:off x="9425030" y="1183087"/>
            <a:ext cx="312738" cy="477838"/>
          </a:xfrm>
          <a:custGeom>
            <a:avLst/>
            <a:gdLst/>
            <a:ahLst/>
            <a:cxnLst>
              <a:cxn ang="0">
                <a:pos x="141" y="1"/>
              </a:cxn>
              <a:cxn ang="0">
                <a:pos x="9" y="49"/>
              </a:cxn>
              <a:cxn ang="0">
                <a:pos x="0" y="62"/>
              </a:cxn>
              <a:cxn ang="0">
                <a:pos x="0" y="202"/>
              </a:cxn>
              <a:cxn ang="0">
                <a:pos x="9" y="214"/>
              </a:cxn>
              <a:cxn ang="0">
                <a:pos x="117" y="272"/>
              </a:cxn>
              <a:cxn ang="0">
                <a:pos x="117" y="387"/>
              </a:cxn>
              <a:cxn ang="0">
                <a:pos x="26" y="339"/>
              </a:cxn>
              <a:cxn ang="0">
                <a:pos x="26" y="266"/>
              </a:cxn>
              <a:cxn ang="0">
                <a:pos x="13" y="253"/>
              </a:cxn>
              <a:cxn ang="0">
                <a:pos x="0" y="266"/>
              </a:cxn>
              <a:cxn ang="0">
                <a:pos x="0" y="347"/>
              </a:cxn>
              <a:cxn ang="0">
                <a:pos x="7" y="359"/>
              </a:cxn>
              <a:cxn ang="0">
                <a:pos x="125" y="421"/>
              </a:cxn>
              <a:cxn ang="0">
                <a:pos x="138" y="420"/>
              </a:cxn>
              <a:cxn ang="0">
                <a:pos x="144" y="409"/>
              </a:cxn>
              <a:cxn ang="0">
                <a:pos x="144" y="264"/>
              </a:cxn>
              <a:cxn ang="0">
                <a:pos x="137" y="252"/>
              </a:cxn>
              <a:cxn ang="0">
                <a:pos x="26" y="194"/>
              </a:cxn>
              <a:cxn ang="0">
                <a:pos x="26" y="71"/>
              </a:cxn>
              <a:cxn ang="0">
                <a:pos x="132" y="33"/>
              </a:cxn>
              <a:cxn ang="0">
                <a:pos x="132" y="154"/>
              </a:cxn>
              <a:cxn ang="0">
                <a:pos x="139" y="165"/>
              </a:cxn>
              <a:cxn ang="0">
                <a:pos x="250" y="224"/>
              </a:cxn>
              <a:cxn ang="0">
                <a:pos x="250" y="342"/>
              </a:cxn>
              <a:cxn ang="0">
                <a:pos x="264" y="355"/>
              </a:cxn>
              <a:cxn ang="0">
                <a:pos x="277" y="342"/>
              </a:cxn>
              <a:cxn ang="0">
                <a:pos x="277" y="216"/>
              </a:cxn>
              <a:cxn ang="0">
                <a:pos x="272" y="206"/>
              </a:cxn>
              <a:cxn ang="0">
                <a:pos x="268" y="203"/>
              </a:cxn>
              <a:cxn ang="0">
                <a:pos x="159" y="146"/>
              </a:cxn>
              <a:cxn ang="0">
                <a:pos x="159" y="14"/>
              </a:cxn>
              <a:cxn ang="0">
                <a:pos x="153" y="3"/>
              </a:cxn>
              <a:cxn ang="0">
                <a:pos x="141" y="1"/>
              </a:cxn>
              <a:cxn ang="0">
                <a:pos x="261" y="229"/>
              </a:cxn>
              <a:cxn ang="0">
                <a:pos x="262" y="229"/>
              </a:cxn>
              <a:cxn ang="0">
                <a:pos x="261" y="229"/>
              </a:cxn>
            </a:cxnLst>
            <a:rect l="0" t="0" r="r" b="b"/>
            <a:pathLst>
              <a:path w="277" h="423">
                <a:moveTo>
                  <a:pt x="141" y="1"/>
                </a:moveTo>
                <a:cubicBezTo>
                  <a:pt x="9" y="49"/>
                  <a:pt x="9" y="49"/>
                  <a:pt x="9" y="49"/>
                </a:cubicBezTo>
                <a:cubicBezTo>
                  <a:pt x="3" y="51"/>
                  <a:pt x="0" y="56"/>
                  <a:pt x="0" y="62"/>
                </a:cubicBezTo>
                <a:cubicBezTo>
                  <a:pt x="0" y="202"/>
                  <a:pt x="0" y="202"/>
                  <a:pt x="0" y="202"/>
                </a:cubicBezTo>
                <a:cubicBezTo>
                  <a:pt x="0" y="208"/>
                  <a:pt x="4" y="212"/>
                  <a:pt x="9" y="214"/>
                </a:cubicBezTo>
                <a:cubicBezTo>
                  <a:pt x="12" y="216"/>
                  <a:pt x="105" y="265"/>
                  <a:pt x="117" y="272"/>
                </a:cubicBezTo>
                <a:cubicBezTo>
                  <a:pt x="117" y="284"/>
                  <a:pt x="117" y="357"/>
                  <a:pt x="117" y="387"/>
                </a:cubicBezTo>
                <a:cubicBezTo>
                  <a:pt x="92" y="374"/>
                  <a:pt x="37" y="345"/>
                  <a:pt x="26" y="339"/>
                </a:cubicBezTo>
                <a:cubicBezTo>
                  <a:pt x="26" y="326"/>
                  <a:pt x="26" y="266"/>
                  <a:pt x="26" y="266"/>
                </a:cubicBezTo>
                <a:cubicBezTo>
                  <a:pt x="26" y="259"/>
                  <a:pt x="20" y="253"/>
                  <a:pt x="13" y="253"/>
                </a:cubicBezTo>
                <a:cubicBezTo>
                  <a:pt x="6" y="253"/>
                  <a:pt x="0" y="259"/>
                  <a:pt x="0" y="266"/>
                </a:cubicBezTo>
                <a:cubicBezTo>
                  <a:pt x="0" y="347"/>
                  <a:pt x="0" y="347"/>
                  <a:pt x="0" y="347"/>
                </a:cubicBezTo>
                <a:cubicBezTo>
                  <a:pt x="0" y="352"/>
                  <a:pt x="3" y="357"/>
                  <a:pt x="7" y="359"/>
                </a:cubicBezTo>
                <a:cubicBezTo>
                  <a:pt x="125" y="421"/>
                  <a:pt x="125" y="421"/>
                  <a:pt x="125" y="421"/>
                </a:cubicBezTo>
                <a:cubicBezTo>
                  <a:pt x="129" y="423"/>
                  <a:pt x="134" y="423"/>
                  <a:pt x="138" y="420"/>
                </a:cubicBezTo>
                <a:cubicBezTo>
                  <a:pt x="142" y="418"/>
                  <a:pt x="144" y="413"/>
                  <a:pt x="144" y="409"/>
                </a:cubicBezTo>
                <a:cubicBezTo>
                  <a:pt x="144" y="264"/>
                  <a:pt x="144" y="264"/>
                  <a:pt x="144" y="264"/>
                </a:cubicBezTo>
                <a:cubicBezTo>
                  <a:pt x="144" y="259"/>
                  <a:pt x="141" y="254"/>
                  <a:pt x="137" y="252"/>
                </a:cubicBezTo>
                <a:cubicBezTo>
                  <a:pt x="137" y="252"/>
                  <a:pt x="39" y="200"/>
                  <a:pt x="26" y="194"/>
                </a:cubicBezTo>
                <a:cubicBezTo>
                  <a:pt x="26" y="180"/>
                  <a:pt x="26" y="86"/>
                  <a:pt x="26" y="71"/>
                </a:cubicBezTo>
                <a:cubicBezTo>
                  <a:pt x="40" y="66"/>
                  <a:pt x="108" y="42"/>
                  <a:pt x="132" y="33"/>
                </a:cubicBezTo>
                <a:cubicBezTo>
                  <a:pt x="132" y="61"/>
                  <a:pt x="132" y="154"/>
                  <a:pt x="132" y="154"/>
                </a:cubicBezTo>
                <a:cubicBezTo>
                  <a:pt x="132" y="159"/>
                  <a:pt x="135" y="163"/>
                  <a:pt x="139" y="165"/>
                </a:cubicBezTo>
                <a:cubicBezTo>
                  <a:pt x="139" y="165"/>
                  <a:pt x="238" y="217"/>
                  <a:pt x="250" y="224"/>
                </a:cubicBezTo>
                <a:cubicBezTo>
                  <a:pt x="250" y="238"/>
                  <a:pt x="250" y="342"/>
                  <a:pt x="250" y="342"/>
                </a:cubicBezTo>
                <a:cubicBezTo>
                  <a:pt x="250" y="349"/>
                  <a:pt x="256" y="355"/>
                  <a:pt x="264" y="355"/>
                </a:cubicBezTo>
                <a:cubicBezTo>
                  <a:pt x="271" y="355"/>
                  <a:pt x="277" y="349"/>
                  <a:pt x="277" y="342"/>
                </a:cubicBezTo>
                <a:cubicBezTo>
                  <a:pt x="277" y="216"/>
                  <a:pt x="277" y="216"/>
                  <a:pt x="277" y="216"/>
                </a:cubicBezTo>
                <a:cubicBezTo>
                  <a:pt x="277" y="212"/>
                  <a:pt x="275" y="208"/>
                  <a:pt x="272" y="206"/>
                </a:cubicBezTo>
                <a:cubicBezTo>
                  <a:pt x="271" y="205"/>
                  <a:pt x="270" y="204"/>
                  <a:pt x="268" y="203"/>
                </a:cubicBezTo>
                <a:cubicBezTo>
                  <a:pt x="265" y="202"/>
                  <a:pt x="171" y="152"/>
                  <a:pt x="159" y="146"/>
                </a:cubicBezTo>
                <a:cubicBezTo>
                  <a:pt x="159" y="131"/>
                  <a:pt x="159" y="14"/>
                  <a:pt x="159" y="14"/>
                </a:cubicBezTo>
                <a:cubicBezTo>
                  <a:pt x="159" y="10"/>
                  <a:pt x="157" y="6"/>
                  <a:pt x="153" y="3"/>
                </a:cubicBezTo>
                <a:cubicBezTo>
                  <a:pt x="150" y="1"/>
                  <a:pt x="145" y="0"/>
                  <a:pt x="141" y="1"/>
                </a:cubicBezTo>
                <a:close/>
                <a:moveTo>
                  <a:pt x="261" y="229"/>
                </a:moveTo>
                <a:cubicBezTo>
                  <a:pt x="261" y="229"/>
                  <a:pt x="261" y="229"/>
                  <a:pt x="262" y="229"/>
                </a:cubicBezTo>
                <a:cubicBezTo>
                  <a:pt x="261" y="229"/>
                  <a:pt x="261" y="229"/>
                  <a:pt x="261" y="22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3" name="Freeform 564"/>
          <p:cNvSpPr>
            <a:spLocks/>
          </p:cNvSpPr>
          <p:nvPr userDrawn="1"/>
        </p:nvSpPr>
        <p:spPr bwMode="auto">
          <a:xfrm>
            <a:off x="9382168" y="5161959"/>
            <a:ext cx="398462" cy="322263"/>
          </a:xfrm>
          <a:custGeom>
            <a:avLst/>
            <a:gdLst/>
            <a:ahLst/>
            <a:cxnLst>
              <a:cxn ang="0">
                <a:pos x="339" y="257"/>
              </a:cxn>
              <a:cxn ang="0">
                <a:pos x="26" y="257"/>
              </a:cxn>
              <a:cxn ang="0">
                <a:pos x="26" y="46"/>
              </a:cxn>
              <a:cxn ang="0">
                <a:pos x="71" y="91"/>
              </a:cxn>
              <a:cxn ang="0">
                <a:pos x="80" y="94"/>
              </a:cxn>
              <a:cxn ang="0">
                <a:pos x="89" y="91"/>
              </a:cxn>
              <a:cxn ang="0">
                <a:pos x="128" y="52"/>
              </a:cxn>
              <a:cxn ang="0">
                <a:pos x="239" y="163"/>
              </a:cxn>
              <a:cxn ang="0">
                <a:pos x="214" y="163"/>
              </a:cxn>
              <a:cxn ang="0">
                <a:pos x="200" y="177"/>
              </a:cxn>
              <a:cxn ang="0">
                <a:pos x="214" y="190"/>
              </a:cxn>
              <a:cxn ang="0">
                <a:pos x="268" y="190"/>
              </a:cxn>
              <a:cxn ang="0">
                <a:pos x="282" y="177"/>
              </a:cxn>
              <a:cxn ang="0">
                <a:pos x="282" y="122"/>
              </a:cxn>
              <a:cxn ang="0">
                <a:pos x="268" y="109"/>
              </a:cxn>
              <a:cxn ang="0">
                <a:pos x="255" y="122"/>
              </a:cxn>
              <a:cxn ang="0">
                <a:pos x="255" y="142"/>
              </a:cxn>
              <a:cxn ang="0">
                <a:pos x="137" y="24"/>
              </a:cxn>
              <a:cxn ang="0">
                <a:pos x="128" y="20"/>
              </a:cxn>
              <a:cxn ang="0">
                <a:pos x="118" y="24"/>
              </a:cxn>
              <a:cxn ang="0">
                <a:pos x="80" y="62"/>
              </a:cxn>
              <a:cxn ang="0">
                <a:pos x="23" y="5"/>
              </a:cxn>
              <a:cxn ang="0">
                <a:pos x="8" y="2"/>
              </a:cxn>
              <a:cxn ang="0">
                <a:pos x="0" y="14"/>
              </a:cxn>
              <a:cxn ang="0">
                <a:pos x="0" y="270"/>
              </a:cxn>
              <a:cxn ang="0">
                <a:pos x="13" y="284"/>
              </a:cxn>
              <a:cxn ang="0">
                <a:pos x="339" y="284"/>
              </a:cxn>
              <a:cxn ang="0">
                <a:pos x="353" y="270"/>
              </a:cxn>
              <a:cxn ang="0">
                <a:pos x="339" y="257"/>
              </a:cxn>
            </a:cxnLst>
            <a:rect l="0" t="0" r="r" b="b"/>
            <a:pathLst>
              <a:path w="353" h="284">
                <a:moveTo>
                  <a:pt x="339" y="257"/>
                </a:moveTo>
                <a:cubicBezTo>
                  <a:pt x="339" y="257"/>
                  <a:pt x="51" y="257"/>
                  <a:pt x="26" y="257"/>
                </a:cubicBezTo>
                <a:cubicBezTo>
                  <a:pt x="26" y="46"/>
                  <a:pt x="26" y="46"/>
                  <a:pt x="26" y="46"/>
                </a:cubicBezTo>
                <a:cubicBezTo>
                  <a:pt x="46" y="66"/>
                  <a:pt x="71" y="91"/>
                  <a:pt x="71" y="91"/>
                </a:cubicBezTo>
                <a:cubicBezTo>
                  <a:pt x="73" y="93"/>
                  <a:pt x="76" y="94"/>
                  <a:pt x="80" y="94"/>
                </a:cubicBezTo>
                <a:cubicBezTo>
                  <a:pt x="83" y="94"/>
                  <a:pt x="87" y="93"/>
                  <a:pt x="89" y="91"/>
                </a:cubicBezTo>
                <a:cubicBezTo>
                  <a:pt x="89" y="91"/>
                  <a:pt x="115" y="64"/>
                  <a:pt x="128" y="52"/>
                </a:cubicBezTo>
                <a:cubicBezTo>
                  <a:pt x="142" y="67"/>
                  <a:pt x="227" y="151"/>
                  <a:pt x="239" y="163"/>
                </a:cubicBezTo>
                <a:cubicBezTo>
                  <a:pt x="226" y="163"/>
                  <a:pt x="214" y="163"/>
                  <a:pt x="214" y="163"/>
                </a:cubicBezTo>
                <a:cubicBezTo>
                  <a:pt x="206" y="163"/>
                  <a:pt x="200" y="169"/>
                  <a:pt x="200" y="177"/>
                </a:cubicBezTo>
                <a:cubicBezTo>
                  <a:pt x="200" y="184"/>
                  <a:pt x="206" y="190"/>
                  <a:pt x="214" y="190"/>
                </a:cubicBezTo>
                <a:cubicBezTo>
                  <a:pt x="268" y="190"/>
                  <a:pt x="268" y="190"/>
                  <a:pt x="268" y="190"/>
                </a:cubicBezTo>
                <a:cubicBezTo>
                  <a:pt x="276" y="190"/>
                  <a:pt x="282" y="184"/>
                  <a:pt x="282" y="177"/>
                </a:cubicBezTo>
                <a:cubicBezTo>
                  <a:pt x="282" y="122"/>
                  <a:pt x="282" y="122"/>
                  <a:pt x="282" y="122"/>
                </a:cubicBezTo>
                <a:cubicBezTo>
                  <a:pt x="282" y="115"/>
                  <a:pt x="276" y="109"/>
                  <a:pt x="268" y="109"/>
                </a:cubicBezTo>
                <a:cubicBezTo>
                  <a:pt x="261" y="109"/>
                  <a:pt x="255" y="115"/>
                  <a:pt x="255" y="122"/>
                </a:cubicBezTo>
                <a:cubicBezTo>
                  <a:pt x="255" y="122"/>
                  <a:pt x="255" y="131"/>
                  <a:pt x="255" y="142"/>
                </a:cubicBezTo>
                <a:cubicBezTo>
                  <a:pt x="137" y="24"/>
                  <a:pt x="137" y="24"/>
                  <a:pt x="137" y="24"/>
                </a:cubicBezTo>
                <a:cubicBezTo>
                  <a:pt x="134" y="22"/>
                  <a:pt x="131" y="20"/>
                  <a:pt x="128" y="20"/>
                </a:cubicBezTo>
                <a:cubicBezTo>
                  <a:pt x="124" y="20"/>
                  <a:pt x="121" y="22"/>
                  <a:pt x="118" y="24"/>
                </a:cubicBezTo>
                <a:cubicBezTo>
                  <a:pt x="118" y="24"/>
                  <a:pt x="92" y="50"/>
                  <a:pt x="80" y="62"/>
                </a:cubicBezTo>
                <a:cubicBezTo>
                  <a:pt x="66" y="49"/>
                  <a:pt x="23" y="5"/>
                  <a:pt x="23" y="5"/>
                </a:cubicBezTo>
                <a:cubicBezTo>
                  <a:pt x="19" y="1"/>
                  <a:pt x="13" y="0"/>
                  <a:pt x="8" y="2"/>
                </a:cubicBezTo>
                <a:cubicBezTo>
                  <a:pt x="3" y="4"/>
                  <a:pt x="0" y="9"/>
                  <a:pt x="0" y="14"/>
                </a:cubicBezTo>
                <a:cubicBezTo>
                  <a:pt x="0" y="270"/>
                  <a:pt x="0" y="270"/>
                  <a:pt x="0" y="270"/>
                </a:cubicBezTo>
                <a:cubicBezTo>
                  <a:pt x="0" y="278"/>
                  <a:pt x="6" y="284"/>
                  <a:pt x="13" y="284"/>
                </a:cubicBezTo>
                <a:cubicBezTo>
                  <a:pt x="339" y="284"/>
                  <a:pt x="339" y="284"/>
                  <a:pt x="339" y="284"/>
                </a:cubicBezTo>
                <a:cubicBezTo>
                  <a:pt x="347" y="284"/>
                  <a:pt x="353" y="278"/>
                  <a:pt x="353" y="270"/>
                </a:cubicBezTo>
                <a:cubicBezTo>
                  <a:pt x="353" y="263"/>
                  <a:pt x="347" y="257"/>
                  <a:pt x="339" y="25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4" name="Freeform 584"/>
          <p:cNvSpPr>
            <a:spLocks/>
          </p:cNvSpPr>
          <p:nvPr userDrawn="1"/>
        </p:nvSpPr>
        <p:spPr bwMode="auto">
          <a:xfrm>
            <a:off x="9399630" y="3681867"/>
            <a:ext cx="363538" cy="509587"/>
          </a:xfrm>
          <a:custGeom>
            <a:avLst/>
            <a:gdLst/>
            <a:ahLst/>
            <a:cxnLst>
              <a:cxn ang="0">
                <a:pos x="311" y="117"/>
              </a:cxn>
              <a:cxn ang="0">
                <a:pos x="246" y="130"/>
              </a:cxn>
              <a:cxn ang="0">
                <a:pos x="209" y="151"/>
              </a:cxn>
              <a:cxn ang="0">
                <a:pos x="153" y="195"/>
              </a:cxn>
              <a:cxn ang="0">
                <a:pos x="151" y="320"/>
              </a:cxn>
              <a:cxn ang="0">
                <a:pos x="116" y="286"/>
              </a:cxn>
              <a:cxn ang="0">
                <a:pos x="100" y="271"/>
              </a:cxn>
              <a:cxn ang="0">
                <a:pos x="132" y="192"/>
              </a:cxn>
              <a:cxn ang="0">
                <a:pos x="148" y="170"/>
              </a:cxn>
              <a:cxn ang="0">
                <a:pos x="66" y="131"/>
              </a:cxn>
              <a:cxn ang="0">
                <a:pos x="74" y="280"/>
              </a:cxn>
              <a:cxn ang="0">
                <a:pos x="88" y="295"/>
              </a:cxn>
              <a:cxn ang="0">
                <a:pos x="147" y="356"/>
              </a:cxn>
              <a:cxn ang="0">
                <a:pos x="154" y="364"/>
              </a:cxn>
              <a:cxn ang="0">
                <a:pos x="155" y="365"/>
              </a:cxn>
              <a:cxn ang="0">
                <a:pos x="156" y="366"/>
              </a:cxn>
              <a:cxn ang="0">
                <a:pos x="157" y="366"/>
              </a:cxn>
              <a:cxn ang="0">
                <a:pos x="159" y="367"/>
              </a:cxn>
              <a:cxn ang="0">
                <a:pos x="159" y="367"/>
              </a:cxn>
              <a:cxn ang="0">
                <a:pos x="161" y="368"/>
              </a:cxn>
              <a:cxn ang="0">
                <a:pos x="162" y="368"/>
              </a:cxn>
              <a:cxn ang="0">
                <a:pos x="163" y="368"/>
              </a:cxn>
              <a:cxn ang="0">
                <a:pos x="164" y="368"/>
              </a:cxn>
              <a:cxn ang="0">
                <a:pos x="167" y="368"/>
              </a:cxn>
              <a:cxn ang="0">
                <a:pos x="168" y="367"/>
              </a:cxn>
              <a:cxn ang="0">
                <a:pos x="169" y="367"/>
              </a:cxn>
              <a:cxn ang="0">
                <a:pos x="171" y="366"/>
              </a:cxn>
              <a:cxn ang="0">
                <a:pos x="172" y="365"/>
              </a:cxn>
              <a:cxn ang="0">
                <a:pos x="173" y="365"/>
              </a:cxn>
              <a:cxn ang="0">
                <a:pos x="174" y="364"/>
              </a:cxn>
              <a:cxn ang="0">
                <a:pos x="174" y="364"/>
              </a:cxn>
              <a:cxn ang="0">
                <a:pos x="217" y="317"/>
              </a:cxn>
              <a:cxn ang="0">
                <a:pos x="247" y="290"/>
              </a:cxn>
              <a:cxn ang="0">
                <a:pos x="263" y="187"/>
              </a:cxn>
              <a:cxn ang="0">
                <a:pos x="237" y="184"/>
              </a:cxn>
              <a:cxn ang="0">
                <a:pos x="223" y="275"/>
              </a:cxn>
              <a:cxn ang="0">
                <a:pos x="177" y="320"/>
              </a:cxn>
              <a:cxn ang="0">
                <a:pos x="194" y="193"/>
              </a:cxn>
              <a:cxn ang="0">
                <a:pos x="252" y="157"/>
              </a:cxn>
              <a:cxn ang="0">
                <a:pos x="258" y="154"/>
              </a:cxn>
              <a:cxn ang="0">
                <a:pos x="286" y="257"/>
              </a:cxn>
              <a:cxn ang="0">
                <a:pos x="182" y="423"/>
              </a:cxn>
              <a:cxn ang="0">
                <a:pos x="161" y="426"/>
              </a:cxn>
              <a:cxn ang="0">
                <a:pos x="114" y="404"/>
              </a:cxn>
              <a:cxn ang="0">
                <a:pos x="26" y="100"/>
              </a:cxn>
              <a:cxn ang="0">
                <a:pos x="27" y="81"/>
              </a:cxn>
              <a:cxn ang="0">
                <a:pos x="84" y="47"/>
              </a:cxn>
              <a:cxn ang="0">
                <a:pos x="162" y="27"/>
              </a:cxn>
              <a:cxn ang="0">
                <a:pos x="284" y="72"/>
              </a:cxn>
              <a:cxn ang="0">
                <a:pos x="299" y="83"/>
              </a:cxn>
              <a:cxn ang="0">
                <a:pos x="318" y="64"/>
              </a:cxn>
              <a:cxn ang="0">
                <a:pos x="251" y="23"/>
              </a:cxn>
              <a:cxn ang="0">
                <a:pos x="162" y="0"/>
              </a:cxn>
              <a:cxn ang="0">
                <a:pos x="25" y="50"/>
              </a:cxn>
              <a:cxn ang="0">
                <a:pos x="6" y="64"/>
              </a:cxn>
              <a:cxn ang="0">
                <a:pos x="1" y="76"/>
              </a:cxn>
              <a:cxn ang="0">
                <a:pos x="12" y="261"/>
              </a:cxn>
              <a:cxn ang="0">
                <a:pos x="132" y="447"/>
              </a:cxn>
              <a:cxn ang="0">
                <a:pos x="162" y="453"/>
              </a:cxn>
              <a:cxn ang="0">
                <a:pos x="162" y="453"/>
              </a:cxn>
              <a:cxn ang="0">
                <a:pos x="228" y="424"/>
              </a:cxn>
              <a:cxn ang="0">
                <a:pos x="324" y="130"/>
              </a:cxn>
            </a:cxnLst>
            <a:rect l="0" t="0" r="r" b="b"/>
            <a:pathLst>
              <a:path w="324" h="453">
                <a:moveTo>
                  <a:pt x="320" y="121"/>
                </a:moveTo>
                <a:cubicBezTo>
                  <a:pt x="317" y="118"/>
                  <a:pt x="314" y="117"/>
                  <a:pt x="311" y="117"/>
                </a:cubicBezTo>
                <a:cubicBezTo>
                  <a:pt x="309" y="116"/>
                  <a:pt x="308" y="116"/>
                  <a:pt x="306" y="116"/>
                </a:cubicBezTo>
                <a:cubicBezTo>
                  <a:pt x="288" y="116"/>
                  <a:pt x="265" y="121"/>
                  <a:pt x="246" y="130"/>
                </a:cubicBezTo>
                <a:cubicBezTo>
                  <a:pt x="246" y="130"/>
                  <a:pt x="246" y="130"/>
                  <a:pt x="246" y="130"/>
                </a:cubicBezTo>
                <a:cubicBezTo>
                  <a:pt x="246" y="130"/>
                  <a:pt x="229" y="139"/>
                  <a:pt x="209" y="151"/>
                </a:cubicBezTo>
                <a:cubicBezTo>
                  <a:pt x="199" y="157"/>
                  <a:pt x="188" y="164"/>
                  <a:pt x="178" y="171"/>
                </a:cubicBezTo>
                <a:cubicBezTo>
                  <a:pt x="168" y="179"/>
                  <a:pt x="159" y="187"/>
                  <a:pt x="153" y="195"/>
                </a:cubicBezTo>
                <a:cubicBezTo>
                  <a:pt x="151" y="198"/>
                  <a:pt x="151" y="200"/>
                  <a:pt x="151" y="203"/>
                </a:cubicBezTo>
                <a:cubicBezTo>
                  <a:pt x="151" y="320"/>
                  <a:pt x="151" y="320"/>
                  <a:pt x="151" y="320"/>
                </a:cubicBezTo>
                <a:cubicBezTo>
                  <a:pt x="148" y="318"/>
                  <a:pt x="145" y="315"/>
                  <a:pt x="142" y="312"/>
                </a:cubicBezTo>
                <a:cubicBezTo>
                  <a:pt x="134" y="303"/>
                  <a:pt x="125" y="293"/>
                  <a:pt x="116" y="286"/>
                </a:cubicBezTo>
                <a:cubicBezTo>
                  <a:pt x="112" y="282"/>
                  <a:pt x="108" y="278"/>
                  <a:pt x="105" y="275"/>
                </a:cubicBezTo>
                <a:cubicBezTo>
                  <a:pt x="103" y="274"/>
                  <a:pt x="102" y="272"/>
                  <a:pt x="100" y="271"/>
                </a:cubicBezTo>
                <a:cubicBezTo>
                  <a:pt x="89" y="165"/>
                  <a:pt x="89" y="165"/>
                  <a:pt x="89" y="165"/>
                </a:cubicBezTo>
                <a:cubicBezTo>
                  <a:pt x="102" y="172"/>
                  <a:pt x="118" y="182"/>
                  <a:pt x="132" y="192"/>
                </a:cubicBezTo>
                <a:cubicBezTo>
                  <a:pt x="138" y="196"/>
                  <a:pt x="146" y="195"/>
                  <a:pt x="151" y="189"/>
                </a:cubicBezTo>
                <a:cubicBezTo>
                  <a:pt x="155" y="183"/>
                  <a:pt x="154" y="174"/>
                  <a:pt x="148" y="170"/>
                </a:cubicBezTo>
                <a:cubicBezTo>
                  <a:pt x="118" y="148"/>
                  <a:pt x="79" y="130"/>
                  <a:pt x="79" y="130"/>
                </a:cubicBezTo>
                <a:cubicBezTo>
                  <a:pt x="75" y="128"/>
                  <a:pt x="70" y="129"/>
                  <a:pt x="66" y="131"/>
                </a:cubicBezTo>
                <a:cubicBezTo>
                  <a:pt x="62" y="134"/>
                  <a:pt x="60" y="139"/>
                  <a:pt x="60" y="144"/>
                </a:cubicBezTo>
                <a:cubicBezTo>
                  <a:pt x="74" y="280"/>
                  <a:pt x="74" y="280"/>
                  <a:pt x="74" y="280"/>
                </a:cubicBezTo>
                <a:cubicBezTo>
                  <a:pt x="75" y="284"/>
                  <a:pt x="77" y="288"/>
                  <a:pt x="81" y="290"/>
                </a:cubicBezTo>
                <a:cubicBezTo>
                  <a:pt x="82" y="291"/>
                  <a:pt x="84" y="293"/>
                  <a:pt x="88" y="295"/>
                </a:cubicBezTo>
                <a:cubicBezTo>
                  <a:pt x="98" y="304"/>
                  <a:pt x="115" y="322"/>
                  <a:pt x="129" y="337"/>
                </a:cubicBezTo>
                <a:cubicBezTo>
                  <a:pt x="136" y="344"/>
                  <a:pt x="142" y="351"/>
                  <a:pt x="147" y="356"/>
                </a:cubicBezTo>
                <a:cubicBezTo>
                  <a:pt x="151" y="361"/>
                  <a:pt x="154" y="364"/>
                  <a:pt x="154" y="364"/>
                </a:cubicBezTo>
                <a:cubicBezTo>
                  <a:pt x="154" y="364"/>
                  <a:pt x="154" y="364"/>
                  <a:pt x="154" y="364"/>
                </a:cubicBezTo>
                <a:cubicBezTo>
                  <a:pt x="154" y="364"/>
                  <a:pt x="155" y="364"/>
                  <a:pt x="155" y="365"/>
                </a:cubicBezTo>
                <a:cubicBezTo>
                  <a:pt x="155" y="365"/>
                  <a:pt x="155" y="365"/>
                  <a:pt x="155" y="365"/>
                </a:cubicBezTo>
                <a:cubicBezTo>
                  <a:pt x="155" y="365"/>
                  <a:pt x="156" y="365"/>
                  <a:pt x="156" y="365"/>
                </a:cubicBezTo>
                <a:cubicBezTo>
                  <a:pt x="156" y="365"/>
                  <a:pt x="156" y="366"/>
                  <a:pt x="156" y="366"/>
                </a:cubicBezTo>
                <a:cubicBezTo>
                  <a:pt x="156" y="366"/>
                  <a:pt x="157" y="366"/>
                  <a:pt x="157" y="366"/>
                </a:cubicBezTo>
                <a:cubicBezTo>
                  <a:pt x="157" y="366"/>
                  <a:pt x="157" y="366"/>
                  <a:pt x="157" y="366"/>
                </a:cubicBezTo>
                <a:cubicBezTo>
                  <a:pt x="158" y="367"/>
                  <a:pt x="158" y="367"/>
                  <a:pt x="158" y="367"/>
                </a:cubicBezTo>
                <a:cubicBezTo>
                  <a:pt x="158" y="367"/>
                  <a:pt x="159" y="367"/>
                  <a:pt x="159" y="367"/>
                </a:cubicBezTo>
                <a:cubicBezTo>
                  <a:pt x="159" y="367"/>
                  <a:pt x="159" y="367"/>
                  <a:pt x="159" y="367"/>
                </a:cubicBezTo>
                <a:cubicBezTo>
                  <a:pt x="159" y="367"/>
                  <a:pt x="159" y="367"/>
                  <a:pt x="159" y="367"/>
                </a:cubicBezTo>
                <a:cubicBezTo>
                  <a:pt x="160" y="367"/>
                  <a:pt x="160" y="367"/>
                  <a:pt x="160" y="367"/>
                </a:cubicBezTo>
                <a:cubicBezTo>
                  <a:pt x="160" y="368"/>
                  <a:pt x="161" y="368"/>
                  <a:pt x="161" y="368"/>
                </a:cubicBezTo>
                <a:cubicBezTo>
                  <a:pt x="161" y="368"/>
                  <a:pt x="161" y="368"/>
                  <a:pt x="161" y="368"/>
                </a:cubicBezTo>
                <a:cubicBezTo>
                  <a:pt x="162" y="368"/>
                  <a:pt x="162" y="368"/>
                  <a:pt x="162" y="368"/>
                </a:cubicBezTo>
                <a:cubicBezTo>
                  <a:pt x="162" y="368"/>
                  <a:pt x="163" y="368"/>
                  <a:pt x="163" y="368"/>
                </a:cubicBezTo>
                <a:cubicBezTo>
                  <a:pt x="163" y="368"/>
                  <a:pt x="163" y="368"/>
                  <a:pt x="163" y="368"/>
                </a:cubicBezTo>
                <a:cubicBezTo>
                  <a:pt x="164" y="368"/>
                  <a:pt x="164" y="368"/>
                  <a:pt x="164" y="368"/>
                </a:cubicBezTo>
                <a:cubicBezTo>
                  <a:pt x="164" y="368"/>
                  <a:pt x="164" y="368"/>
                  <a:pt x="164" y="368"/>
                </a:cubicBezTo>
                <a:cubicBezTo>
                  <a:pt x="164" y="368"/>
                  <a:pt x="164" y="368"/>
                  <a:pt x="164" y="368"/>
                </a:cubicBezTo>
                <a:cubicBezTo>
                  <a:pt x="165" y="368"/>
                  <a:pt x="166" y="368"/>
                  <a:pt x="167" y="368"/>
                </a:cubicBezTo>
                <a:cubicBezTo>
                  <a:pt x="167" y="368"/>
                  <a:pt x="167" y="368"/>
                  <a:pt x="167" y="368"/>
                </a:cubicBezTo>
                <a:cubicBezTo>
                  <a:pt x="167" y="368"/>
                  <a:pt x="168" y="368"/>
                  <a:pt x="168" y="367"/>
                </a:cubicBezTo>
                <a:cubicBezTo>
                  <a:pt x="168" y="367"/>
                  <a:pt x="168" y="367"/>
                  <a:pt x="168" y="367"/>
                </a:cubicBezTo>
                <a:cubicBezTo>
                  <a:pt x="168" y="367"/>
                  <a:pt x="169" y="367"/>
                  <a:pt x="169" y="367"/>
                </a:cubicBezTo>
                <a:cubicBezTo>
                  <a:pt x="169" y="367"/>
                  <a:pt x="169" y="367"/>
                  <a:pt x="169" y="367"/>
                </a:cubicBezTo>
                <a:cubicBezTo>
                  <a:pt x="170" y="367"/>
                  <a:pt x="170" y="366"/>
                  <a:pt x="171" y="366"/>
                </a:cubicBezTo>
                <a:cubicBezTo>
                  <a:pt x="171" y="366"/>
                  <a:pt x="171" y="366"/>
                  <a:pt x="172" y="366"/>
                </a:cubicBezTo>
                <a:cubicBezTo>
                  <a:pt x="172" y="365"/>
                  <a:pt x="172" y="365"/>
                  <a:pt x="172" y="365"/>
                </a:cubicBezTo>
                <a:cubicBezTo>
                  <a:pt x="172" y="365"/>
                  <a:pt x="172" y="365"/>
                  <a:pt x="173" y="365"/>
                </a:cubicBezTo>
                <a:cubicBezTo>
                  <a:pt x="173" y="365"/>
                  <a:pt x="173" y="365"/>
                  <a:pt x="173" y="365"/>
                </a:cubicBezTo>
                <a:cubicBezTo>
                  <a:pt x="173" y="365"/>
                  <a:pt x="173" y="365"/>
                  <a:pt x="173" y="365"/>
                </a:cubicBezTo>
                <a:cubicBezTo>
                  <a:pt x="173" y="364"/>
                  <a:pt x="173" y="364"/>
                  <a:pt x="174" y="364"/>
                </a:cubicBezTo>
                <a:cubicBezTo>
                  <a:pt x="174" y="364"/>
                  <a:pt x="174" y="364"/>
                  <a:pt x="174" y="364"/>
                </a:cubicBezTo>
                <a:cubicBezTo>
                  <a:pt x="174" y="364"/>
                  <a:pt x="174" y="364"/>
                  <a:pt x="174" y="364"/>
                </a:cubicBezTo>
                <a:cubicBezTo>
                  <a:pt x="174" y="364"/>
                  <a:pt x="177" y="360"/>
                  <a:pt x="183" y="353"/>
                </a:cubicBezTo>
                <a:cubicBezTo>
                  <a:pt x="192" y="344"/>
                  <a:pt x="205" y="330"/>
                  <a:pt x="217" y="317"/>
                </a:cubicBezTo>
                <a:cubicBezTo>
                  <a:pt x="224" y="311"/>
                  <a:pt x="230" y="304"/>
                  <a:pt x="235" y="300"/>
                </a:cubicBezTo>
                <a:cubicBezTo>
                  <a:pt x="240" y="295"/>
                  <a:pt x="245" y="291"/>
                  <a:pt x="247" y="290"/>
                </a:cubicBezTo>
                <a:cubicBezTo>
                  <a:pt x="251" y="288"/>
                  <a:pt x="253" y="284"/>
                  <a:pt x="253" y="280"/>
                </a:cubicBezTo>
                <a:cubicBezTo>
                  <a:pt x="263" y="187"/>
                  <a:pt x="263" y="187"/>
                  <a:pt x="263" y="187"/>
                </a:cubicBezTo>
                <a:cubicBezTo>
                  <a:pt x="264" y="179"/>
                  <a:pt x="258" y="173"/>
                  <a:pt x="251" y="172"/>
                </a:cubicBezTo>
                <a:cubicBezTo>
                  <a:pt x="244" y="171"/>
                  <a:pt x="237" y="177"/>
                  <a:pt x="237" y="184"/>
                </a:cubicBezTo>
                <a:cubicBezTo>
                  <a:pt x="227" y="271"/>
                  <a:pt x="227" y="271"/>
                  <a:pt x="227" y="271"/>
                </a:cubicBezTo>
                <a:cubicBezTo>
                  <a:pt x="226" y="272"/>
                  <a:pt x="224" y="274"/>
                  <a:pt x="223" y="275"/>
                </a:cubicBezTo>
                <a:cubicBezTo>
                  <a:pt x="210" y="286"/>
                  <a:pt x="193" y="303"/>
                  <a:pt x="179" y="318"/>
                </a:cubicBezTo>
                <a:cubicBezTo>
                  <a:pt x="179" y="319"/>
                  <a:pt x="178" y="320"/>
                  <a:pt x="177" y="320"/>
                </a:cubicBezTo>
                <a:cubicBezTo>
                  <a:pt x="177" y="208"/>
                  <a:pt x="177" y="208"/>
                  <a:pt x="177" y="208"/>
                </a:cubicBezTo>
                <a:cubicBezTo>
                  <a:pt x="181" y="203"/>
                  <a:pt x="187" y="198"/>
                  <a:pt x="194" y="193"/>
                </a:cubicBezTo>
                <a:cubicBezTo>
                  <a:pt x="207" y="183"/>
                  <a:pt x="223" y="173"/>
                  <a:pt x="236" y="166"/>
                </a:cubicBezTo>
                <a:cubicBezTo>
                  <a:pt x="242" y="162"/>
                  <a:pt x="248" y="159"/>
                  <a:pt x="252" y="157"/>
                </a:cubicBezTo>
                <a:cubicBezTo>
                  <a:pt x="254" y="156"/>
                  <a:pt x="255" y="155"/>
                  <a:pt x="256" y="155"/>
                </a:cubicBezTo>
                <a:cubicBezTo>
                  <a:pt x="257" y="155"/>
                  <a:pt x="257" y="154"/>
                  <a:pt x="258" y="154"/>
                </a:cubicBezTo>
                <a:cubicBezTo>
                  <a:pt x="269" y="149"/>
                  <a:pt x="284" y="145"/>
                  <a:pt x="296" y="144"/>
                </a:cubicBezTo>
                <a:cubicBezTo>
                  <a:pt x="294" y="185"/>
                  <a:pt x="289" y="235"/>
                  <a:pt x="286" y="257"/>
                </a:cubicBezTo>
                <a:cubicBezTo>
                  <a:pt x="274" y="336"/>
                  <a:pt x="237" y="381"/>
                  <a:pt x="210" y="404"/>
                </a:cubicBezTo>
                <a:cubicBezTo>
                  <a:pt x="199" y="414"/>
                  <a:pt x="190" y="419"/>
                  <a:pt x="182" y="423"/>
                </a:cubicBezTo>
                <a:cubicBezTo>
                  <a:pt x="175" y="426"/>
                  <a:pt x="169" y="426"/>
                  <a:pt x="163" y="426"/>
                </a:cubicBezTo>
                <a:cubicBezTo>
                  <a:pt x="162" y="426"/>
                  <a:pt x="162" y="426"/>
                  <a:pt x="161" y="426"/>
                </a:cubicBezTo>
                <a:cubicBezTo>
                  <a:pt x="155" y="426"/>
                  <a:pt x="149" y="426"/>
                  <a:pt x="142" y="423"/>
                </a:cubicBezTo>
                <a:cubicBezTo>
                  <a:pt x="134" y="419"/>
                  <a:pt x="125" y="414"/>
                  <a:pt x="114" y="404"/>
                </a:cubicBezTo>
                <a:cubicBezTo>
                  <a:pt x="87" y="381"/>
                  <a:pt x="50" y="336"/>
                  <a:pt x="38" y="257"/>
                </a:cubicBezTo>
                <a:cubicBezTo>
                  <a:pt x="34" y="226"/>
                  <a:pt x="26" y="142"/>
                  <a:pt x="26" y="100"/>
                </a:cubicBezTo>
                <a:cubicBezTo>
                  <a:pt x="26" y="93"/>
                  <a:pt x="26" y="87"/>
                  <a:pt x="27" y="83"/>
                </a:cubicBezTo>
                <a:cubicBezTo>
                  <a:pt x="27" y="83"/>
                  <a:pt x="27" y="82"/>
                  <a:pt x="27" y="81"/>
                </a:cubicBezTo>
                <a:cubicBezTo>
                  <a:pt x="28" y="81"/>
                  <a:pt x="29" y="80"/>
                  <a:pt x="30" y="79"/>
                </a:cubicBezTo>
                <a:cubicBezTo>
                  <a:pt x="39" y="72"/>
                  <a:pt x="59" y="59"/>
                  <a:pt x="84" y="47"/>
                </a:cubicBezTo>
                <a:cubicBezTo>
                  <a:pt x="108" y="36"/>
                  <a:pt x="137" y="26"/>
                  <a:pt x="162" y="27"/>
                </a:cubicBezTo>
                <a:cubicBezTo>
                  <a:pt x="162" y="27"/>
                  <a:pt x="162" y="27"/>
                  <a:pt x="162" y="27"/>
                </a:cubicBezTo>
                <a:cubicBezTo>
                  <a:pt x="191" y="26"/>
                  <a:pt x="224" y="39"/>
                  <a:pt x="250" y="52"/>
                </a:cubicBezTo>
                <a:cubicBezTo>
                  <a:pt x="263" y="59"/>
                  <a:pt x="275" y="66"/>
                  <a:pt x="284" y="72"/>
                </a:cubicBezTo>
                <a:cubicBezTo>
                  <a:pt x="288" y="75"/>
                  <a:pt x="291" y="77"/>
                  <a:pt x="294" y="79"/>
                </a:cubicBezTo>
                <a:cubicBezTo>
                  <a:pt x="297" y="81"/>
                  <a:pt x="299" y="83"/>
                  <a:pt x="299" y="83"/>
                </a:cubicBezTo>
                <a:cubicBezTo>
                  <a:pt x="304" y="88"/>
                  <a:pt x="312" y="88"/>
                  <a:pt x="318" y="83"/>
                </a:cubicBezTo>
                <a:cubicBezTo>
                  <a:pt x="323" y="78"/>
                  <a:pt x="323" y="69"/>
                  <a:pt x="318" y="64"/>
                </a:cubicBezTo>
                <a:cubicBezTo>
                  <a:pt x="316" y="62"/>
                  <a:pt x="313" y="60"/>
                  <a:pt x="310" y="58"/>
                </a:cubicBezTo>
                <a:cubicBezTo>
                  <a:pt x="299" y="50"/>
                  <a:pt x="278" y="35"/>
                  <a:pt x="251" y="23"/>
                </a:cubicBezTo>
                <a:cubicBezTo>
                  <a:pt x="225" y="11"/>
                  <a:pt x="194" y="0"/>
                  <a:pt x="162" y="0"/>
                </a:cubicBezTo>
                <a:cubicBezTo>
                  <a:pt x="162" y="0"/>
                  <a:pt x="162" y="0"/>
                  <a:pt x="162" y="0"/>
                </a:cubicBezTo>
                <a:cubicBezTo>
                  <a:pt x="126" y="0"/>
                  <a:pt x="90" y="14"/>
                  <a:pt x="61" y="28"/>
                </a:cubicBezTo>
                <a:cubicBezTo>
                  <a:pt x="47" y="36"/>
                  <a:pt x="35" y="43"/>
                  <a:pt x="25" y="50"/>
                </a:cubicBezTo>
                <a:cubicBezTo>
                  <a:pt x="21" y="53"/>
                  <a:pt x="17" y="56"/>
                  <a:pt x="14" y="58"/>
                </a:cubicBezTo>
                <a:cubicBezTo>
                  <a:pt x="10" y="60"/>
                  <a:pt x="8" y="62"/>
                  <a:pt x="6" y="64"/>
                </a:cubicBezTo>
                <a:cubicBezTo>
                  <a:pt x="4" y="66"/>
                  <a:pt x="3" y="68"/>
                  <a:pt x="3" y="69"/>
                </a:cubicBezTo>
                <a:cubicBezTo>
                  <a:pt x="2" y="72"/>
                  <a:pt x="1" y="74"/>
                  <a:pt x="1" y="76"/>
                </a:cubicBezTo>
                <a:cubicBezTo>
                  <a:pt x="0" y="82"/>
                  <a:pt x="0" y="90"/>
                  <a:pt x="0" y="100"/>
                </a:cubicBezTo>
                <a:cubicBezTo>
                  <a:pt x="0" y="145"/>
                  <a:pt x="7" y="228"/>
                  <a:pt x="12" y="261"/>
                </a:cubicBezTo>
                <a:cubicBezTo>
                  <a:pt x="25" y="347"/>
                  <a:pt x="66" y="398"/>
                  <a:pt x="96" y="424"/>
                </a:cubicBezTo>
                <a:cubicBezTo>
                  <a:pt x="109" y="436"/>
                  <a:pt x="121" y="443"/>
                  <a:pt x="132" y="447"/>
                </a:cubicBezTo>
                <a:cubicBezTo>
                  <a:pt x="143" y="452"/>
                  <a:pt x="153" y="453"/>
                  <a:pt x="162" y="453"/>
                </a:cubicBezTo>
                <a:cubicBezTo>
                  <a:pt x="162" y="453"/>
                  <a:pt x="162" y="453"/>
                  <a:pt x="162" y="453"/>
                </a:cubicBezTo>
                <a:cubicBezTo>
                  <a:pt x="162" y="453"/>
                  <a:pt x="162" y="453"/>
                  <a:pt x="162" y="453"/>
                </a:cubicBezTo>
                <a:cubicBezTo>
                  <a:pt x="162" y="453"/>
                  <a:pt x="162" y="453"/>
                  <a:pt x="162" y="453"/>
                </a:cubicBezTo>
                <a:cubicBezTo>
                  <a:pt x="171" y="453"/>
                  <a:pt x="181" y="452"/>
                  <a:pt x="192" y="447"/>
                </a:cubicBezTo>
                <a:cubicBezTo>
                  <a:pt x="203" y="443"/>
                  <a:pt x="215" y="436"/>
                  <a:pt x="228" y="424"/>
                </a:cubicBezTo>
                <a:cubicBezTo>
                  <a:pt x="258" y="398"/>
                  <a:pt x="299" y="347"/>
                  <a:pt x="312" y="261"/>
                </a:cubicBezTo>
                <a:cubicBezTo>
                  <a:pt x="316" y="235"/>
                  <a:pt x="321" y="176"/>
                  <a:pt x="324" y="130"/>
                </a:cubicBezTo>
                <a:cubicBezTo>
                  <a:pt x="324" y="127"/>
                  <a:pt x="322" y="123"/>
                  <a:pt x="320" y="12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5" name="Freeform 592"/>
          <p:cNvSpPr>
            <a:spLocks/>
          </p:cNvSpPr>
          <p:nvPr userDrawn="1"/>
        </p:nvSpPr>
        <p:spPr bwMode="auto">
          <a:xfrm>
            <a:off x="9323431" y="3061602"/>
            <a:ext cx="515937" cy="373062"/>
          </a:xfrm>
          <a:custGeom>
            <a:avLst/>
            <a:gdLst/>
            <a:ahLst/>
            <a:cxnLst>
              <a:cxn ang="0">
                <a:pos x="445" y="331"/>
              </a:cxn>
              <a:cxn ang="0">
                <a:pos x="13" y="331"/>
              </a:cxn>
              <a:cxn ang="0">
                <a:pos x="0" y="317"/>
              </a:cxn>
              <a:cxn ang="0">
                <a:pos x="0" y="282"/>
              </a:cxn>
              <a:cxn ang="0">
                <a:pos x="4" y="272"/>
              </a:cxn>
              <a:cxn ang="0">
                <a:pos x="70" y="207"/>
              </a:cxn>
              <a:cxn ang="0">
                <a:pos x="70" y="13"/>
              </a:cxn>
              <a:cxn ang="0">
                <a:pos x="83" y="0"/>
              </a:cxn>
              <a:cxn ang="0">
                <a:pos x="375" y="0"/>
              </a:cxn>
              <a:cxn ang="0">
                <a:pos x="388" y="13"/>
              </a:cxn>
              <a:cxn ang="0">
                <a:pos x="388" y="188"/>
              </a:cxn>
              <a:cxn ang="0">
                <a:pos x="375" y="202"/>
              </a:cxn>
              <a:cxn ang="0">
                <a:pos x="361" y="188"/>
              </a:cxn>
              <a:cxn ang="0">
                <a:pos x="361" y="27"/>
              </a:cxn>
              <a:cxn ang="0">
                <a:pos x="97" y="27"/>
              </a:cxn>
              <a:cxn ang="0">
                <a:pos x="97" y="213"/>
              </a:cxn>
              <a:cxn ang="0">
                <a:pos x="93" y="222"/>
              </a:cxn>
              <a:cxn ang="0">
                <a:pos x="26" y="288"/>
              </a:cxn>
              <a:cxn ang="0">
                <a:pos x="26" y="304"/>
              </a:cxn>
              <a:cxn ang="0">
                <a:pos x="432" y="304"/>
              </a:cxn>
              <a:cxn ang="0">
                <a:pos x="432" y="288"/>
              </a:cxn>
              <a:cxn ang="0">
                <a:pos x="371" y="240"/>
              </a:cxn>
              <a:cxn ang="0">
                <a:pos x="139" y="240"/>
              </a:cxn>
              <a:cxn ang="0">
                <a:pos x="126" y="254"/>
              </a:cxn>
              <a:cxn ang="0">
                <a:pos x="363" y="254"/>
              </a:cxn>
              <a:cxn ang="0">
                <a:pos x="377" y="267"/>
              </a:cxn>
              <a:cxn ang="0">
                <a:pos x="363" y="280"/>
              </a:cxn>
              <a:cxn ang="0">
                <a:pos x="96" y="280"/>
              </a:cxn>
              <a:cxn ang="0">
                <a:pos x="83" y="272"/>
              </a:cxn>
              <a:cxn ang="0">
                <a:pos x="86" y="258"/>
              </a:cxn>
              <a:cxn ang="0">
                <a:pos x="124" y="217"/>
              </a:cxn>
              <a:cxn ang="0">
                <a:pos x="134" y="213"/>
              </a:cxn>
              <a:cxn ang="0">
                <a:pos x="376" y="213"/>
              </a:cxn>
              <a:cxn ang="0">
                <a:pos x="385" y="216"/>
              </a:cxn>
              <a:cxn ang="0">
                <a:pos x="454" y="272"/>
              </a:cxn>
              <a:cxn ang="0">
                <a:pos x="458" y="282"/>
              </a:cxn>
              <a:cxn ang="0">
                <a:pos x="458" y="317"/>
              </a:cxn>
              <a:cxn ang="0">
                <a:pos x="445" y="331"/>
              </a:cxn>
            </a:cxnLst>
            <a:rect l="0" t="0" r="r" b="b"/>
            <a:pathLst>
              <a:path w="458" h="331">
                <a:moveTo>
                  <a:pt x="445" y="331"/>
                </a:moveTo>
                <a:cubicBezTo>
                  <a:pt x="13" y="331"/>
                  <a:pt x="13" y="331"/>
                  <a:pt x="13" y="331"/>
                </a:cubicBezTo>
                <a:cubicBezTo>
                  <a:pt x="5" y="331"/>
                  <a:pt x="0" y="325"/>
                  <a:pt x="0" y="317"/>
                </a:cubicBezTo>
                <a:cubicBezTo>
                  <a:pt x="0" y="282"/>
                  <a:pt x="0" y="282"/>
                  <a:pt x="0" y="282"/>
                </a:cubicBezTo>
                <a:cubicBezTo>
                  <a:pt x="0" y="278"/>
                  <a:pt x="1" y="275"/>
                  <a:pt x="4" y="272"/>
                </a:cubicBezTo>
                <a:cubicBezTo>
                  <a:pt x="70" y="207"/>
                  <a:pt x="70" y="207"/>
                  <a:pt x="70" y="207"/>
                </a:cubicBezTo>
                <a:cubicBezTo>
                  <a:pt x="70" y="13"/>
                  <a:pt x="70" y="13"/>
                  <a:pt x="70" y="13"/>
                </a:cubicBezTo>
                <a:cubicBezTo>
                  <a:pt x="70" y="6"/>
                  <a:pt x="76" y="0"/>
                  <a:pt x="83" y="0"/>
                </a:cubicBezTo>
                <a:cubicBezTo>
                  <a:pt x="375" y="0"/>
                  <a:pt x="375" y="0"/>
                  <a:pt x="375" y="0"/>
                </a:cubicBezTo>
                <a:cubicBezTo>
                  <a:pt x="382" y="0"/>
                  <a:pt x="388" y="6"/>
                  <a:pt x="388" y="13"/>
                </a:cubicBezTo>
                <a:cubicBezTo>
                  <a:pt x="388" y="188"/>
                  <a:pt x="388" y="188"/>
                  <a:pt x="388" y="188"/>
                </a:cubicBezTo>
                <a:cubicBezTo>
                  <a:pt x="388" y="196"/>
                  <a:pt x="382" y="202"/>
                  <a:pt x="375" y="202"/>
                </a:cubicBezTo>
                <a:cubicBezTo>
                  <a:pt x="367" y="202"/>
                  <a:pt x="361" y="196"/>
                  <a:pt x="361" y="188"/>
                </a:cubicBezTo>
                <a:cubicBezTo>
                  <a:pt x="361" y="27"/>
                  <a:pt x="361" y="27"/>
                  <a:pt x="361" y="27"/>
                </a:cubicBezTo>
                <a:cubicBezTo>
                  <a:pt x="97" y="27"/>
                  <a:pt x="97" y="27"/>
                  <a:pt x="97" y="27"/>
                </a:cubicBezTo>
                <a:cubicBezTo>
                  <a:pt x="97" y="213"/>
                  <a:pt x="97" y="213"/>
                  <a:pt x="97" y="213"/>
                </a:cubicBezTo>
                <a:cubicBezTo>
                  <a:pt x="97" y="217"/>
                  <a:pt x="95" y="220"/>
                  <a:pt x="93" y="222"/>
                </a:cubicBezTo>
                <a:cubicBezTo>
                  <a:pt x="26" y="288"/>
                  <a:pt x="26" y="288"/>
                  <a:pt x="26" y="288"/>
                </a:cubicBezTo>
                <a:cubicBezTo>
                  <a:pt x="26" y="304"/>
                  <a:pt x="26" y="304"/>
                  <a:pt x="26" y="304"/>
                </a:cubicBezTo>
                <a:cubicBezTo>
                  <a:pt x="432" y="304"/>
                  <a:pt x="432" y="304"/>
                  <a:pt x="432" y="304"/>
                </a:cubicBezTo>
                <a:cubicBezTo>
                  <a:pt x="432" y="288"/>
                  <a:pt x="432" y="288"/>
                  <a:pt x="432" y="288"/>
                </a:cubicBezTo>
                <a:cubicBezTo>
                  <a:pt x="371" y="240"/>
                  <a:pt x="371" y="240"/>
                  <a:pt x="371" y="240"/>
                </a:cubicBezTo>
                <a:cubicBezTo>
                  <a:pt x="139" y="240"/>
                  <a:pt x="139" y="240"/>
                  <a:pt x="139" y="240"/>
                </a:cubicBezTo>
                <a:cubicBezTo>
                  <a:pt x="126" y="254"/>
                  <a:pt x="126" y="254"/>
                  <a:pt x="126" y="254"/>
                </a:cubicBezTo>
                <a:cubicBezTo>
                  <a:pt x="363" y="254"/>
                  <a:pt x="363" y="254"/>
                  <a:pt x="363" y="254"/>
                </a:cubicBezTo>
                <a:cubicBezTo>
                  <a:pt x="371" y="254"/>
                  <a:pt x="377" y="260"/>
                  <a:pt x="377" y="267"/>
                </a:cubicBezTo>
                <a:cubicBezTo>
                  <a:pt x="377" y="274"/>
                  <a:pt x="371" y="280"/>
                  <a:pt x="363" y="280"/>
                </a:cubicBezTo>
                <a:cubicBezTo>
                  <a:pt x="96" y="280"/>
                  <a:pt x="96" y="280"/>
                  <a:pt x="96" y="280"/>
                </a:cubicBezTo>
                <a:cubicBezTo>
                  <a:pt x="90" y="280"/>
                  <a:pt x="86" y="277"/>
                  <a:pt x="83" y="272"/>
                </a:cubicBezTo>
                <a:cubicBezTo>
                  <a:pt x="81" y="267"/>
                  <a:pt x="82" y="262"/>
                  <a:pt x="86" y="258"/>
                </a:cubicBezTo>
                <a:cubicBezTo>
                  <a:pt x="124" y="217"/>
                  <a:pt x="124" y="217"/>
                  <a:pt x="124" y="217"/>
                </a:cubicBezTo>
                <a:cubicBezTo>
                  <a:pt x="126" y="214"/>
                  <a:pt x="130" y="213"/>
                  <a:pt x="134" y="213"/>
                </a:cubicBezTo>
                <a:cubicBezTo>
                  <a:pt x="376" y="213"/>
                  <a:pt x="376" y="213"/>
                  <a:pt x="376" y="213"/>
                </a:cubicBezTo>
                <a:cubicBezTo>
                  <a:pt x="379" y="213"/>
                  <a:pt x="382" y="214"/>
                  <a:pt x="385" y="216"/>
                </a:cubicBezTo>
                <a:cubicBezTo>
                  <a:pt x="454" y="272"/>
                  <a:pt x="454" y="272"/>
                  <a:pt x="454" y="272"/>
                </a:cubicBezTo>
                <a:cubicBezTo>
                  <a:pt x="457" y="274"/>
                  <a:pt x="458" y="278"/>
                  <a:pt x="458" y="282"/>
                </a:cubicBezTo>
                <a:cubicBezTo>
                  <a:pt x="458" y="317"/>
                  <a:pt x="458" y="317"/>
                  <a:pt x="458" y="317"/>
                </a:cubicBezTo>
                <a:cubicBezTo>
                  <a:pt x="458" y="325"/>
                  <a:pt x="453" y="331"/>
                  <a:pt x="445" y="33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6" name="Freeform 644"/>
          <p:cNvSpPr>
            <a:spLocks/>
          </p:cNvSpPr>
          <p:nvPr userDrawn="1"/>
        </p:nvSpPr>
        <p:spPr bwMode="auto">
          <a:xfrm>
            <a:off x="9440112" y="1838229"/>
            <a:ext cx="282575" cy="331788"/>
          </a:xfrm>
          <a:custGeom>
            <a:avLst/>
            <a:gdLst/>
            <a:ahLst/>
            <a:cxnLst>
              <a:cxn ang="0">
                <a:pos x="218" y="89"/>
              </a:cxn>
              <a:cxn ang="0">
                <a:pos x="200" y="103"/>
              </a:cxn>
              <a:cxn ang="0">
                <a:pos x="195" y="116"/>
              </a:cxn>
              <a:cxn ang="0">
                <a:pos x="187" y="231"/>
              </a:cxn>
              <a:cxn ang="0">
                <a:pos x="83" y="247"/>
              </a:cxn>
              <a:cxn ang="0">
                <a:pos x="172" y="227"/>
              </a:cxn>
              <a:cxn ang="0">
                <a:pos x="184" y="223"/>
              </a:cxn>
              <a:cxn ang="0">
                <a:pos x="141" y="157"/>
              </a:cxn>
              <a:cxn ang="0">
                <a:pos x="130" y="157"/>
              </a:cxn>
              <a:cxn ang="0">
                <a:pos x="93" y="135"/>
              </a:cxn>
              <a:cxn ang="0">
                <a:pos x="130" y="152"/>
              </a:cxn>
              <a:cxn ang="0">
                <a:pos x="188" y="91"/>
              </a:cxn>
              <a:cxn ang="0">
                <a:pos x="185" y="87"/>
              </a:cxn>
              <a:cxn ang="0">
                <a:pos x="57" y="93"/>
              </a:cxn>
              <a:cxn ang="0">
                <a:pos x="48" y="101"/>
              </a:cxn>
              <a:cxn ang="0">
                <a:pos x="23" y="169"/>
              </a:cxn>
              <a:cxn ang="0">
                <a:pos x="34" y="233"/>
              </a:cxn>
              <a:cxn ang="0">
                <a:pos x="46" y="91"/>
              </a:cxn>
              <a:cxn ang="0">
                <a:pos x="112" y="59"/>
              </a:cxn>
              <a:cxn ang="0">
                <a:pos x="118" y="53"/>
              </a:cxn>
              <a:cxn ang="0">
                <a:pos x="107" y="31"/>
              </a:cxn>
              <a:cxn ang="0">
                <a:pos x="143" y="31"/>
              </a:cxn>
              <a:cxn ang="0">
                <a:pos x="132" y="53"/>
              </a:cxn>
              <a:cxn ang="0">
                <a:pos x="139" y="59"/>
              </a:cxn>
              <a:cxn ang="0">
                <a:pos x="194" y="82"/>
              </a:cxn>
              <a:cxn ang="0">
                <a:pos x="203" y="72"/>
              </a:cxn>
              <a:cxn ang="0">
                <a:pos x="157" y="31"/>
              </a:cxn>
              <a:cxn ang="0">
                <a:pos x="93" y="31"/>
              </a:cxn>
              <a:cxn ang="0">
                <a:pos x="36" y="81"/>
              </a:cxn>
              <a:cxn ang="0">
                <a:pos x="28" y="247"/>
              </a:cxn>
              <a:cxn ang="0">
                <a:pos x="33" y="250"/>
              </a:cxn>
              <a:cxn ang="0">
                <a:pos x="50" y="236"/>
              </a:cxn>
              <a:cxn ang="0">
                <a:pos x="55" y="223"/>
              </a:cxn>
              <a:cxn ang="0">
                <a:pos x="58" y="111"/>
              </a:cxn>
              <a:cxn ang="0">
                <a:pos x="125" y="81"/>
              </a:cxn>
              <a:cxn ang="0">
                <a:pos x="124" y="138"/>
              </a:cxn>
              <a:cxn ang="0">
                <a:pos x="70" y="110"/>
              </a:cxn>
              <a:cxn ang="0">
                <a:pos x="66" y="123"/>
              </a:cxn>
              <a:cxn ang="0">
                <a:pos x="117" y="186"/>
              </a:cxn>
              <a:cxn ang="0">
                <a:pos x="135" y="172"/>
              </a:cxn>
              <a:cxn ang="0">
                <a:pos x="131" y="187"/>
              </a:cxn>
              <a:cxn ang="0">
                <a:pos x="67" y="243"/>
              </a:cxn>
              <a:cxn ang="0">
                <a:pos x="68" y="254"/>
              </a:cxn>
              <a:cxn ang="0">
                <a:pos x="197" y="241"/>
              </a:cxn>
              <a:cxn ang="0">
                <a:pos x="210" y="112"/>
              </a:cxn>
              <a:cxn ang="0">
                <a:pos x="236" y="169"/>
              </a:cxn>
              <a:cxn ang="0">
                <a:pos x="125" y="280"/>
              </a:cxn>
              <a:cxn ang="0">
                <a:pos x="49" y="260"/>
              </a:cxn>
              <a:cxn ang="0">
                <a:pos x="50" y="269"/>
              </a:cxn>
              <a:cxn ang="0">
                <a:pos x="125" y="294"/>
              </a:cxn>
              <a:cxn ang="0">
                <a:pos x="249" y="169"/>
              </a:cxn>
            </a:cxnLst>
            <a:rect l="0" t="0" r="r" b="b"/>
            <a:pathLst>
              <a:path w="249" h="294">
                <a:moveTo>
                  <a:pt x="223" y="92"/>
                </a:moveTo>
                <a:cubicBezTo>
                  <a:pt x="221" y="90"/>
                  <a:pt x="220" y="89"/>
                  <a:pt x="218" y="89"/>
                </a:cubicBezTo>
                <a:cubicBezTo>
                  <a:pt x="216" y="89"/>
                  <a:pt x="214" y="90"/>
                  <a:pt x="212" y="91"/>
                </a:cubicBezTo>
                <a:cubicBezTo>
                  <a:pt x="200" y="103"/>
                  <a:pt x="200" y="103"/>
                  <a:pt x="200" y="103"/>
                </a:cubicBezTo>
                <a:cubicBezTo>
                  <a:pt x="196" y="106"/>
                  <a:pt x="196" y="106"/>
                  <a:pt x="196" y="106"/>
                </a:cubicBezTo>
                <a:cubicBezTo>
                  <a:pt x="193" y="109"/>
                  <a:pt x="193" y="113"/>
                  <a:pt x="195" y="116"/>
                </a:cubicBezTo>
                <a:cubicBezTo>
                  <a:pt x="207" y="131"/>
                  <a:pt x="213" y="150"/>
                  <a:pt x="213" y="169"/>
                </a:cubicBezTo>
                <a:cubicBezTo>
                  <a:pt x="213" y="192"/>
                  <a:pt x="204" y="214"/>
                  <a:pt x="187" y="231"/>
                </a:cubicBezTo>
                <a:cubicBezTo>
                  <a:pt x="170" y="249"/>
                  <a:pt x="147" y="257"/>
                  <a:pt x="125" y="257"/>
                </a:cubicBezTo>
                <a:cubicBezTo>
                  <a:pt x="110" y="257"/>
                  <a:pt x="96" y="254"/>
                  <a:pt x="83" y="247"/>
                </a:cubicBezTo>
                <a:cubicBezTo>
                  <a:pt x="128" y="202"/>
                  <a:pt x="128" y="202"/>
                  <a:pt x="128" y="202"/>
                </a:cubicBezTo>
                <a:cubicBezTo>
                  <a:pt x="172" y="227"/>
                  <a:pt x="172" y="227"/>
                  <a:pt x="172" y="227"/>
                </a:cubicBezTo>
                <a:cubicBezTo>
                  <a:pt x="175" y="229"/>
                  <a:pt x="178" y="229"/>
                  <a:pt x="181" y="226"/>
                </a:cubicBezTo>
                <a:cubicBezTo>
                  <a:pt x="184" y="223"/>
                  <a:pt x="184" y="223"/>
                  <a:pt x="184" y="223"/>
                </a:cubicBezTo>
                <a:cubicBezTo>
                  <a:pt x="186" y="220"/>
                  <a:pt x="186" y="217"/>
                  <a:pt x="184" y="214"/>
                </a:cubicBezTo>
                <a:cubicBezTo>
                  <a:pt x="141" y="157"/>
                  <a:pt x="141" y="157"/>
                  <a:pt x="141" y="157"/>
                </a:cubicBezTo>
                <a:cubicBezTo>
                  <a:pt x="140" y="156"/>
                  <a:pt x="138" y="155"/>
                  <a:pt x="136" y="155"/>
                </a:cubicBezTo>
                <a:cubicBezTo>
                  <a:pt x="134" y="154"/>
                  <a:pt x="132" y="155"/>
                  <a:pt x="130" y="157"/>
                </a:cubicBezTo>
                <a:cubicBezTo>
                  <a:pt x="119" y="169"/>
                  <a:pt x="119" y="169"/>
                  <a:pt x="119" y="169"/>
                </a:cubicBezTo>
                <a:cubicBezTo>
                  <a:pt x="93" y="135"/>
                  <a:pt x="93" y="135"/>
                  <a:pt x="93" y="135"/>
                </a:cubicBezTo>
                <a:cubicBezTo>
                  <a:pt x="122" y="153"/>
                  <a:pt x="122" y="153"/>
                  <a:pt x="122" y="153"/>
                </a:cubicBezTo>
                <a:cubicBezTo>
                  <a:pt x="124" y="155"/>
                  <a:pt x="128" y="154"/>
                  <a:pt x="130" y="152"/>
                </a:cubicBezTo>
                <a:cubicBezTo>
                  <a:pt x="186" y="98"/>
                  <a:pt x="186" y="98"/>
                  <a:pt x="186" y="98"/>
                </a:cubicBezTo>
                <a:cubicBezTo>
                  <a:pt x="187" y="96"/>
                  <a:pt x="188" y="94"/>
                  <a:pt x="188" y="91"/>
                </a:cubicBezTo>
                <a:cubicBezTo>
                  <a:pt x="187" y="90"/>
                  <a:pt x="186" y="88"/>
                  <a:pt x="185" y="87"/>
                </a:cubicBezTo>
                <a:cubicBezTo>
                  <a:pt x="185" y="87"/>
                  <a:pt x="185" y="87"/>
                  <a:pt x="185" y="87"/>
                </a:cubicBezTo>
                <a:cubicBezTo>
                  <a:pt x="167" y="74"/>
                  <a:pt x="146" y="67"/>
                  <a:pt x="125" y="67"/>
                </a:cubicBezTo>
                <a:cubicBezTo>
                  <a:pt x="100" y="67"/>
                  <a:pt x="76" y="76"/>
                  <a:pt x="57" y="93"/>
                </a:cubicBezTo>
                <a:cubicBezTo>
                  <a:pt x="57" y="93"/>
                  <a:pt x="57" y="93"/>
                  <a:pt x="57" y="93"/>
                </a:cubicBezTo>
                <a:cubicBezTo>
                  <a:pt x="48" y="101"/>
                  <a:pt x="48" y="101"/>
                  <a:pt x="48" y="101"/>
                </a:cubicBezTo>
                <a:cubicBezTo>
                  <a:pt x="48" y="102"/>
                  <a:pt x="48" y="102"/>
                  <a:pt x="48" y="102"/>
                </a:cubicBezTo>
                <a:cubicBezTo>
                  <a:pt x="31" y="121"/>
                  <a:pt x="23" y="145"/>
                  <a:pt x="23" y="169"/>
                </a:cubicBezTo>
                <a:cubicBezTo>
                  <a:pt x="23" y="189"/>
                  <a:pt x="29" y="209"/>
                  <a:pt x="40" y="226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0" y="214"/>
                  <a:pt x="14" y="191"/>
                  <a:pt x="14" y="169"/>
                </a:cubicBezTo>
                <a:cubicBezTo>
                  <a:pt x="14" y="141"/>
                  <a:pt x="25" y="112"/>
                  <a:pt x="46" y="91"/>
                </a:cubicBezTo>
                <a:cubicBezTo>
                  <a:pt x="64" y="72"/>
                  <a:pt x="87" y="62"/>
                  <a:pt x="111" y="59"/>
                </a:cubicBezTo>
                <a:cubicBezTo>
                  <a:pt x="112" y="59"/>
                  <a:pt x="112" y="59"/>
                  <a:pt x="112" y="59"/>
                </a:cubicBezTo>
                <a:cubicBezTo>
                  <a:pt x="113" y="58"/>
                  <a:pt x="113" y="58"/>
                  <a:pt x="113" y="58"/>
                </a:cubicBezTo>
                <a:cubicBezTo>
                  <a:pt x="116" y="58"/>
                  <a:pt x="118" y="56"/>
                  <a:pt x="118" y="53"/>
                </a:cubicBezTo>
                <a:cubicBezTo>
                  <a:pt x="118" y="50"/>
                  <a:pt x="117" y="48"/>
                  <a:pt x="115" y="46"/>
                </a:cubicBezTo>
                <a:cubicBezTo>
                  <a:pt x="110" y="43"/>
                  <a:pt x="107" y="37"/>
                  <a:pt x="107" y="31"/>
                </a:cubicBezTo>
                <a:cubicBezTo>
                  <a:pt x="107" y="21"/>
                  <a:pt x="115" y="14"/>
                  <a:pt x="125" y="13"/>
                </a:cubicBezTo>
                <a:cubicBezTo>
                  <a:pt x="135" y="14"/>
                  <a:pt x="143" y="21"/>
                  <a:pt x="143" y="31"/>
                </a:cubicBezTo>
                <a:cubicBezTo>
                  <a:pt x="143" y="37"/>
                  <a:pt x="139" y="43"/>
                  <a:pt x="135" y="46"/>
                </a:cubicBezTo>
                <a:cubicBezTo>
                  <a:pt x="132" y="48"/>
                  <a:pt x="131" y="51"/>
                  <a:pt x="132" y="53"/>
                </a:cubicBezTo>
                <a:cubicBezTo>
                  <a:pt x="132" y="56"/>
                  <a:pt x="135" y="58"/>
                  <a:pt x="137" y="59"/>
                </a:cubicBezTo>
                <a:cubicBezTo>
                  <a:pt x="139" y="59"/>
                  <a:pt x="139" y="59"/>
                  <a:pt x="139" y="59"/>
                </a:cubicBezTo>
                <a:cubicBezTo>
                  <a:pt x="140" y="59"/>
                  <a:pt x="140" y="59"/>
                  <a:pt x="140" y="59"/>
                </a:cubicBezTo>
                <a:cubicBezTo>
                  <a:pt x="159" y="62"/>
                  <a:pt x="178" y="70"/>
                  <a:pt x="194" y="82"/>
                </a:cubicBezTo>
                <a:cubicBezTo>
                  <a:pt x="197" y="85"/>
                  <a:pt x="201" y="84"/>
                  <a:pt x="204" y="81"/>
                </a:cubicBezTo>
                <a:cubicBezTo>
                  <a:pt x="206" y="78"/>
                  <a:pt x="206" y="74"/>
                  <a:pt x="203" y="72"/>
                </a:cubicBezTo>
                <a:cubicBezTo>
                  <a:pt x="187" y="59"/>
                  <a:pt x="170" y="51"/>
                  <a:pt x="152" y="47"/>
                </a:cubicBezTo>
                <a:cubicBezTo>
                  <a:pt x="155" y="43"/>
                  <a:pt x="157" y="37"/>
                  <a:pt x="157" y="31"/>
                </a:cubicBezTo>
                <a:cubicBezTo>
                  <a:pt x="157" y="14"/>
                  <a:pt x="142" y="0"/>
                  <a:pt x="125" y="0"/>
                </a:cubicBezTo>
                <a:cubicBezTo>
                  <a:pt x="107" y="0"/>
                  <a:pt x="93" y="14"/>
                  <a:pt x="93" y="31"/>
                </a:cubicBezTo>
                <a:cubicBezTo>
                  <a:pt x="93" y="37"/>
                  <a:pt x="95" y="43"/>
                  <a:pt x="97" y="47"/>
                </a:cubicBezTo>
                <a:cubicBezTo>
                  <a:pt x="75" y="52"/>
                  <a:pt x="54" y="63"/>
                  <a:pt x="36" y="81"/>
                </a:cubicBezTo>
                <a:cubicBezTo>
                  <a:pt x="12" y="105"/>
                  <a:pt x="0" y="137"/>
                  <a:pt x="0" y="169"/>
                </a:cubicBezTo>
                <a:cubicBezTo>
                  <a:pt x="0" y="197"/>
                  <a:pt x="9" y="225"/>
                  <a:pt x="28" y="247"/>
                </a:cubicBezTo>
                <a:cubicBezTo>
                  <a:pt x="29" y="249"/>
                  <a:pt x="31" y="250"/>
                  <a:pt x="33" y="250"/>
                </a:cubicBezTo>
                <a:cubicBezTo>
                  <a:pt x="33" y="250"/>
                  <a:pt x="33" y="250"/>
                  <a:pt x="33" y="250"/>
                </a:cubicBezTo>
                <a:cubicBezTo>
                  <a:pt x="35" y="250"/>
                  <a:pt x="36" y="249"/>
                  <a:pt x="38" y="248"/>
                </a:cubicBezTo>
                <a:cubicBezTo>
                  <a:pt x="50" y="236"/>
                  <a:pt x="50" y="236"/>
                  <a:pt x="50" y="236"/>
                </a:cubicBezTo>
                <a:cubicBezTo>
                  <a:pt x="54" y="233"/>
                  <a:pt x="54" y="233"/>
                  <a:pt x="54" y="233"/>
                </a:cubicBezTo>
                <a:cubicBezTo>
                  <a:pt x="57" y="230"/>
                  <a:pt x="57" y="226"/>
                  <a:pt x="55" y="223"/>
                </a:cubicBezTo>
                <a:cubicBezTo>
                  <a:pt x="43" y="207"/>
                  <a:pt x="37" y="188"/>
                  <a:pt x="37" y="169"/>
                </a:cubicBezTo>
                <a:cubicBezTo>
                  <a:pt x="37" y="148"/>
                  <a:pt x="44" y="128"/>
                  <a:pt x="58" y="111"/>
                </a:cubicBezTo>
                <a:cubicBezTo>
                  <a:pt x="66" y="103"/>
                  <a:pt x="66" y="103"/>
                  <a:pt x="66" y="103"/>
                </a:cubicBezTo>
                <a:cubicBezTo>
                  <a:pt x="83" y="88"/>
                  <a:pt x="104" y="81"/>
                  <a:pt x="125" y="81"/>
                </a:cubicBezTo>
                <a:cubicBezTo>
                  <a:pt x="140" y="81"/>
                  <a:pt x="156" y="85"/>
                  <a:pt x="170" y="94"/>
                </a:cubicBezTo>
                <a:cubicBezTo>
                  <a:pt x="124" y="138"/>
                  <a:pt x="124" y="138"/>
                  <a:pt x="124" y="138"/>
                </a:cubicBezTo>
                <a:cubicBezTo>
                  <a:pt x="78" y="109"/>
                  <a:pt x="78" y="109"/>
                  <a:pt x="78" y="109"/>
                </a:cubicBezTo>
                <a:cubicBezTo>
                  <a:pt x="76" y="108"/>
                  <a:pt x="72" y="108"/>
                  <a:pt x="70" y="110"/>
                </a:cubicBezTo>
                <a:cubicBezTo>
                  <a:pt x="67" y="113"/>
                  <a:pt x="67" y="113"/>
                  <a:pt x="67" y="113"/>
                </a:cubicBezTo>
                <a:cubicBezTo>
                  <a:pt x="64" y="116"/>
                  <a:pt x="64" y="120"/>
                  <a:pt x="66" y="123"/>
                </a:cubicBezTo>
                <a:cubicBezTo>
                  <a:pt x="112" y="183"/>
                  <a:pt x="112" y="183"/>
                  <a:pt x="112" y="183"/>
                </a:cubicBezTo>
                <a:cubicBezTo>
                  <a:pt x="114" y="185"/>
                  <a:pt x="115" y="186"/>
                  <a:pt x="117" y="186"/>
                </a:cubicBezTo>
                <a:cubicBezTo>
                  <a:pt x="119" y="186"/>
                  <a:pt x="121" y="185"/>
                  <a:pt x="123" y="184"/>
                </a:cubicBezTo>
                <a:cubicBezTo>
                  <a:pt x="135" y="172"/>
                  <a:pt x="135" y="172"/>
                  <a:pt x="135" y="172"/>
                </a:cubicBezTo>
                <a:cubicBezTo>
                  <a:pt x="159" y="204"/>
                  <a:pt x="159" y="204"/>
                  <a:pt x="159" y="204"/>
                </a:cubicBezTo>
                <a:cubicBezTo>
                  <a:pt x="131" y="187"/>
                  <a:pt x="131" y="187"/>
                  <a:pt x="131" y="187"/>
                </a:cubicBezTo>
                <a:cubicBezTo>
                  <a:pt x="128" y="185"/>
                  <a:pt x="125" y="186"/>
                  <a:pt x="122" y="188"/>
                </a:cubicBezTo>
                <a:cubicBezTo>
                  <a:pt x="67" y="243"/>
                  <a:pt x="67" y="243"/>
                  <a:pt x="67" y="243"/>
                </a:cubicBezTo>
                <a:cubicBezTo>
                  <a:pt x="65" y="245"/>
                  <a:pt x="65" y="247"/>
                  <a:pt x="65" y="249"/>
                </a:cubicBezTo>
                <a:cubicBezTo>
                  <a:pt x="65" y="251"/>
                  <a:pt x="66" y="253"/>
                  <a:pt x="68" y="254"/>
                </a:cubicBezTo>
                <a:cubicBezTo>
                  <a:pt x="85" y="265"/>
                  <a:pt x="105" y="271"/>
                  <a:pt x="125" y="271"/>
                </a:cubicBezTo>
                <a:cubicBezTo>
                  <a:pt x="151" y="271"/>
                  <a:pt x="177" y="261"/>
                  <a:pt x="197" y="241"/>
                </a:cubicBezTo>
                <a:cubicBezTo>
                  <a:pt x="217" y="221"/>
                  <a:pt x="227" y="195"/>
                  <a:pt x="227" y="169"/>
                </a:cubicBezTo>
                <a:cubicBezTo>
                  <a:pt x="227" y="149"/>
                  <a:pt x="221" y="129"/>
                  <a:pt x="210" y="112"/>
                </a:cubicBezTo>
                <a:cubicBezTo>
                  <a:pt x="216" y="106"/>
                  <a:pt x="216" y="106"/>
                  <a:pt x="216" y="106"/>
                </a:cubicBezTo>
                <a:cubicBezTo>
                  <a:pt x="229" y="125"/>
                  <a:pt x="236" y="147"/>
                  <a:pt x="236" y="169"/>
                </a:cubicBezTo>
                <a:cubicBezTo>
                  <a:pt x="236" y="197"/>
                  <a:pt x="225" y="226"/>
                  <a:pt x="203" y="247"/>
                </a:cubicBezTo>
                <a:cubicBezTo>
                  <a:pt x="181" y="269"/>
                  <a:pt x="153" y="280"/>
                  <a:pt x="125" y="280"/>
                </a:cubicBezTo>
                <a:cubicBezTo>
                  <a:pt x="101" y="280"/>
                  <a:pt x="78" y="273"/>
                  <a:pt x="59" y="258"/>
                </a:cubicBezTo>
                <a:cubicBezTo>
                  <a:pt x="56" y="256"/>
                  <a:pt x="51" y="257"/>
                  <a:pt x="49" y="260"/>
                </a:cubicBezTo>
                <a:cubicBezTo>
                  <a:pt x="47" y="263"/>
                  <a:pt x="47" y="267"/>
                  <a:pt x="50" y="269"/>
                </a:cubicBezTo>
                <a:cubicBezTo>
                  <a:pt x="50" y="269"/>
                  <a:pt x="50" y="269"/>
                  <a:pt x="50" y="269"/>
                </a:cubicBezTo>
                <a:cubicBezTo>
                  <a:pt x="72" y="286"/>
                  <a:pt x="99" y="294"/>
                  <a:pt x="125" y="294"/>
                </a:cubicBezTo>
                <a:cubicBezTo>
                  <a:pt x="125" y="294"/>
                  <a:pt x="125" y="294"/>
                  <a:pt x="125" y="294"/>
                </a:cubicBezTo>
                <a:cubicBezTo>
                  <a:pt x="157" y="294"/>
                  <a:pt x="189" y="282"/>
                  <a:pt x="213" y="257"/>
                </a:cubicBezTo>
                <a:cubicBezTo>
                  <a:pt x="237" y="233"/>
                  <a:pt x="249" y="201"/>
                  <a:pt x="249" y="169"/>
                </a:cubicBezTo>
                <a:cubicBezTo>
                  <a:pt x="249" y="142"/>
                  <a:pt x="241" y="114"/>
                  <a:pt x="223" y="9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7" name="Freeform 493"/>
          <p:cNvSpPr>
            <a:spLocks/>
          </p:cNvSpPr>
          <p:nvPr userDrawn="1"/>
        </p:nvSpPr>
        <p:spPr bwMode="auto">
          <a:xfrm>
            <a:off x="10006011" y="4403218"/>
            <a:ext cx="317500" cy="515937"/>
          </a:xfrm>
          <a:custGeom>
            <a:avLst/>
            <a:gdLst/>
            <a:ahLst/>
            <a:cxnLst>
              <a:cxn ang="0">
                <a:pos x="265" y="150"/>
              </a:cxn>
              <a:cxn ang="0">
                <a:pos x="275" y="105"/>
              </a:cxn>
              <a:cxn ang="0">
                <a:pos x="277" y="53"/>
              </a:cxn>
              <a:cxn ang="0">
                <a:pos x="260" y="17"/>
              </a:cxn>
              <a:cxn ang="0">
                <a:pos x="190" y="12"/>
              </a:cxn>
              <a:cxn ang="0">
                <a:pos x="58" y="19"/>
              </a:cxn>
              <a:cxn ang="0">
                <a:pos x="31" y="34"/>
              </a:cxn>
              <a:cxn ang="0">
                <a:pos x="0" y="80"/>
              </a:cxn>
              <a:cxn ang="0">
                <a:pos x="0" y="142"/>
              </a:cxn>
              <a:cxn ang="0">
                <a:pos x="11" y="174"/>
              </a:cxn>
              <a:cxn ang="0">
                <a:pos x="0" y="209"/>
              </a:cxn>
              <a:cxn ang="0">
                <a:pos x="43" y="240"/>
              </a:cxn>
              <a:cxn ang="0">
                <a:pos x="26" y="208"/>
              </a:cxn>
              <a:cxn ang="0">
                <a:pos x="49" y="173"/>
              </a:cxn>
              <a:cxn ang="0">
                <a:pos x="26" y="143"/>
              </a:cxn>
              <a:cxn ang="0">
                <a:pos x="38" y="125"/>
              </a:cxn>
              <a:cxn ang="0">
                <a:pos x="49" y="114"/>
              </a:cxn>
              <a:cxn ang="0">
                <a:pos x="48" y="103"/>
              </a:cxn>
              <a:cxn ang="0">
                <a:pos x="26" y="79"/>
              </a:cxn>
              <a:cxn ang="0">
                <a:pos x="38" y="60"/>
              </a:cxn>
              <a:cxn ang="0">
                <a:pos x="71" y="42"/>
              </a:cxn>
              <a:cxn ang="0">
                <a:pos x="106" y="27"/>
              </a:cxn>
              <a:cxn ang="0">
                <a:pos x="191" y="39"/>
              </a:cxn>
              <a:cxn ang="0">
                <a:pos x="231" y="35"/>
              </a:cxn>
              <a:cxn ang="0">
                <a:pos x="249" y="44"/>
              </a:cxn>
              <a:cxn ang="0">
                <a:pos x="236" y="71"/>
              </a:cxn>
              <a:cxn ang="0">
                <a:pos x="82" y="107"/>
              </a:cxn>
              <a:cxn ang="0">
                <a:pos x="238" y="98"/>
              </a:cxn>
              <a:cxn ang="0">
                <a:pos x="249" y="109"/>
              </a:cxn>
              <a:cxn ang="0">
                <a:pos x="236" y="137"/>
              </a:cxn>
              <a:cxn ang="0">
                <a:pos x="227" y="138"/>
              </a:cxn>
              <a:cxn ang="0">
                <a:pos x="96" y="155"/>
              </a:cxn>
              <a:cxn ang="0">
                <a:pos x="99" y="181"/>
              </a:cxn>
              <a:cxn ang="0">
                <a:pos x="231" y="165"/>
              </a:cxn>
              <a:cxn ang="0">
                <a:pos x="249" y="174"/>
              </a:cxn>
              <a:cxn ang="0">
                <a:pos x="251" y="188"/>
              </a:cxn>
              <a:cxn ang="0">
                <a:pos x="90" y="224"/>
              </a:cxn>
              <a:cxn ang="0">
                <a:pos x="58" y="247"/>
              </a:cxn>
              <a:cxn ang="0">
                <a:pos x="64" y="267"/>
              </a:cxn>
              <a:cxn ang="0">
                <a:pos x="54" y="278"/>
              </a:cxn>
              <a:cxn ang="0">
                <a:pos x="36" y="321"/>
              </a:cxn>
              <a:cxn ang="0">
                <a:pos x="91" y="394"/>
              </a:cxn>
              <a:cxn ang="0">
                <a:pos x="97" y="441"/>
              </a:cxn>
              <a:cxn ang="0">
                <a:pos x="139" y="459"/>
              </a:cxn>
              <a:cxn ang="0">
                <a:pos x="182" y="437"/>
              </a:cxn>
              <a:cxn ang="0">
                <a:pos x="231" y="360"/>
              </a:cxn>
              <a:cxn ang="0">
                <a:pos x="235" y="287"/>
              </a:cxn>
              <a:cxn ang="0">
                <a:pos x="186" y="278"/>
              </a:cxn>
              <a:cxn ang="0">
                <a:pos x="189" y="267"/>
              </a:cxn>
              <a:cxn ang="0">
                <a:pos x="163" y="262"/>
              </a:cxn>
              <a:cxn ang="0">
                <a:pos x="156" y="299"/>
              </a:cxn>
              <a:cxn ang="0">
                <a:pos x="212" y="304"/>
              </a:cxn>
              <a:cxn ang="0">
                <a:pos x="208" y="347"/>
              </a:cxn>
              <a:cxn ang="0">
                <a:pos x="160" y="383"/>
              </a:cxn>
              <a:cxn ang="0">
                <a:pos x="140" y="432"/>
              </a:cxn>
              <a:cxn ang="0">
                <a:pos x="121" y="428"/>
              </a:cxn>
              <a:cxn ang="0">
                <a:pos x="106" y="371"/>
              </a:cxn>
              <a:cxn ang="0">
                <a:pos x="63" y="321"/>
              </a:cxn>
              <a:cxn ang="0">
                <a:pos x="110" y="304"/>
              </a:cxn>
              <a:cxn ang="0">
                <a:pos x="124" y="291"/>
              </a:cxn>
              <a:cxn ang="0">
                <a:pos x="88" y="253"/>
              </a:cxn>
              <a:cxn ang="0">
                <a:pos x="240" y="227"/>
              </a:cxn>
              <a:cxn ang="0">
                <a:pos x="277" y="183"/>
              </a:cxn>
            </a:cxnLst>
            <a:rect l="0" t="0" r="r" b="b"/>
            <a:pathLst>
              <a:path w="280" h="459">
                <a:moveTo>
                  <a:pt x="275" y="170"/>
                </a:moveTo>
                <a:cubicBezTo>
                  <a:pt x="274" y="162"/>
                  <a:pt x="271" y="156"/>
                  <a:pt x="265" y="150"/>
                </a:cubicBezTo>
                <a:cubicBezTo>
                  <a:pt x="274" y="142"/>
                  <a:pt x="279" y="130"/>
                  <a:pt x="277" y="118"/>
                </a:cubicBezTo>
                <a:cubicBezTo>
                  <a:pt x="275" y="105"/>
                  <a:pt x="275" y="105"/>
                  <a:pt x="275" y="105"/>
                </a:cubicBezTo>
                <a:cubicBezTo>
                  <a:pt x="274" y="97"/>
                  <a:pt x="271" y="90"/>
                  <a:pt x="266" y="85"/>
                </a:cubicBezTo>
                <a:cubicBezTo>
                  <a:pt x="274" y="77"/>
                  <a:pt x="279" y="65"/>
                  <a:pt x="277" y="53"/>
                </a:cubicBezTo>
                <a:cubicBezTo>
                  <a:pt x="275" y="40"/>
                  <a:pt x="275" y="40"/>
                  <a:pt x="275" y="40"/>
                </a:cubicBezTo>
                <a:cubicBezTo>
                  <a:pt x="274" y="31"/>
                  <a:pt x="268" y="23"/>
                  <a:pt x="260" y="17"/>
                </a:cubicBezTo>
                <a:cubicBezTo>
                  <a:pt x="251" y="10"/>
                  <a:pt x="239" y="7"/>
                  <a:pt x="228" y="9"/>
                </a:cubicBezTo>
                <a:cubicBezTo>
                  <a:pt x="225" y="9"/>
                  <a:pt x="193" y="12"/>
                  <a:pt x="190" y="12"/>
                </a:cubicBezTo>
                <a:cubicBezTo>
                  <a:pt x="166" y="8"/>
                  <a:pt x="113" y="0"/>
                  <a:pt x="106" y="0"/>
                </a:cubicBezTo>
                <a:cubicBezTo>
                  <a:pt x="93" y="0"/>
                  <a:pt x="58" y="19"/>
                  <a:pt x="58" y="19"/>
                </a:cubicBezTo>
                <a:cubicBezTo>
                  <a:pt x="58" y="19"/>
                  <a:pt x="58" y="19"/>
                  <a:pt x="58" y="19"/>
                </a:cubicBezTo>
                <a:cubicBezTo>
                  <a:pt x="58" y="19"/>
                  <a:pt x="34" y="32"/>
                  <a:pt x="31" y="34"/>
                </a:cubicBezTo>
                <a:cubicBezTo>
                  <a:pt x="12" y="38"/>
                  <a:pt x="0" y="55"/>
                  <a:pt x="0" y="77"/>
                </a:cubicBezTo>
                <a:cubicBezTo>
                  <a:pt x="0" y="78"/>
                  <a:pt x="0" y="79"/>
                  <a:pt x="0" y="80"/>
                </a:cubicBezTo>
                <a:cubicBezTo>
                  <a:pt x="0" y="92"/>
                  <a:pt x="5" y="102"/>
                  <a:pt x="11" y="110"/>
                </a:cubicBezTo>
                <a:cubicBezTo>
                  <a:pt x="4" y="118"/>
                  <a:pt x="0" y="129"/>
                  <a:pt x="0" y="142"/>
                </a:cubicBezTo>
                <a:cubicBezTo>
                  <a:pt x="0" y="143"/>
                  <a:pt x="0" y="143"/>
                  <a:pt x="0" y="144"/>
                </a:cubicBezTo>
                <a:cubicBezTo>
                  <a:pt x="0" y="156"/>
                  <a:pt x="5" y="166"/>
                  <a:pt x="11" y="174"/>
                </a:cubicBezTo>
                <a:cubicBezTo>
                  <a:pt x="4" y="183"/>
                  <a:pt x="0" y="195"/>
                  <a:pt x="0" y="207"/>
                </a:cubicBezTo>
                <a:cubicBezTo>
                  <a:pt x="0" y="208"/>
                  <a:pt x="0" y="208"/>
                  <a:pt x="0" y="209"/>
                </a:cubicBezTo>
                <a:cubicBezTo>
                  <a:pt x="0" y="221"/>
                  <a:pt x="5" y="237"/>
                  <a:pt x="25" y="246"/>
                </a:cubicBezTo>
                <a:cubicBezTo>
                  <a:pt x="32" y="250"/>
                  <a:pt x="40" y="247"/>
                  <a:pt x="43" y="240"/>
                </a:cubicBezTo>
                <a:cubicBezTo>
                  <a:pt x="46" y="234"/>
                  <a:pt x="44" y="226"/>
                  <a:pt x="37" y="223"/>
                </a:cubicBezTo>
                <a:cubicBezTo>
                  <a:pt x="30" y="219"/>
                  <a:pt x="27" y="215"/>
                  <a:pt x="26" y="208"/>
                </a:cubicBezTo>
                <a:cubicBezTo>
                  <a:pt x="26" y="200"/>
                  <a:pt x="31" y="189"/>
                  <a:pt x="38" y="187"/>
                </a:cubicBezTo>
                <a:cubicBezTo>
                  <a:pt x="45" y="186"/>
                  <a:pt x="50" y="180"/>
                  <a:pt x="49" y="173"/>
                </a:cubicBezTo>
                <a:cubicBezTo>
                  <a:pt x="48" y="166"/>
                  <a:pt x="42" y="161"/>
                  <a:pt x="35" y="161"/>
                </a:cubicBezTo>
                <a:cubicBezTo>
                  <a:pt x="32" y="159"/>
                  <a:pt x="27" y="152"/>
                  <a:pt x="26" y="143"/>
                </a:cubicBezTo>
                <a:cubicBezTo>
                  <a:pt x="26" y="143"/>
                  <a:pt x="26" y="142"/>
                  <a:pt x="26" y="142"/>
                </a:cubicBezTo>
                <a:cubicBezTo>
                  <a:pt x="26" y="135"/>
                  <a:pt x="28" y="127"/>
                  <a:pt x="38" y="125"/>
                </a:cubicBezTo>
                <a:cubicBezTo>
                  <a:pt x="43" y="124"/>
                  <a:pt x="47" y="121"/>
                  <a:pt x="49" y="116"/>
                </a:cubicBezTo>
                <a:cubicBezTo>
                  <a:pt x="49" y="114"/>
                  <a:pt x="49" y="114"/>
                  <a:pt x="49" y="114"/>
                </a:cubicBezTo>
                <a:cubicBezTo>
                  <a:pt x="50" y="113"/>
                  <a:pt x="50" y="111"/>
                  <a:pt x="50" y="110"/>
                </a:cubicBezTo>
                <a:cubicBezTo>
                  <a:pt x="50" y="108"/>
                  <a:pt x="49" y="105"/>
                  <a:pt x="48" y="103"/>
                </a:cubicBezTo>
                <a:cubicBezTo>
                  <a:pt x="45" y="100"/>
                  <a:pt x="42" y="97"/>
                  <a:pt x="38" y="97"/>
                </a:cubicBezTo>
                <a:cubicBezTo>
                  <a:pt x="33" y="96"/>
                  <a:pt x="27" y="89"/>
                  <a:pt x="26" y="79"/>
                </a:cubicBezTo>
                <a:cubicBezTo>
                  <a:pt x="26" y="78"/>
                  <a:pt x="26" y="78"/>
                  <a:pt x="26" y="77"/>
                </a:cubicBezTo>
                <a:cubicBezTo>
                  <a:pt x="26" y="72"/>
                  <a:pt x="28" y="61"/>
                  <a:pt x="38" y="60"/>
                </a:cubicBezTo>
                <a:cubicBezTo>
                  <a:pt x="39" y="59"/>
                  <a:pt x="41" y="59"/>
                  <a:pt x="42" y="58"/>
                </a:cubicBezTo>
                <a:cubicBezTo>
                  <a:pt x="71" y="42"/>
                  <a:pt x="71" y="42"/>
                  <a:pt x="71" y="42"/>
                </a:cubicBezTo>
                <a:cubicBezTo>
                  <a:pt x="71" y="42"/>
                  <a:pt x="71" y="42"/>
                  <a:pt x="71" y="42"/>
                </a:cubicBezTo>
                <a:cubicBezTo>
                  <a:pt x="78" y="38"/>
                  <a:pt x="100" y="28"/>
                  <a:pt x="106" y="27"/>
                </a:cubicBezTo>
                <a:cubicBezTo>
                  <a:pt x="113" y="27"/>
                  <a:pt x="158" y="34"/>
                  <a:pt x="188" y="39"/>
                </a:cubicBezTo>
                <a:cubicBezTo>
                  <a:pt x="189" y="39"/>
                  <a:pt x="190" y="39"/>
                  <a:pt x="191" y="39"/>
                </a:cubicBezTo>
                <a:cubicBezTo>
                  <a:pt x="230" y="35"/>
                  <a:pt x="230" y="35"/>
                  <a:pt x="230" y="35"/>
                </a:cubicBezTo>
                <a:cubicBezTo>
                  <a:pt x="230" y="35"/>
                  <a:pt x="231" y="35"/>
                  <a:pt x="231" y="35"/>
                </a:cubicBezTo>
                <a:cubicBezTo>
                  <a:pt x="236" y="35"/>
                  <a:pt x="241" y="36"/>
                  <a:pt x="245" y="38"/>
                </a:cubicBezTo>
                <a:cubicBezTo>
                  <a:pt x="246" y="39"/>
                  <a:pt x="248" y="41"/>
                  <a:pt x="249" y="44"/>
                </a:cubicBezTo>
                <a:cubicBezTo>
                  <a:pt x="251" y="57"/>
                  <a:pt x="251" y="57"/>
                  <a:pt x="251" y="57"/>
                </a:cubicBezTo>
                <a:cubicBezTo>
                  <a:pt x="251" y="64"/>
                  <a:pt x="245" y="70"/>
                  <a:pt x="236" y="71"/>
                </a:cubicBezTo>
                <a:cubicBezTo>
                  <a:pt x="93" y="92"/>
                  <a:pt x="93" y="92"/>
                  <a:pt x="93" y="92"/>
                </a:cubicBezTo>
                <a:cubicBezTo>
                  <a:pt x="86" y="93"/>
                  <a:pt x="81" y="100"/>
                  <a:pt x="82" y="107"/>
                </a:cubicBezTo>
                <a:cubicBezTo>
                  <a:pt x="83" y="114"/>
                  <a:pt x="90" y="119"/>
                  <a:pt x="97" y="118"/>
                </a:cubicBezTo>
                <a:cubicBezTo>
                  <a:pt x="238" y="98"/>
                  <a:pt x="238" y="98"/>
                  <a:pt x="238" y="98"/>
                </a:cubicBezTo>
                <a:cubicBezTo>
                  <a:pt x="238" y="98"/>
                  <a:pt x="239" y="98"/>
                  <a:pt x="239" y="98"/>
                </a:cubicBezTo>
                <a:cubicBezTo>
                  <a:pt x="245" y="100"/>
                  <a:pt x="248" y="105"/>
                  <a:pt x="249" y="109"/>
                </a:cubicBezTo>
                <a:cubicBezTo>
                  <a:pt x="251" y="122"/>
                  <a:pt x="251" y="122"/>
                  <a:pt x="251" y="122"/>
                </a:cubicBezTo>
                <a:cubicBezTo>
                  <a:pt x="251" y="128"/>
                  <a:pt x="245" y="135"/>
                  <a:pt x="236" y="137"/>
                </a:cubicBezTo>
                <a:cubicBezTo>
                  <a:pt x="235" y="137"/>
                  <a:pt x="234" y="137"/>
                  <a:pt x="233" y="138"/>
                </a:cubicBezTo>
                <a:cubicBezTo>
                  <a:pt x="231" y="138"/>
                  <a:pt x="229" y="138"/>
                  <a:pt x="227" y="138"/>
                </a:cubicBezTo>
                <a:cubicBezTo>
                  <a:pt x="227" y="138"/>
                  <a:pt x="227" y="138"/>
                  <a:pt x="227" y="138"/>
                </a:cubicBezTo>
                <a:cubicBezTo>
                  <a:pt x="96" y="155"/>
                  <a:pt x="96" y="155"/>
                  <a:pt x="96" y="155"/>
                </a:cubicBezTo>
                <a:cubicBezTo>
                  <a:pt x="89" y="156"/>
                  <a:pt x="84" y="162"/>
                  <a:pt x="85" y="169"/>
                </a:cubicBezTo>
                <a:cubicBezTo>
                  <a:pt x="85" y="177"/>
                  <a:pt x="92" y="182"/>
                  <a:pt x="99" y="181"/>
                </a:cubicBezTo>
                <a:cubicBezTo>
                  <a:pt x="231" y="165"/>
                  <a:pt x="231" y="165"/>
                  <a:pt x="231" y="165"/>
                </a:cubicBezTo>
                <a:cubicBezTo>
                  <a:pt x="231" y="165"/>
                  <a:pt x="231" y="165"/>
                  <a:pt x="231" y="165"/>
                </a:cubicBezTo>
                <a:cubicBezTo>
                  <a:pt x="236" y="164"/>
                  <a:pt x="241" y="165"/>
                  <a:pt x="245" y="168"/>
                </a:cubicBezTo>
                <a:cubicBezTo>
                  <a:pt x="246" y="169"/>
                  <a:pt x="248" y="171"/>
                  <a:pt x="249" y="174"/>
                </a:cubicBezTo>
                <a:cubicBezTo>
                  <a:pt x="251" y="187"/>
                  <a:pt x="251" y="187"/>
                  <a:pt x="251" y="187"/>
                </a:cubicBezTo>
                <a:cubicBezTo>
                  <a:pt x="251" y="187"/>
                  <a:pt x="251" y="187"/>
                  <a:pt x="251" y="188"/>
                </a:cubicBezTo>
                <a:cubicBezTo>
                  <a:pt x="251" y="194"/>
                  <a:pt x="244" y="199"/>
                  <a:pt x="236" y="200"/>
                </a:cubicBezTo>
                <a:cubicBezTo>
                  <a:pt x="236" y="200"/>
                  <a:pt x="90" y="224"/>
                  <a:pt x="90" y="224"/>
                </a:cubicBezTo>
                <a:cubicBezTo>
                  <a:pt x="90" y="224"/>
                  <a:pt x="89" y="224"/>
                  <a:pt x="89" y="224"/>
                </a:cubicBezTo>
                <a:cubicBezTo>
                  <a:pt x="81" y="226"/>
                  <a:pt x="62" y="233"/>
                  <a:pt x="58" y="247"/>
                </a:cubicBezTo>
                <a:cubicBezTo>
                  <a:pt x="58" y="248"/>
                  <a:pt x="58" y="250"/>
                  <a:pt x="58" y="252"/>
                </a:cubicBezTo>
                <a:cubicBezTo>
                  <a:pt x="58" y="257"/>
                  <a:pt x="60" y="262"/>
                  <a:pt x="64" y="267"/>
                </a:cubicBezTo>
                <a:cubicBezTo>
                  <a:pt x="68" y="270"/>
                  <a:pt x="72" y="274"/>
                  <a:pt x="76" y="278"/>
                </a:cubicBezTo>
                <a:cubicBezTo>
                  <a:pt x="66" y="278"/>
                  <a:pt x="54" y="278"/>
                  <a:pt x="54" y="278"/>
                </a:cubicBezTo>
                <a:cubicBezTo>
                  <a:pt x="49" y="278"/>
                  <a:pt x="43" y="281"/>
                  <a:pt x="42" y="287"/>
                </a:cubicBezTo>
                <a:cubicBezTo>
                  <a:pt x="41" y="288"/>
                  <a:pt x="36" y="302"/>
                  <a:pt x="36" y="321"/>
                </a:cubicBezTo>
                <a:cubicBezTo>
                  <a:pt x="36" y="333"/>
                  <a:pt x="38" y="347"/>
                  <a:pt x="46" y="360"/>
                </a:cubicBezTo>
                <a:cubicBezTo>
                  <a:pt x="55" y="377"/>
                  <a:pt x="70" y="388"/>
                  <a:pt x="91" y="394"/>
                </a:cubicBezTo>
                <a:cubicBezTo>
                  <a:pt x="92" y="420"/>
                  <a:pt x="95" y="436"/>
                  <a:pt x="95" y="437"/>
                </a:cubicBezTo>
                <a:cubicBezTo>
                  <a:pt x="95" y="438"/>
                  <a:pt x="96" y="440"/>
                  <a:pt x="97" y="441"/>
                </a:cubicBezTo>
                <a:cubicBezTo>
                  <a:pt x="98" y="443"/>
                  <a:pt x="108" y="459"/>
                  <a:pt x="137" y="459"/>
                </a:cubicBezTo>
                <a:cubicBezTo>
                  <a:pt x="139" y="459"/>
                  <a:pt x="139" y="459"/>
                  <a:pt x="139" y="459"/>
                </a:cubicBezTo>
                <a:cubicBezTo>
                  <a:pt x="169" y="459"/>
                  <a:pt x="179" y="443"/>
                  <a:pt x="180" y="441"/>
                </a:cubicBezTo>
                <a:cubicBezTo>
                  <a:pt x="181" y="440"/>
                  <a:pt x="181" y="438"/>
                  <a:pt x="182" y="437"/>
                </a:cubicBezTo>
                <a:cubicBezTo>
                  <a:pt x="182" y="436"/>
                  <a:pt x="185" y="420"/>
                  <a:pt x="186" y="394"/>
                </a:cubicBezTo>
                <a:cubicBezTo>
                  <a:pt x="207" y="388"/>
                  <a:pt x="222" y="377"/>
                  <a:pt x="231" y="360"/>
                </a:cubicBezTo>
                <a:cubicBezTo>
                  <a:pt x="238" y="347"/>
                  <a:pt x="241" y="333"/>
                  <a:pt x="241" y="321"/>
                </a:cubicBezTo>
                <a:cubicBezTo>
                  <a:pt x="241" y="302"/>
                  <a:pt x="235" y="288"/>
                  <a:pt x="235" y="287"/>
                </a:cubicBezTo>
                <a:cubicBezTo>
                  <a:pt x="233" y="281"/>
                  <a:pt x="228" y="278"/>
                  <a:pt x="223" y="278"/>
                </a:cubicBezTo>
                <a:cubicBezTo>
                  <a:pt x="223" y="278"/>
                  <a:pt x="203" y="278"/>
                  <a:pt x="186" y="278"/>
                </a:cubicBezTo>
                <a:cubicBezTo>
                  <a:pt x="187" y="276"/>
                  <a:pt x="188" y="272"/>
                  <a:pt x="188" y="272"/>
                </a:cubicBezTo>
                <a:cubicBezTo>
                  <a:pt x="189" y="270"/>
                  <a:pt x="189" y="269"/>
                  <a:pt x="189" y="267"/>
                </a:cubicBezTo>
                <a:cubicBezTo>
                  <a:pt x="189" y="262"/>
                  <a:pt x="186" y="257"/>
                  <a:pt x="181" y="255"/>
                </a:cubicBezTo>
                <a:cubicBezTo>
                  <a:pt x="174" y="252"/>
                  <a:pt x="166" y="255"/>
                  <a:pt x="163" y="262"/>
                </a:cubicBezTo>
                <a:cubicBezTo>
                  <a:pt x="154" y="286"/>
                  <a:pt x="154" y="286"/>
                  <a:pt x="154" y="286"/>
                </a:cubicBezTo>
                <a:cubicBezTo>
                  <a:pt x="152" y="290"/>
                  <a:pt x="153" y="295"/>
                  <a:pt x="156" y="299"/>
                </a:cubicBezTo>
                <a:cubicBezTo>
                  <a:pt x="158" y="302"/>
                  <a:pt x="162" y="304"/>
                  <a:pt x="167" y="304"/>
                </a:cubicBezTo>
                <a:cubicBezTo>
                  <a:pt x="167" y="304"/>
                  <a:pt x="199" y="304"/>
                  <a:pt x="212" y="304"/>
                </a:cubicBezTo>
                <a:cubicBezTo>
                  <a:pt x="213" y="309"/>
                  <a:pt x="214" y="315"/>
                  <a:pt x="214" y="321"/>
                </a:cubicBezTo>
                <a:cubicBezTo>
                  <a:pt x="214" y="330"/>
                  <a:pt x="213" y="339"/>
                  <a:pt x="208" y="347"/>
                </a:cubicBezTo>
                <a:cubicBezTo>
                  <a:pt x="201" y="359"/>
                  <a:pt x="189" y="367"/>
                  <a:pt x="170" y="371"/>
                </a:cubicBezTo>
                <a:cubicBezTo>
                  <a:pt x="164" y="372"/>
                  <a:pt x="160" y="377"/>
                  <a:pt x="160" y="383"/>
                </a:cubicBezTo>
                <a:cubicBezTo>
                  <a:pt x="159" y="405"/>
                  <a:pt x="157" y="421"/>
                  <a:pt x="156" y="428"/>
                </a:cubicBezTo>
                <a:cubicBezTo>
                  <a:pt x="154" y="430"/>
                  <a:pt x="149" y="432"/>
                  <a:pt x="140" y="432"/>
                </a:cubicBezTo>
                <a:cubicBezTo>
                  <a:pt x="140" y="432"/>
                  <a:pt x="137" y="432"/>
                  <a:pt x="137" y="432"/>
                </a:cubicBezTo>
                <a:cubicBezTo>
                  <a:pt x="128" y="432"/>
                  <a:pt x="123" y="430"/>
                  <a:pt x="121" y="428"/>
                </a:cubicBezTo>
                <a:cubicBezTo>
                  <a:pt x="120" y="421"/>
                  <a:pt x="118" y="405"/>
                  <a:pt x="117" y="383"/>
                </a:cubicBezTo>
                <a:cubicBezTo>
                  <a:pt x="117" y="377"/>
                  <a:pt x="112" y="372"/>
                  <a:pt x="106" y="371"/>
                </a:cubicBezTo>
                <a:cubicBezTo>
                  <a:pt x="88" y="367"/>
                  <a:pt x="76" y="359"/>
                  <a:pt x="69" y="347"/>
                </a:cubicBezTo>
                <a:cubicBezTo>
                  <a:pt x="64" y="339"/>
                  <a:pt x="63" y="330"/>
                  <a:pt x="63" y="321"/>
                </a:cubicBezTo>
                <a:cubicBezTo>
                  <a:pt x="63" y="315"/>
                  <a:pt x="64" y="309"/>
                  <a:pt x="64" y="304"/>
                </a:cubicBezTo>
                <a:cubicBezTo>
                  <a:pt x="78" y="304"/>
                  <a:pt x="110" y="304"/>
                  <a:pt x="110" y="304"/>
                </a:cubicBezTo>
                <a:cubicBezTo>
                  <a:pt x="116" y="304"/>
                  <a:pt x="121" y="301"/>
                  <a:pt x="123" y="296"/>
                </a:cubicBezTo>
                <a:cubicBezTo>
                  <a:pt x="123" y="294"/>
                  <a:pt x="124" y="293"/>
                  <a:pt x="124" y="291"/>
                </a:cubicBezTo>
                <a:cubicBezTo>
                  <a:pt x="124" y="287"/>
                  <a:pt x="122" y="284"/>
                  <a:pt x="119" y="281"/>
                </a:cubicBezTo>
                <a:cubicBezTo>
                  <a:pt x="119" y="281"/>
                  <a:pt x="101" y="265"/>
                  <a:pt x="88" y="253"/>
                </a:cubicBezTo>
                <a:cubicBezTo>
                  <a:pt x="90" y="252"/>
                  <a:pt x="93" y="251"/>
                  <a:pt x="95" y="250"/>
                </a:cubicBezTo>
                <a:cubicBezTo>
                  <a:pt x="97" y="250"/>
                  <a:pt x="240" y="227"/>
                  <a:pt x="240" y="227"/>
                </a:cubicBezTo>
                <a:cubicBezTo>
                  <a:pt x="240" y="227"/>
                  <a:pt x="240" y="227"/>
                  <a:pt x="240" y="227"/>
                </a:cubicBezTo>
                <a:cubicBezTo>
                  <a:pt x="263" y="223"/>
                  <a:pt x="280" y="204"/>
                  <a:pt x="277" y="183"/>
                </a:cubicBezTo>
                <a:lnTo>
                  <a:pt x="275" y="170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8" name="Freeform 529"/>
          <p:cNvSpPr>
            <a:spLocks noEditPoints="1"/>
          </p:cNvSpPr>
          <p:nvPr userDrawn="1"/>
        </p:nvSpPr>
        <p:spPr bwMode="auto">
          <a:xfrm>
            <a:off x="9975055" y="2498942"/>
            <a:ext cx="379413" cy="285750"/>
          </a:xfrm>
          <a:custGeom>
            <a:avLst/>
            <a:gdLst/>
            <a:ahLst/>
            <a:cxnLst>
              <a:cxn ang="0">
                <a:pos x="315" y="4"/>
              </a:cxn>
              <a:cxn ang="0">
                <a:pos x="260" y="34"/>
              </a:cxn>
              <a:cxn ang="0">
                <a:pos x="201" y="2"/>
              </a:cxn>
              <a:cxn ang="0">
                <a:pos x="192" y="4"/>
              </a:cxn>
              <a:cxn ang="0">
                <a:pos x="137" y="34"/>
              </a:cxn>
              <a:cxn ang="0">
                <a:pos x="69" y="4"/>
              </a:cxn>
              <a:cxn ang="0">
                <a:pos x="65" y="8"/>
              </a:cxn>
              <a:cxn ang="0">
                <a:pos x="1" y="46"/>
              </a:cxn>
              <a:cxn ang="0">
                <a:pos x="4" y="120"/>
              </a:cxn>
              <a:cxn ang="0">
                <a:pos x="136" y="131"/>
              </a:cxn>
              <a:cxn ang="0">
                <a:pos x="260" y="131"/>
              </a:cxn>
              <a:cxn ang="0">
                <a:pos x="309" y="204"/>
              </a:cxn>
              <a:cxn ang="0">
                <a:pos x="209" y="201"/>
              </a:cxn>
              <a:cxn ang="0">
                <a:pos x="192" y="198"/>
              </a:cxn>
              <a:cxn ang="0">
                <a:pos x="137" y="227"/>
              </a:cxn>
              <a:cxn ang="0">
                <a:pos x="69" y="198"/>
              </a:cxn>
              <a:cxn ang="0">
                <a:pos x="65" y="202"/>
              </a:cxn>
              <a:cxn ang="0">
                <a:pos x="1" y="240"/>
              </a:cxn>
              <a:cxn ang="0">
                <a:pos x="75" y="228"/>
              </a:cxn>
              <a:cxn ang="0">
                <a:pos x="199" y="228"/>
              </a:cxn>
              <a:cxn ang="0">
                <a:pos x="332" y="216"/>
              </a:cxn>
              <a:cxn ang="0">
                <a:pos x="334" y="143"/>
              </a:cxn>
              <a:cxn ang="0">
                <a:pos x="270" y="105"/>
              </a:cxn>
              <a:cxn ang="0">
                <a:pos x="253" y="101"/>
              </a:cxn>
              <a:cxn ang="0">
                <a:pos x="198" y="130"/>
              </a:cxn>
              <a:cxn ang="0">
                <a:pos x="130" y="101"/>
              </a:cxn>
              <a:cxn ang="0">
                <a:pos x="126" y="105"/>
              </a:cxn>
              <a:cxn ang="0">
                <a:pos x="26" y="107"/>
              </a:cxn>
              <a:cxn ang="0">
                <a:pos x="75" y="34"/>
              </a:cxn>
              <a:cxn ang="0">
                <a:pos x="199" y="34"/>
              </a:cxn>
              <a:cxn ang="0">
                <a:pos x="332" y="22"/>
              </a:cxn>
              <a:cxn ang="0">
                <a:pos x="333" y="8"/>
              </a:cxn>
              <a:cxn ang="0">
                <a:pos x="330" y="24"/>
              </a:cxn>
              <a:cxn ang="0">
                <a:pos x="330" y="24"/>
              </a:cxn>
              <a:cxn ang="0">
                <a:pos x="330" y="218"/>
              </a:cxn>
            </a:cxnLst>
            <a:rect l="0" t="0" r="r" b="b"/>
            <a:pathLst>
              <a:path w="335" h="253">
                <a:moveTo>
                  <a:pt x="316" y="4"/>
                </a:moveTo>
                <a:cubicBezTo>
                  <a:pt x="315" y="4"/>
                  <a:pt x="315" y="4"/>
                  <a:pt x="315" y="4"/>
                </a:cubicBezTo>
                <a:cubicBezTo>
                  <a:pt x="314" y="5"/>
                  <a:pt x="312" y="6"/>
                  <a:pt x="311" y="8"/>
                </a:cubicBezTo>
                <a:cubicBezTo>
                  <a:pt x="301" y="24"/>
                  <a:pt x="281" y="34"/>
                  <a:pt x="260" y="34"/>
                </a:cubicBezTo>
                <a:cubicBezTo>
                  <a:pt x="239" y="34"/>
                  <a:pt x="220" y="24"/>
                  <a:pt x="209" y="8"/>
                </a:cubicBezTo>
                <a:cubicBezTo>
                  <a:pt x="207" y="5"/>
                  <a:pt x="205" y="3"/>
                  <a:pt x="201" y="2"/>
                </a:cubicBezTo>
                <a:cubicBezTo>
                  <a:pt x="198" y="2"/>
                  <a:pt x="195" y="2"/>
                  <a:pt x="192" y="4"/>
                </a:cubicBezTo>
                <a:cubicBezTo>
                  <a:pt x="192" y="4"/>
                  <a:pt x="192" y="4"/>
                  <a:pt x="192" y="4"/>
                </a:cubicBezTo>
                <a:cubicBezTo>
                  <a:pt x="190" y="5"/>
                  <a:pt x="189" y="6"/>
                  <a:pt x="188" y="8"/>
                </a:cubicBezTo>
                <a:cubicBezTo>
                  <a:pt x="178" y="24"/>
                  <a:pt x="158" y="34"/>
                  <a:pt x="137" y="34"/>
                </a:cubicBezTo>
                <a:cubicBezTo>
                  <a:pt x="116" y="34"/>
                  <a:pt x="96" y="24"/>
                  <a:pt x="86" y="8"/>
                </a:cubicBezTo>
                <a:cubicBezTo>
                  <a:pt x="82" y="2"/>
                  <a:pt x="74" y="0"/>
                  <a:pt x="69" y="4"/>
                </a:cubicBezTo>
                <a:cubicBezTo>
                  <a:pt x="68" y="4"/>
                  <a:pt x="68" y="4"/>
                  <a:pt x="68" y="4"/>
                </a:cubicBezTo>
                <a:cubicBezTo>
                  <a:pt x="67" y="5"/>
                  <a:pt x="66" y="6"/>
                  <a:pt x="65" y="8"/>
                </a:cubicBezTo>
                <a:cubicBezTo>
                  <a:pt x="54" y="24"/>
                  <a:pt x="35" y="34"/>
                  <a:pt x="14" y="34"/>
                </a:cubicBezTo>
                <a:cubicBezTo>
                  <a:pt x="7" y="34"/>
                  <a:pt x="1" y="39"/>
                  <a:pt x="1" y="46"/>
                </a:cubicBezTo>
                <a:cubicBezTo>
                  <a:pt x="1" y="46"/>
                  <a:pt x="0" y="112"/>
                  <a:pt x="0" y="112"/>
                </a:cubicBezTo>
                <a:cubicBezTo>
                  <a:pt x="0" y="115"/>
                  <a:pt x="1" y="118"/>
                  <a:pt x="4" y="120"/>
                </a:cubicBezTo>
                <a:cubicBezTo>
                  <a:pt x="19" y="142"/>
                  <a:pt x="46" y="156"/>
                  <a:pt x="75" y="156"/>
                </a:cubicBezTo>
                <a:cubicBezTo>
                  <a:pt x="98" y="156"/>
                  <a:pt x="121" y="147"/>
                  <a:pt x="136" y="131"/>
                </a:cubicBezTo>
                <a:cubicBezTo>
                  <a:pt x="152" y="147"/>
                  <a:pt x="174" y="156"/>
                  <a:pt x="198" y="156"/>
                </a:cubicBezTo>
                <a:cubicBezTo>
                  <a:pt x="221" y="156"/>
                  <a:pt x="244" y="147"/>
                  <a:pt x="260" y="131"/>
                </a:cubicBezTo>
                <a:cubicBezTo>
                  <a:pt x="272" y="144"/>
                  <a:pt x="290" y="152"/>
                  <a:pt x="309" y="155"/>
                </a:cubicBezTo>
                <a:cubicBezTo>
                  <a:pt x="309" y="169"/>
                  <a:pt x="309" y="198"/>
                  <a:pt x="309" y="204"/>
                </a:cubicBezTo>
                <a:cubicBezTo>
                  <a:pt x="298" y="218"/>
                  <a:pt x="280" y="227"/>
                  <a:pt x="260" y="227"/>
                </a:cubicBezTo>
                <a:cubicBezTo>
                  <a:pt x="239" y="227"/>
                  <a:pt x="220" y="217"/>
                  <a:pt x="209" y="201"/>
                </a:cubicBezTo>
                <a:cubicBezTo>
                  <a:pt x="206" y="196"/>
                  <a:pt x="198" y="194"/>
                  <a:pt x="192" y="198"/>
                </a:cubicBezTo>
                <a:cubicBezTo>
                  <a:pt x="192" y="198"/>
                  <a:pt x="192" y="198"/>
                  <a:pt x="192" y="198"/>
                </a:cubicBezTo>
                <a:cubicBezTo>
                  <a:pt x="190" y="199"/>
                  <a:pt x="189" y="200"/>
                  <a:pt x="188" y="202"/>
                </a:cubicBezTo>
                <a:cubicBezTo>
                  <a:pt x="178" y="217"/>
                  <a:pt x="158" y="227"/>
                  <a:pt x="137" y="227"/>
                </a:cubicBezTo>
                <a:cubicBezTo>
                  <a:pt x="116" y="227"/>
                  <a:pt x="96" y="217"/>
                  <a:pt x="86" y="201"/>
                </a:cubicBezTo>
                <a:cubicBezTo>
                  <a:pt x="82" y="196"/>
                  <a:pt x="75" y="194"/>
                  <a:pt x="69" y="198"/>
                </a:cubicBezTo>
                <a:cubicBezTo>
                  <a:pt x="69" y="198"/>
                  <a:pt x="69" y="198"/>
                  <a:pt x="69" y="198"/>
                </a:cubicBezTo>
                <a:cubicBezTo>
                  <a:pt x="67" y="199"/>
                  <a:pt x="66" y="200"/>
                  <a:pt x="65" y="202"/>
                </a:cubicBezTo>
                <a:cubicBezTo>
                  <a:pt x="54" y="217"/>
                  <a:pt x="35" y="227"/>
                  <a:pt x="14" y="227"/>
                </a:cubicBezTo>
                <a:cubicBezTo>
                  <a:pt x="7" y="227"/>
                  <a:pt x="1" y="233"/>
                  <a:pt x="1" y="240"/>
                </a:cubicBezTo>
                <a:cubicBezTo>
                  <a:pt x="1" y="247"/>
                  <a:pt x="7" y="253"/>
                  <a:pt x="14" y="253"/>
                </a:cubicBezTo>
                <a:cubicBezTo>
                  <a:pt x="37" y="253"/>
                  <a:pt x="60" y="244"/>
                  <a:pt x="75" y="228"/>
                </a:cubicBezTo>
                <a:cubicBezTo>
                  <a:pt x="91" y="244"/>
                  <a:pt x="113" y="253"/>
                  <a:pt x="137" y="253"/>
                </a:cubicBezTo>
                <a:cubicBezTo>
                  <a:pt x="161" y="253"/>
                  <a:pt x="183" y="244"/>
                  <a:pt x="199" y="228"/>
                </a:cubicBezTo>
                <a:cubicBezTo>
                  <a:pt x="214" y="244"/>
                  <a:pt x="237" y="253"/>
                  <a:pt x="260" y="253"/>
                </a:cubicBezTo>
                <a:cubicBezTo>
                  <a:pt x="290" y="253"/>
                  <a:pt x="317" y="239"/>
                  <a:pt x="332" y="216"/>
                </a:cubicBezTo>
                <a:cubicBezTo>
                  <a:pt x="334" y="214"/>
                  <a:pt x="335" y="211"/>
                  <a:pt x="335" y="208"/>
                </a:cubicBezTo>
                <a:cubicBezTo>
                  <a:pt x="335" y="208"/>
                  <a:pt x="334" y="143"/>
                  <a:pt x="334" y="143"/>
                </a:cubicBezTo>
                <a:cubicBezTo>
                  <a:pt x="334" y="136"/>
                  <a:pt x="328" y="130"/>
                  <a:pt x="321" y="130"/>
                </a:cubicBezTo>
                <a:cubicBezTo>
                  <a:pt x="300" y="130"/>
                  <a:pt x="281" y="121"/>
                  <a:pt x="270" y="105"/>
                </a:cubicBezTo>
                <a:cubicBezTo>
                  <a:pt x="267" y="99"/>
                  <a:pt x="259" y="97"/>
                  <a:pt x="253" y="101"/>
                </a:cubicBezTo>
                <a:cubicBezTo>
                  <a:pt x="253" y="101"/>
                  <a:pt x="253" y="101"/>
                  <a:pt x="253" y="101"/>
                </a:cubicBezTo>
                <a:cubicBezTo>
                  <a:pt x="251" y="102"/>
                  <a:pt x="250" y="103"/>
                  <a:pt x="249" y="105"/>
                </a:cubicBezTo>
                <a:cubicBezTo>
                  <a:pt x="238" y="121"/>
                  <a:pt x="219" y="130"/>
                  <a:pt x="198" y="130"/>
                </a:cubicBezTo>
                <a:cubicBezTo>
                  <a:pt x="177" y="130"/>
                  <a:pt x="157" y="121"/>
                  <a:pt x="147" y="105"/>
                </a:cubicBezTo>
                <a:cubicBezTo>
                  <a:pt x="143" y="99"/>
                  <a:pt x="136" y="97"/>
                  <a:pt x="130" y="101"/>
                </a:cubicBezTo>
                <a:cubicBezTo>
                  <a:pt x="130" y="101"/>
                  <a:pt x="130" y="101"/>
                  <a:pt x="130" y="101"/>
                </a:cubicBezTo>
                <a:cubicBezTo>
                  <a:pt x="128" y="102"/>
                  <a:pt x="127" y="103"/>
                  <a:pt x="126" y="105"/>
                </a:cubicBezTo>
                <a:cubicBezTo>
                  <a:pt x="115" y="121"/>
                  <a:pt x="96" y="130"/>
                  <a:pt x="75" y="130"/>
                </a:cubicBezTo>
                <a:cubicBezTo>
                  <a:pt x="55" y="130"/>
                  <a:pt x="36" y="122"/>
                  <a:pt x="26" y="107"/>
                </a:cubicBezTo>
                <a:cubicBezTo>
                  <a:pt x="26" y="101"/>
                  <a:pt x="26" y="72"/>
                  <a:pt x="26" y="58"/>
                </a:cubicBezTo>
                <a:cubicBezTo>
                  <a:pt x="45" y="55"/>
                  <a:pt x="62" y="47"/>
                  <a:pt x="75" y="34"/>
                </a:cubicBezTo>
                <a:cubicBezTo>
                  <a:pt x="91" y="50"/>
                  <a:pt x="113" y="59"/>
                  <a:pt x="137" y="59"/>
                </a:cubicBezTo>
                <a:cubicBezTo>
                  <a:pt x="161" y="59"/>
                  <a:pt x="183" y="50"/>
                  <a:pt x="199" y="34"/>
                </a:cubicBezTo>
                <a:cubicBezTo>
                  <a:pt x="214" y="50"/>
                  <a:pt x="237" y="59"/>
                  <a:pt x="260" y="59"/>
                </a:cubicBezTo>
                <a:cubicBezTo>
                  <a:pt x="290" y="59"/>
                  <a:pt x="317" y="45"/>
                  <a:pt x="332" y="22"/>
                </a:cubicBezTo>
                <a:cubicBezTo>
                  <a:pt x="334" y="20"/>
                  <a:pt x="335" y="17"/>
                  <a:pt x="335" y="15"/>
                </a:cubicBezTo>
                <a:cubicBezTo>
                  <a:pt x="335" y="13"/>
                  <a:pt x="334" y="10"/>
                  <a:pt x="333" y="8"/>
                </a:cubicBezTo>
                <a:cubicBezTo>
                  <a:pt x="329" y="2"/>
                  <a:pt x="322" y="0"/>
                  <a:pt x="316" y="4"/>
                </a:cubicBezTo>
                <a:close/>
                <a:moveTo>
                  <a:pt x="330" y="24"/>
                </a:moveTo>
                <a:cubicBezTo>
                  <a:pt x="330" y="24"/>
                  <a:pt x="330" y="24"/>
                  <a:pt x="329" y="25"/>
                </a:cubicBezTo>
                <a:cubicBezTo>
                  <a:pt x="330" y="24"/>
                  <a:pt x="330" y="24"/>
                  <a:pt x="330" y="24"/>
                </a:cubicBezTo>
                <a:close/>
                <a:moveTo>
                  <a:pt x="330" y="218"/>
                </a:moveTo>
                <a:cubicBezTo>
                  <a:pt x="330" y="218"/>
                  <a:pt x="330" y="218"/>
                  <a:pt x="330" y="218"/>
                </a:cubicBezTo>
                <a:cubicBezTo>
                  <a:pt x="330" y="218"/>
                  <a:pt x="330" y="218"/>
                  <a:pt x="330" y="21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9" name="Freeform 588"/>
          <p:cNvSpPr>
            <a:spLocks/>
          </p:cNvSpPr>
          <p:nvPr userDrawn="1"/>
        </p:nvSpPr>
        <p:spPr bwMode="auto">
          <a:xfrm>
            <a:off x="9934574" y="3740604"/>
            <a:ext cx="460375" cy="392113"/>
          </a:xfrm>
          <a:custGeom>
            <a:avLst/>
            <a:gdLst/>
            <a:ahLst/>
            <a:cxnLst>
              <a:cxn ang="0">
                <a:pos x="26" y="70"/>
              </a:cxn>
              <a:cxn ang="0">
                <a:pos x="6" y="162"/>
              </a:cxn>
              <a:cxn ang="0">
                <a:pos x="57" y="242"/>
              </a:cxn>
              <a:cxn ang="0">
                <a:pos x="150" y="262"/>
              </a:cxn>
              <a:cxn ang="0">
                <a:pos x="192" y="245"/>
              </a:cxn>
              <a:cxn ang="0">
                <a:pos x="197" y="227"/>
              </a:cxn>
              <a:cxn ang="0">
                <a:pos x="178" y="223"/>
              </a:cxn>
              <a:cxn ang="0">
                <a:pos x="145" y="235"/>
              </a:cxn>
              <a:cxn ang="0">
                <a:pos x="72" y="220"/>
              </a:cxn>
              <a:cxn ang="0">
                <a:pos x="32" y="157"/>
              </a:cxn>
              <a:cxn ang="0">
                <a:pos x="48" y="85"/>
              </a:cxn>
              <a:cxn ang="0">
                <a:pos x="183" y="60"/>
              </a:cxn>
              <a:cxn ang="0">
                <a:pos x="215" y="183"/>
              </a:cxn>
              <a:cxn ang="0">
                <a:pos x="217" y="198"/>
              </a:cxn>
              <a:cxn ang="0">
                <a:pos x="232" y="201"/>
              </a:cxn>
              <a:cxn ang="0">
                <a:pos x="248" y="202"/>
              </a:cxn>
              <a:cxn ang="0">
                <a:pos x="373" y="289"/>
              </a:cxn>
              <a:cxn ang="0">
                <a:pos x="377" y="312"/>
              </a:cxn>
              <a:cxn ang="0">
                <a:pos x="366" y="319"/>
              </a:cxn>
              <a:cxn ang="0">
                <a:pos x="353" y="317"/>
              </a:cxn>
              <a:cxn ang="0">
                <a:pos x="248" y="244"/>
              </a:cxn>
              <a:cxn ang="0">
                <a:pos x="230" y="247"/>
              </a:cxn>
              <a:cxn ang="0">
                <a:pos x="233" y="266"/>
              </a:cxn>
              <a:cxn ang="0">
                <a:pos x="338" y="339"/>
              </a:cxn>
              <a:cxn ang="0">
                <a:pos x="371" y="346"/>
              </a:cxn>
              <a:cxn ang="0">
                <a:pos x="399" y="327"/>
              </a:cxn>
              <a:cxn ang="0">
                <a:pos x="407" y="303"/>
              </a:cxn>
              <a:cxn ang="0">
                <a:pos x="388" y="267"/>
              </a:cxn>
              <a:cxn ang="0">
                <a:pos x="263" y="180"/>
              </a:cxn>
              <a:cxn ang="0">
                <a:pos x="246" y="174"/>
              </a:cxn>
              <a:cxn ang="0">
                <a:pos x="251" y="140"/>
              </a:cxn>
              <a:cxn ang="0">
                <a:pos x="247" y="109"/>
              </a:cxn>
              <a:cxn ang="0">
                <a:pos x="198" y="38"/>
              </a:cxn>
              <a:cxn ang="0">
                <a:pos x="26" y="70"/>
              </a:cxn>
            </a:cxnLst>
            <a:rect l="0" t="0" r="r" b="b"/>
            <a:pathLst>
              <a:path w="407" h="348">
                <a:moveTo>
                  <a:pt x="26" y="70"/>
                </a:moveTo>
                <a:cubicBezTo>
                  <a:pt x="7" y="97"/>
                  <a:pt x="0" y="130"/>
                  <a:pt x="6" y="162"/>
                </a:cubicBezTo>
                <a:cubicBezTo>
                  <a:pt x="12" y="195"/>
                  <a:pt x="30" y="223"/>
                  <a:pt x="57" y="242"/>
                </a:cubicBezTo>
                <a:cubicBezTo>
                  <a:pt x="84" y="260"/>
                  <a:pt x="117" y="267"/>
                  <a:pt x="150" y="262"/>
                </a:cubicBezTo>
                <a:cubicBezTo>
                  <a:pt x="165" y="259"/>
                  <a:pt x="179" y="253"/>
                  <a:pt x="192" y="245"/>
                </a:cubicBezTo>
                <a:cubicBezTo>
                  <a:pt x="199" y="241"/>
                  <a:pt x="201" y="233"/>
                  <a:pt x="197" y="227"/>
                </a:cubicBezTo>
                <a:cubicBezTo>
                  <a:pt x="193" y="221"/>
                  <a:pt x="185" y="219"/>
                  <a:pt x="178" y="223"/>
                </a:cubicBezTo>
                <a:cubicBezTo>
                  <a:pt x="168" y="229"/>
                  <a:pt x="157" y="233"/>
                  <a:pt x="145" y="235"/>
                </a:cubicBezTo>
                <a:cubicBezTo>
                  <a:pt x="119" y="240"/>
                  <a:pt x="94" y="234"/>
                  <a:pt x="72" y="220"/>
                </a:cubicBezTo>
                <a:cubicBezTo>
                  <a:pt x="51" y="205"/>
                  <a:pt x="37" y="183"/>
                  <a:pt x="32" y="157"/>
                </a:cubicBezTo>
                <a:cubicBezTo>
                  <a:pt x="28" y="132"/>
                  <a:pt x="33" y="106"/>
                  <a:pt x="48" y="85"/>
                </a:cubicBezTo>
                <a:cubicBezTo>
                  <a:pt x="78" y="41"/>
                  <a:pt x="139" y="30"/>
                  <a:pt x="183" y="60"/>
                </a:cubicBezTo>
                <a:cubicBezTo>
                  <a:pt x="222" y="87"/>
                  <a:pt x="236" y="140"/>
                  <a:pt x="215" y="183"/>
                </a:cubicBezTo>
                <a:cubicBezTo>
                  <a:pt x="212" y="188"/>
                  <a:pt x="213" y="194"/>
                  <a:pt x="217" y="198"/>
                </a:cubicBezTo>
                <a:cubicBezTo>
                  <a:pt x="221" y="202"/>
                  <a:pt x="227" y="203"/>
                  <a:pt x="232" y="201"/>
                </a:cubicBezTo>
                <a:cubicBezTo>
                  <a:pt x="237" y="198"/>
                  <a:pt x="243" y="199"/>
                  <a:pt x="248" y="202"/>
                </a:cubicBezTo>
                <a:cubicBezTo>
                  <a:pt x="373" y="289"/>
                  <a:pt x="373" y="289"/>
                  <a:pt x="373" y="289"/>
                </a:cubicBezTo>
                <a:cubicBezTo>
                  <a:pt x="380" y="294"/>
                  <a:pt x="382" y="305"/>
                  <a:pt x="377" y="312"/>
                </a:cubicBezTo>
                <a:cubicBezTo>
                  <a:pt x="374" y="316"/>
                  <a:pt x="371" y="319"/>
                  <a:pt x="366" y="319"/>
                </a:cubicBezTo>
                <a:cubicBezTo>
                  <a:pt x="362" y="320"/>
                  <a:pt x="357" y="319"/>
                  <a:pt x="353" y="317"/>
                </a:cubicBezTo>
                <a:cubicBezTo>
                  <a:pt x="248" y="244"/>
                  <a:pt x="248" y="244"/>
                  <a:pt x="248" y="244"/>
                </a:cubicBezTo>
                <a:cubicBezTo>
                  <a:pt x="242" y="240"/>
                  <a:pt x="234" y="241"/>
                  <a:pt x="230" y="247"/>
                </a:cubicBezTo>
                <a:cubicBezTo>
                  <a:pt x="226" y="253"/>
                  <a:pt x="227" y="262"/>
                  <a:pt x="233" y="266"/>
                </a:cubicBezTo>
                <a:cubicBezTo>
                  <a:pt x="338" y="339"/>
                  <a:pt x="338" y="339"/>
                  <a:pt x="338" y="339"/>
                </a:cubicBezTo>
                <a:cubicBezTo>
                  <a:pt x="348" y="345"/>
                  <a:pt x="359" y="348"/>
                  <a:pt x="371" y="346"/>
                </a:cubicBezTo>
                <a:cubicBezTo>
                  <a:pt x="382" y="344"/>
                  <a:pt x="392" y="337"/>
                  <a:pt x="399" y="327"/>
                </a:cubicBezTo>
                <a:cubicBezTo>
                  <a:pt x="404" y="320"/>
                  <a:pt x="407" y="311"/>
                  <a:pt x="407" y="303"/>
                </a:cubicBezTo>
                <a:cubicBezTo>
                  <a:pt x="407" y="289"/>
                  <a:pt x="400" y="275"/>
                  <a:pt x="388" y="267"/>
                </a:cubicBezTo>
                <a:cubicBezTo>
                  <a:pt x="263" y="180"/>
                  <a:pt x="263" y="180"/>
                  <a:pt x="263" y="180"/>
                </a:cubicBezTo>
                <a:cubicBezTo>
                  <a:pt x="258" y="177"/>
                  <a:pt x="252" y="175"/>
                  <a:pt x="246" y="174"/>
                </a:cubicBezTo>
                <a:cubicBezTo>
                  <a:pt x="250" y="163"/>
                  <a:pt x="251" y="151"/>
                  <a:pt x="251" y="140"/>
                </a:cubicBezTo>
                <a:cubicBezTo>
                  <a:pt x="251" y="130"/>
                  <a:pt x="250" y="119"/>
                  <a:pt x="247" y="109"/>
                </a:cubicBezTo>
                <a:cubicBezTo>
                  <a:pt x="240" y="80"/>
                  <a:pt x="222" y="55"/>
                  <a:pt x="198" y="38"/>
                </a:cubicBezTo>
                <a:cubicBezTo>
                  <a:pt x="142" y="0"/>
                  <a:pt x="65" y="14"/>
                  <a:pt x="26" y="7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0" name="Freeform 608"/>
          <p:cNvSpPr>
            <a:spLocks/>
          </p:cNvSpPr>
          <p:nvPr userDrawn="1"/>
        </p:nvSpPr>
        <p:spPr bwMode="auto">
          <a:xfrm>
            <a:off x="9982199" y="5066709"/>
            <a:ext cx="365125" cy="512763"/>
          </a:xfrm>
          <a:custGeom>
            <a:avLst/>
            <a:gdLst/>
            <a:ahLst/>
            <a:cxnLst>
              <a:cxn ang="0">
                <a:pos x="163" y="454"/>
              </a:cxn>
              <a:cxn ang="0">
                <a:pos x="13" y="261"/>
              </a:cxn>
              <a:cxn ang="0">
                <a:pos x="2" y="77"/>
              </a:cxn>
              <a:cxn ang="0">
                <a:pos x="15" y="58"/>
              </a:cxn>
              <a:cxn ang="0">
                <a:pos x="62" y="29"/>
              </a:cxn>
              <a:cxn ang="0">
                <a:pos x="252" y="24"/>
              </a:cxn>
              <a:cxn ang="0">
                <a:pos x="318" y="83"/>
              </a:cxn>
              <a:cxn ang="0">
                <a:pos x="295" y="80"/>
              </a:cxn>
              <a:cxn ang="0">
                <a:pos x="163" y="27"/>
              </a:cxn>
              <a:cxn ang="0">
                <a:pos x="31" y="80"/>
              </a:cxn>
              <a:cxn ang="0">
                <a:pos x="28" y="84"/>
              </a:cxn>
              <a:cxn ang="0">
                <a:pos x="115" y="405"/>
              </a:cxn>
              <a:cxn ang="0">
                <a:pos x="162" y="427"/>
              </a:cxn>
              <a:cxn ang="0">
                <a:pos x="211" y="405"/>
              </a:cxn>
              <a:cxn ang="0">
                <a:pos x="296" y="165"/>
              </a:cxn>
              <a:cxn ang="0">
                <a:pos x="264" y="216"/>
              </a:cxn>
              <a:cxn ang="0">
                <a:pos x="253" y="319"/>
              </a:cxn>
              <a:cxn ang="0">
                <a:pos x="72" y="320"/>
              </a:cxn>
              <a:cxn ang="0">
                <a:pos x="58" y="225"/>
              </a:cxn>
              <a:cxn ang="0">
                <a:pos x="93" y="177"/>
              </a:cxn>
              <a:cxn ang="0">
                <a:pos x="94" y="134"/>
              </a:cxn>
              <a:cxn ang="0">
                <a:pos x="162" y="78"/>
              </a:cxn>
              <a:cxn ang="0">
                <a:pos x="229" y="127"/>
              </a:cxn>
              <a:cxn ang="0">
                <a:pos x="229" y="197"/>
              </a:cxn>
              <a:cxn ang="0">
                <a:pos x="205" y="212"/>
              </a:cxn>
              <a:cxn ang="0">
                <a:pos x="177" y="183"/>
              </a:cxn>
              <a:cxn ang="0">
                <a:pos x="173" y="139"/>
              </a:cxn>
              <a:cxn ang="0">
                <a:pos x="153" y="140"/>
              </a:cxn>
              <a:cxn ang="0">
                <a:pos x="149" y="191"/>
              </a:cxn>
              <a:cxn ang="0">
                <a:pos x="168" y="223"/>
              </a:cxn>
              <a:cxn ang="0">
                <a:pos x="195" y="241"/>
              </a:cxn>
              <a:cxn ang="0">
                <a:pos x="185" y="285"/>
              </a:cxn>
              <a:cxn ang="0">
                <a:pos x="145" y="288"/>
              </a:cxn>
              <a:cxn ang="0">
                <a:pos x="139" y="244"/>
              </a:cxn>
              <a:cxn ang="0">
                <a:pos x="153" y="261"/>
              </a:cxn>
              <a:cxn ang="0">
                <a:pos x="167" y="264"/>
              </a:cxn>
              <a:cxn ang="0">
                <a:pos x="172" y="257"/>
              </a:cxn>
              <a:cxn ang="0">
                <a:pos x="162" y="249"/>
              </a:cxn>
              <a:cxn ang="0">
                <a:pos x="144" y="239"/>
              </a:cxn>
              <a:cxn ang="0">
                <a:pos x="141" y="217"/>
              </a:cxn>
              <a:cxn ang="0">
                <a:pos x="126" y="209"/>
              </a:cxn>
              <a:cxn ang="0">
                <a:pos x="122" y="153"/>
              </a:cxn>
              <a:cxn ang="0">
                <a:pos x="144" y="113"/>
              </a:cxn>
              <a:cxn ang="0">
                <a:pos x="204" y="153"/>
              </a:cxn>
              <a:cxn ang="0">
                <a:pos x="204" y="186"/>
              </a:cxn>
              <a:cxn ang="0">
                <a:pos x="206" y="183"/>
              </a:cxn>
              <a:cxn ang="0">
                <a:pos x="201" y="128"/>
              </a:cxn>
              <a:cxn ang="0">
                <a:pos x="134" y="115"/>
              </a:cxn>
              <a:cxn ang="0">
                <a:pos x="119" y="147"/>
              </a:cxn>
              <a:cxn ang="0">
                <a:pos x="114" y="197"/>
              </a:cxn>
              <a:cxn ang="0">
                <a:pos x="97" y="205"/>
              </a:cxn>
              <a:cxn ang="0">
                <a:pos x="84" y="287"/>
              </a:cxn>
              <a:cxn ang="0">
                <a:pos x="106" y="309"/>
              </a:cxn>
              <a:cxn ang="0">
                <a:pos x="238" y="287"/>
              </a:cxn>
              <a:cxn ang="0">
                <a:pos x="242" y="189"/>
              </a:cxn>
              <a:cxn ang="0">
                <a:pos x="313" y="117"/>
              </a:cxn>
              <a:cxn ang="0">
                <a:pos x="313" y="261"/>
              </a:cxn>
              <a:cxn ang="0">
                <a:pos x="193" y="448"/>
              </a:cxn>
            </a:cxnLst>
            <a:rect l="0" t="0" r="r" b="b"/>
            <a:pathLst>
              <a:path w="325" h="454">
                <a:moveTo>
                  <a:pt x="163" y="454"/>
                </a:move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54" y="454"/>
                  <a:pt x="144" y="452"/>
                  <a:pt x="133" y="448"/>
                </a:cubicBezTo>
                <a:cubicBezTo>
                  <a:pt x="133" y="448"/>
                  <a:pt x="133" y="448"/>
                  <a:pt x="133" y="448"/>
                </a:cubicBezTo>
                <a:cubicBezTo>
                  <a:pt x="122" y="443"/>
                  <a:pt x="110" y="436"/>
                  <a:pt x="97" y="425"/>
                </a:cubicBezTo>
                <a:cubicBezTo>
                  <a:pt x="97" y="425"/>
                  <a:pt x="97" y="425"/>
                  <a:pt x="97" y="425"/>
                </a:cubicBezTo>
                <a:cubicBezTo>
                  <a:pt x="67" y="399"/>
                  <a:pt x="26" y="348"/>
                  <a:pt x="13" y="261"/>
                </a:cubicBezTo>
                <a:cubicBezTo>
                  <a:pt x="13" y="261"/>
                  <a:pt x="13" y="261"/>
                  <a:pt x="13" y="261"/>
                </a:cubicBezTo>
                <a:cubicBezTo>
                  <a:pt x="8" y="229"/>
                  <a:pt x="0" y="145"/>
                  <a:pt x="0" y="101"/>
                </a:cubicBezTo>
                <a:cubicBezTo>
                  <a:pt x="0" y="101"/>
                  <a:pt x="0" y="101"/>
                  <a:pt x="0" y="101"/>
                </a:cubicBezTo>
                <a:cubicBezTo>
                  <a:pt x="0" y="91"/>
                  <a:pt x="1" y="83"/>
                  <a:pt x="2" y="77"/>
                </a:cubicBezTo>
                <a:cubicBezTo>
                  <a:pt x="2" y="77"/>
                  <a:pt x="2" y="77"/>
                  <a:pt x="2" y="77"/>
                </a:cubicBezTo>
                <a:cubicBezTo>
                  <a:pt x="2" y="74"/>
                  <a:pt x="3" y="72"/>
                  <a:pt x="4" y="70"/>
                </a:cubicBezTo>
                <a:cubicBezTo>
                  <a:pt x="4" y="70"/>
                  <a:pt x="4" y="70"/>
                  <a:pt x="4" y="70"/>
                </a:cubicBezTo>
                <a:cubicBezTo>
                  <a:pt x="4" y="68"/>
                  <a:pt x="5" y="67"/>
                  <a:pt x="7" y="65"/>
                </a:cubicBezTo>
                <a:cubicBezTo>
                  <a:pt x="7" y="65"/>
                  <a:pt x="7" y="65"/>
                  <a:pt x="7" y="65"/>
                </a:cubicBezTo>
                <a:cubicBezTo>
                  <a:pt x="9" y="63"/>
                  <a:pt x="11" y="61"/>
                  <a:pt x="15" y="58"/>
                </a:cubicBezTo>
                <a:cubicBezTo>
                  <a:pt x="15" y="58"/>
                  <a:pt x="15" y="58"/>
                  <a:pt x="15" y="58"/>
                </a:cubicBezTo>
                <a:cubicBezTo>
                  <a:pt x="18" y="56"/>
                  <a:pt x="22" y="53"/>
                  <a:pt x="26" y="50"/>
                </a:cubicBezTo>
                <a:cubicBezTo>
                  <a:pt x="26" y="50"/>
                  <a:pt x="26" y="50"/>
                  <a:pt x="26" y="50"/>
                </a:cubicBezTo>
                <a:cubicBezTo>
                  <a:pt x="36" y="44"/>
                  <a:pt x="48" y="36"/>
                  <a:pt x="62" y="29"/>
                </a:cubicBezTo>
                <a:cubicBezTo>
                  <a:pt x="62" y="29"/>
                  <a:pt x="62" y="29"/>
                  <a:pt x="62" y="29"/>
                </a:cubicBezTo>
                <a:cubicBezTo>
                  <a:pt x="91" y="14"/>
                  <a:pt x="127" y="1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95" y="0"/>
                  <a:pt x="226" y="11"/>
                  <a:pt x="252" y="24"/>
                </a:cubicBezTo>
                <a:cubicBezTo>
                  <a:pt x="252" y="24"/>
                  <a:pt x="252" y="24"/>
                  <a:pt x="252" y="24"/>
                </a:cubicBezTo>
                <a:cubicBezTo>
                  <a:pt x="279" y="36"/>
                  <a:pt x="300" y="50"/>
                  <a:pt x="311" y="58"/>
                </a:cubicBezTo>
                <a:cubicBezTo>
                  <a:pt x="311" y="58"/>
                  <a:pt x="311" y="58"/>
                  <a:pt x="311" y="58"/>
                </a:cubicBezTo>
                <a:cubicBezTo>
                  <a:pt x="314" y="61"/>
                  <a:pt x="317" y="63"/>
                  <a:pt x="318" y="65"/>
                </a:cubicBezTo>
                <a:cubicBezTo>
                  <a:pt x="318" y="65"/>
                  <a:pt x="318" y="65"/>
                  <a:pt x="318" y="65"/>
                </a:cubicBezTo>
                <a:cubicBezTo>
                  <a:pt x="324" y="70"/>
                  <a:pt x="324" y="78"/>
                  <a:pt x="318" y="83"/>
                </a:cubicBezTo>
                <a:cubicBezTo>
                  <a:pt x="318" y="83"/>
                  <a:pt x="318" y="83"/>
                  <a:pt x="318" y="83"/>
                </a:cubicBezTo>
                <a:cubicBezTo>
                  <a:pt x="313" y="89"/>
                  <a:pt x="305" y="89"/>
                  <a:pt x="300" y="83"/>
                </a:cubicBezTo>
                <a:cubicBezTo>
                  <a:pt x="300" y="83"/>
                  <a:pt x="300" y="83"/>
                  <a:pt x="300" y="83"/>
                </a:cubicBezTo>
                <a:cubicBezTo>
                  <a:pt x="300" y="83"/>
                  <a:pt x="298" y="82"/>
                  <a:pt x="295" y="80"/>
                </a:cubicBezTo>
                <a:cubicBezTo>
                  <a:pt x="295" y="80"/>
                  <a:pt x="295" y="80"/>
                  <a:pt x="295" y="80"/>
                </a:cubicBezTo>
                <a:cubicBezTo>
                  <a:pt x="292" y="78"/>
                  <a:pt x="289" y="75"/>
                  <a:pt x="285" y="72"/>
                </a:cubicBezTo>
                <a:cubicBezTo>
                  <a:pt x="285" y="72"/>
                  <a:pt x="285" y="72"/>
                  <a:pt x="285" y="72"/>
                </a:cubicBezTo>
                <a:cubicBezTo>
                  <a:pt x="276" y="66"/>
                  <a:pt x="264" y="59"/>
                  <a:pt x="251" y="53"/>
                </a:cubicBezTo>
                <a:cubicBezTo>
                  <a:pt x="251" y="53"/>
                  <a:pt x="251" y="53"/>
                  <a:pt x="251" y="53"/>
                </a:cubicBezTo>
                <a:cubicBezTo>
                  <a:pt x="225" y="39"/>
                  <a:pt x="192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37" y="27"/>
                  <a:pt x="109" y="36"/>
                  <a:pt x="85" y="48"/>
                </a:cubicBezTo>
                <a:cubicBezTo>
                  <a:pt x="85" y="48"/>
                  <a:pt x="85" y="48"/>
                  <a:pt x="85" y="48"/>
                </a:cubicBezTo>
                <a:cubicBezTo>
                  <a:pt x="60" y="59"/>
                  <a:pt x="40" y="73"/>
                  <a:pt x="31" y="80"/>
                </a:cubicBezTo>
                <a:cubicBezTo>
                  <a:pt x="31" y="80"/>
                  <a:pt x="31" y="80"/>
                  <a:pt x="31" y="80"/>
                </a:cubicBezTo>
                <a:cubicBezTo>
                  <a:pt x="30" y="80"/>
                  <a:pt x="29" y="81"/>
                  <a:pt x="28" y="82"/>
                </a:cubicBezTo>
                <a:cubicBezTo>
                  <a:pt x="28" y="82"/>
                  <a:pt x="28" y="82"/>
                  <a:pt x="28" y="82"/>
                </a:cubicBezTo>
                <a:cubicBezTo>
                  <a:pt x="28" y="82"/>
                  <a:pt x="28" y="83"/>
                  <a:pt x="28" y="84"/>
                </a:cubicBezTo>
                <a:cubicBezTo>
                  <a:pt x="28" y="84"/>
                  <a:pt x="28" y="84"/>
                  <a:pt x="28" y="84"/>
                </a:cubicBezTo>
                <a:cubicBezTo>
                  <a:pt x="27" y="88"/>
                  <a:pt x="27" y="94"/>
                  <a:pt x="27" y="101"/>
                </a:cubicBezTo>
                <a:cubicBezTo>
                  <a:pt x="27" y="101"/>
                  <a:pt x="27" y="101"/>
                  <a:pt x="27" y="101"/>
                </a:cubicBezTo>
                <a:cubicBezTo>
                  <a:pt x="27" y="143"/>
                  <a:pt x="34" y="227"/>
                  <a:pt x="39" y="257"/>
                </a:cubicBezTo>
                <a:cubicBezTo>
                  <a:pt x="39" y="257"/>
                  <a:pt x="39" y="257"/>
                  <a:pt x="39" y="257"/>
                </a:cubicBezTo>
                <a:cubicBezTo>
                  <a:pt x="51" y="337"/>
                  <a:pt x="88" y="382"/>
                  <a:pt x="115" y="405"/>
                </a:cubicBezTo>
                <a:cubicBezTo>
                  <a:pt x="115" y="405"/>
                  <a:pt x="115" y="405"/>
                  <a:pt x="115" y="405"/>
                </a:cubicBezTo>
                <a:cubicBezTo>
                  <a:pt x="126" y="415"/>
                  <a:pt x="135" y="420"/>
                  <a:pt x="143" y="423"/>
                </a:cubicBezTo>
                <a:cubicBezTo>
                  <a:pt x="143" y="423"/>
                  <a:pt x="143" y="423"/>
                  <a:pt x="143" y="423"/>
                </a:cubicBezTo>
                <a:cubicBezTo>
                  <a:pt x="150" y="426"/>
                  <a:pt x="156" y="427"/>
                  <a:pt x="162" y="427"/>
                </a:cubicBezTo>
                <a:cubicBezTo>
                  <a:pt x="162" y="427"/>
                  <a:pt x="162" y="427"/>
                  <a:pt x="162" y="427"/>
                </a:cubicBezTo>
                <a:cubicBezTo>
                  <a:pt x="162" y="427"/>
                  <a:pt x="163" y="427"/>
                  <a:pt x="164" y="427"/>
                </a:cubicBezTo>
                <a:cubicBezTo>
                  <a:pt x="164" y="427"/>
                  <a:pt x="164" y="427"/>
                  <a:pt x="164" y="427"/>
                </a:cubicBezTo>
                <a:cubicBezTo>
                  <a:pt x="170" y="427"/>
                  <a:pt x="176" y="426"/>
                  <a:pt x="183" y="423"/>
                </a:cubicBezTo>
                <a:cubicBezTo>
                  <a:pt x="183" y="423"/>
                  <a:pt x="183" y="423"/>
                  <a:pt x="183" y="423"/>
                </a:cubicBezTo>
                <a:cubicBezTo>
                  <a:pt x="191" y="420"/>
                  <a:pt x="200" y="415"/>
                  <a:pt x="211" y="405"/>
                </a:cubicBezTo>
                <a:cubicBezTo>
                  <a:pt x="211" y="405"/>
                  <a:pt x="211" y="405"/>
                  <a:pt x="211" y="405"/>
                </a:cubicBezTo>
                <a:cubicBezTo>
                  <a:pt x="238" y="382"/>
                  <a:pt x="275" y="337"/>
                  <a:pt x="287" y="257"/>
                </a:cubicBezTo>
                <a:cubicBezTo>
                  <a:pt x="287" y="257"/>
                  <a:pt x="287" y="257"/>
                  <a:pt x="287" y="257"/>
                </a:cubicBezTo>
                <a:cubicBezTo>
                  <a:pt x="289" y="239"/>
                  <a:pt x="293" y="201"/>
                  <a:pt x="296" y="165"/>
                </a:cubicBezTo>
                <a:cubicBezTo>
                  <a:pt x="296" y="165"/>
                  <a:pt x="296" y="165"/>
                  <a:pt x="296" y="165"/>
                </a:cubicBezTo>
                <a:cubicBezTo>
                  <a:pt x="288" y="173"/>
                  <a:pt x="280" y="180"/>
                  <a:pt x="276" y="184"/>
                </a:cubicBezTo>
                <a:cubicBezTo>
                  <a:pt x="276" y="184"/>
                  <a:pt x="276" y="184"/>
                  <a:pt x="276" y="184"/>
                </a:cubicBezTo>
                <a:cubicBezTo>
                  <a:pt x="271" y="189"/>
                  <a:pt x="269" y="193"/>
                  <a:pt x="267" y="198"/>
                </a:cubicBezTo>
                <a:cubicBezTo>
                  <a:pt x="267" y="198"/>
                  <a:pt x="267" y="198"/>
                  <a:pt x="267" y="198"/>
                </a:cubicBezTo>
                <a:cubicBezTo>
                  <a:pt x="265" y="203"/>
                  <a:pt x="264" y="208"/>
                  <a:pt x="264" y="216"/>
                </a:cubicBezTo>
                <a:cubicBezTo>
                  <a:pt x="264" y="216"/>
                  <a:pt x="264" y="216"/>
                  <a:pt x="264" y="216"/>
                </a:cubicBezTo>
                <a:cubicBezTo>
                  <a:pt x="264" y="233"/>
                  <a:pt x="264" y="270"/>
                  <a:pt x="264" y="287"/>
                </a:cubicBezTo>
                <a:cubicBezTo>
                  <a:pt x="264" y="287"/>
                  <a:pt x="264" y="287"/>
                  <a:pt x="264" y="287"/>
                </a:cubicBezTo>
                <a:cubicBezTo>
                  <a:pt x="264" y="299"/>
                  <a:pt x="260" y="310"/>
                  <a:pt x="253" y="319"/>
                </a:cubicBezTo>
                <a:cubicBezTo>
                  <a:pt x="253" y="319"/>
                  <a:pt x="253" y="319"/>
                  <a:pt x="253" y="319"/>
                </a:cubicBezTo>
                <a:cubicBezTo>
                  <a:pt x="245" y="329"/>
                  <a:pt x="233" y="335"/>
                  <a:pt x="219" y="335"/>
                </a:cubicBezTo>
                <a:cubicBezTo>
                  <a:pt x="219" y="335"/>
                  <a:pt x="219" y="335"/>
                  <a:pt x="219" y="335"/>
                </a:cubicBezTo>
                <a:cubicBezTo>
                  <a:pt x="205" y="335"/>
                  <a:pt x="121" y="335"/>
                  <a:pt x="106" y="335"/>
                </a:cubicBezTo>
                <a:cubicBezTo>
                  <a:pt x="106" y="335"/>
                  <a:pt x="106" y="335"/>
                  <a:pt x="106" y="335"/>
                </a:cubicBezTo>
                <a:cubicBezTo>
                  <a:pt x="92" y="335"/>
                  <a:pt x="81" y="329"/>
                  <a:pt x="72" y="320"/>
                </a:cubicBezTo>
                <a:cubicBezTo>
                  <a:pt x="72" y="320"/>
                  <a:pt x="72" y="320"/>
                  <a:pt x="72" y="320"/>
                </a:cubicBezTo>
                <a:cubicBezTo>
                  <a:pt x="64" y="311"/>
                  <a:pt x="58" y="300"/>
                  <a:pt x="58" y="287"/>
                </a:cubicBezTo>
                <a:cubicBezTo>
                  <a:pt x="58" y="287"/>
                  <a:pt x="58" y="287"/>
                  <a:pt x="58" y="287"/>
                </a:cubicBezTo>
                <a:cubicBezTo>
                  <a:pt x="58" y="274"/>
                  <a:pt x="58" y="241"/>
                  <a:pt x="58" y="225"/>
                </a:cubicBezTo>
                <a:cubicBezTo>
                  <a:pt x="58" y="225"/>
                  <a:pt x="58" y="225"/>
                  <a:pt x="58" y="225"/>
                </a:cubicBezTo>
                <a:cubicBezTo>
                  <a:pt x="58" y="213"/>
                  <a:pt x="61" y="202"/>
                  <a:pt x="68" y="193"/>
                </a:cubicBezTo>
                <a:cubicBezTo>
                  <a:pt x="68" y="193"/>
                  <a:pt x="68" y="193"/>
                  <a:pt x="68" y="193"/>
                </a:cubicBezTo>
                <a:cubicBezTo>
                  <a:pt x="74" y="186"/>
                  <a:pt x="82" y="180"/>
                  <a:pt x="93" y="179"/>
                </a:cubicBezTo>
                <a:cubicBezTo>
                  <a:pt x="93" y="179"/>
                  <a:pt x="93" y="179"/>
                  <a:pt x="93" y="179"/>
                </a:cubicBezTo>
                <a:cubicBezTo>
                  <a:pt x="93" y="178"/>
                  <a:pt x="93" y="178"/>
                  <a:pt x="93" y="177"/>
                </a:cubicBezTo>
                <a:cubicBezTo>
                  <a:pt x="93" y="177"/>
                  <a:pt x="93" y="177"/>
                  <a:pt x="93" y="177"/>
                </a:cubicBezTo>
                <a:cubicBezTo>
                  <a:pt x="93" y="170"/>
                  <a:pt x="93" y="161"/>
                  <a:pt x="93" y="147"/>
                </a:cubicBezTo>
                <a:cubicBezTo>
                  <a:pt x="93" y="147"/>
                  <a:pt x="93" y="147"/>
                  <a:pt x="93" y="147"/>
                </a:cubicBezTo>
                <a:cubicBezTo>
                  <a:pt x="93" y="143"/>
                  <a:pt x="93" y="139"/>
                  <a:pt x="94" y="134"/>
                </a:cubicBezTo>
                <a:cubicBezTo>
                  <a:pt x="94" y="134"/>
                  <a:pt x="94" y="134"/>
                  <a:pt x="94" y="134"/>
                </a:cubicBezTo>
                <a:cubicBezTo>
                  <a:pt x="96" y="129"/>
                  <a:pt x="98" y="123"/>
                  <a:pt x="100" y="118"/>
                </a:cubicBezTo>
                <a:cubicBezTo>
                  <a:pt x="100" y="118"/>
                  <a:pt x="100" y="118"/>
                  <a:pt x="100" y="118"/>
                </a:cubicBezTo>
                <a:cubicBezTo>
                  <a:pt x="106" y="106"/>
                  <a:pt x="114" y="94"/>
                  <a:pt x="129" y="87"/>
                </a:cubicBezTo>
                <a:cubicBezTo>
                  <a:pt x="129" y="87"/>
                  <a:pt x="129" y="87"/>
                  <a:pt x="129" y="87"/>
                </a:cubicBezTo>
                <a:cubicBezTo>
                  <a:pt x="138" y="81"/>
                  <a:pt x="149" y="78"/>
                  <a:pt x="162" y="78"/>
                </a:cubicBezTo>
                <a:cubicBezTo>
                  <a:pt x="162" y="78"/>
                  <a:pt x="162" y="78"/>
                  <a:pt x="162" y="78"/>
                </a:cubicBezTo>
                <a:cubicBezTo>
                  <a:pt x="182" y="78"/>
                  <a:pt x="198" y="85"/>
                  <a:pt x="209" y="94"/>
                </a:cubicBezTo>
                <a:cubicBezTo>
                  <a:pt x="209" y="94"/>
                  <a:pt x="209" y="94"/>
                  <a:pt x="209" y="94"/>
                </a:cubicBezTo>
                <a:cubicBezTo>
                  <a:pt x="220" y="104"/>
                  <a:pt x="226" y="116"/>
                  <a:pt x="229" y="127"/>
                </a:cubicBezTo>
                <a:cubicBezTo>
                  <a:pt x="229" y="127"/>
                  <a:pt x="229" y="127"/>
                  <a:pt x="229" y="127"/>
                </a:cubicBezTo>
                <a:cubicBezTo>
                  <a:pt x="232" y="134"/>
                  <a:pt x="233" y="141"/>
                  <a:pt x="233" y="147"/>
                </a:cubicBezTo>
                <a:cubicBezTo>
                  <a:pt x="233" y="147"/>
                  <a:pt x="233" y="147"/>
                  <a:pt x="233" y="147"/>
                </a:cubicBezTo>
                <a:cubicBezTo>
                  <a:pt x="233" y="160"/>
                  <a:pt x="233" y="175"/>
                  <a:pt x="233" y="183"/>
                </a:cubicBezTo>
                <a:cubicBezTo>
                  <a:pt x="233" y="183"/>
                  <a:pt x="233" y="183"/>
                  <a:pt x="233" y="183"/>
                </a:cubicBezTo>
                <a:cubicBezTo>
                  <a:pt x="233" y="187"/>
                  <a:pt x="232" y="192"/>
                  <a:pt x="229" y="197"/>
                </a:cubicBezTo>
                <a:cubicBezTo>
                  <a:pt x="229" y="197"/>
                  <a:pt x="229" y="197"/>
                  <a:pt x="229" y="197"/>
                </a:cubicBezTo>
                <a:cubicBezTo>
                  <a:pt x="227" y="202"/>
                  <a:pt x="223" y="207"/>
                  <a:pt x="217" y="210"/>
                </a:cubicBezTo>
                <a:cubicBezTo>
                  <a:pt x="217" y="210"/>
                  <a:pt x="217" y="210"/>
                  <a:pt x="217" y="210"/>
                </a:cubicBezTo>
                <a:cubicBezTo>
                  <a:pt x="213" y="212"/>
                  <a:pt x="209" y="212"/>
                  <a:pt x="205" y="212"/>
                </a:cubicBezTo>
                <a:cubicBezTo>
                  <a:pt x="205" y="212"/>
                  <a:pt x="205" y="212"/>
                  <a:pt x="205" y="212"/>
                </a:cubicBezTo>
                <a:cubicBezTo>
                  <a:pt x="200" y="212"/>
                  <a:pt x="196" y="212"/>
                  <a:pt x="192" y="210"/>
                </a:cubicBezTo>
                <a:cubicBezTo>
                  <a:pt x="192" y="210"/>
                  <a:pt x="192" y="210"/>
                  <a:pt x="192" y="210"/>
                </a:cubicBezTo>
                <a:cubicBezTo>
                  <a:pt x="188" y="208"/>
                  <a:pt x="185" y="205"/>
                  <a:pt x="183" y="202"/>
                </a:cubicBezTo>
                <a:cubicBezTo>
                  <a:pt x="183" y="202"/>
                  <a:pt x="183" y="202"/>
                  <a:pt x="183" y="202"/>
                </a:cubicBezTo>
                <a:cubicBezTo>
                  <a:pt x="178" y="196"/>
                  <a:pt x="177" y="189"/>
                  <a:pt x="177" y="183"/>
                </a:cubicBezTo>
                <a:cubicBezTo>
                  <a:pt x="177" y="183"/>
                  <a:pt x="177" y="183"/>
                  <a:pt x="177" y="183"/>
                </a:cubicBezTo>
                <a:cubicBezTo>
                  <a:pt x="177" y="177"/>
                  <a:pt x="177" y="171"/>
                  <a:pt x="177" y="153"/>
                </a:cubicBezTo>
                <a:cubicBezTo>
                  <a:pt x="177" y="153"/>
                  <a:pt x="177" y="153"/>
                  <a:pt x="177" y="153"/>
                </a:cubicBezTo>
                <a:cubicBezTo>
                  <a:pt x="177" y="147"/>
                  <a:pt x="175" y="142"/>
                  <a:pt x="173" y="139"/>
                </a:cubicBezTo>
                <a:cubicBezTo>
                  <a:pt x="173" y="139"/>
                  <a:pt x="173" y="139"/>
                  <a:pt x="173" y="139"/>
                </a:cubicBezTo>
                <a:cubicBezTo>
                  <a:pt x="170" y="136"/>
                  <a:pt x="168" y="135"/>
                  <a:pt x="162" y="135"/>
                </a:cubicBezTo>
                <a:cubicBezTo>
                  <a:pt x="162" y="135"/>
                  <a:pt x="162" y="135"/>
                  <a:pt x="162" y="135"/>
                </a:cubicBezTo>
                <a:cubicBezTo>
                  <a:pt x="160" y="135"/>
                  <a:pt x="158" y="135"/>
                  <a:pt x="157" y="136"/>
                </a:cubicBezTo>
                <a:cubicBezTo>
                  <a:pt x="157" y="136"/>
                  <a:pt x="157" y="136"/>
                  <a:pt x="157" y="136"/>
                </a:cubicBezTo>
                <a:cubicBezTo>
                  <a:pt x="155" y="137"/>
                  <a:pt x="154" y="138"/>
                  <a:pt x="153" y="140"/>
                </a:cubicBezTo>
                <a:cubicBezTo>
                  <a:pt x="153" y="140"/>
                  <a:pt x="153" y="140"/>
                  <a:pt x="153" y="140"/>
                </a:cubicBezTo>
                <a:cubicBezTo>
                  <a:pt x="150" y="143"/>
                  <a:pt x="148" y="148"/>
                  <a:pt x="149" y="153"/>
                </a:cubicBezTo>
                <a:cubicBezTo>
                  <a:pt x="149" y="153"/>
                  <a:pt x="149" y="153"/>
                  <a:pt x="149" y="153"/>
                </a:cubicBezTo>
                <a:cubicBezTo>
                  <a:pt x="149" y="167"/>
                  <a:pt x="149" y="182"/>
                  <a:pt x="149" y="191"/>
                </a:cubicBezTo>
                <a:cubicBezTo>
                  <a:pt x="149" y="191"/>
                  <a:pt x="149" y="191"/>
                  <a:pt x="149" y="191"/>
                </a:cubicBezTo>
                <a:cubicBezTo>
                  <a:pt x="153" y="191"/>
                  <a:pt x="157" y="193"/>
                  <a:pt x="161" y="197"/>
                </a:cubicBezTo>
                <a:cubicBezTo>
                  <a:pt x="161" y="197"/>
                  <a:pt x="161" y="197"/>
                  <a:pt x="161" y="197"/>
                </a:cubicBezTo>
                <a:cubicBezTo>
                  <a:pt x="165" y="201"/>
                  <a:pt x="168" y="207"/>
                  <a:pt x="168" y="213"/>
                </a:cubicBezTo>
                <a:cubicBezTo>
                  <a:pt x="168" y="213"/>
                  <a:pt x="168" y="213"/>
                  <a:pt x="168" y="213"/>
                </a:cubicBezTo>
                <a:cubicBezTo>
                  <a:pt x="168" y="220"/>
                  <a:pt x="168" y="218"/>
                  <a:pt x="168" y="223"/>
                </a:cubicBezTo>
                <a:cubicBezTo>
                  <a:pt x="168" y="223"/>
                  <a:pt x="168" y="223"/>
                  <a:pt x="168" y="223"/>
                </a:cubicBezTo>
                <a:cubicBezTo>
                  <a:pt x="171" y="223"/>
                  <a:pt x="175" y="224"/>
                  <a:pt x="179" y="226"/>
                </a:cubicBezTo>
                <a:cubicBezTo>
                  <a:pt x="179" y="226"/>
                  <a:pt x="179" y="226"/>
                  <a:pt x="179" y="226"/>
                </a:cubicBezTo>
                <a:cubicBezTo>
                  <a:pt x="185" y="229"/>
                  <a:pt x="191" y="234"/>
                  <a:pt x="195" y="241"/>
                </a:cubicBezTo>
                <a:cubicBezTo>
                  <a:pt x="195" y="241"/>
                  <a:pt x="195" y="241"/>
                  <a:pt x="195" y="241"/>
                </a:cubicBezTo>
                <a:cubicBezTo>
                  <a:pt x="197" y="246"/>
                  <a:pt x="198" y="251"/>
                  <a:pt x="198" y="257"/>
                </a:cubicBezTo>
                <a:cubicBezTo>
                  <a:pt x="198" y="257"/>
                  <a:pt x="198" y="257"/>
                  <a:pt x="198" y="257"/>
                </a:cubicBezTo>
                <a:cubicBezTo>
                  <a:pt x="198" y="263"/>
                  <a:pt x="197" y="269"/>
                  <a:pt x="194" y="273"/>
                </a:cubicBezTo>
                <a:cubicBezTo>
                  <a:pt x="194" y="273"/>
                  <a:pt x="194" y="273"/>
                  <a:pt x="194" y="273"/>
                </a:cubicBezTo>
                <a:cubicBezTo>
                  <a:pt x="192" y="278"/>
                  <a:pt x="189" y="282"/>
                  <a:pt x="185" y="285"/>
                </a:cubicBezTo>
                <a:cubicBezTo>
                  <a:pt x="185" y="285"/>
                  <a:pt x="185" y="285"/>
                  <a:pt x="185" y="285"/>
                </a:cubicBezTo>
                <a:cubicBezTo>
                  <a:pt x="177" y="290"/>
                  <a:pt x="169" y="292"/>
                  <a:pt x="162" y="292"/>
                </a:cubicBezTo>
                <a:cubicBezTo>
                  <a:pt x="162" y="292"/>
                  <a:pt x="162" y="292"/>
                  <a:pt x="162" y="292"/>
                </a:cubicBezTo>
                <a:cubicBezTo>
                  <a:pt x="157" y="292"/>
                  <a:pt x="151" y="291"/>
                  <a:pt x="145" y="288"/>
                </a:cubicBezTo>
                <a:cubicBezTo>
                  <a:pt x="145" y="288"/>
                  <a:pt x="145" y="288"/>
                  <a:pt x="145" y="288"/>
                </a:cubicBezTo>
                <a:cubicBezTo>
                  <a:pt x="140" y="286"/>
                  <a:pt x="134" y="281"/>
                  <a:pt x="130" y="274"/>
                </a:cubicBezTo>
                <a:cubicBezTo>
                  <a:pt x="130" y="274"/>
                  <a:pt x="130" y="274"/>
                  <a:pt x="130" y="274"/>
                </a:cubicBezTo>
                <a:cubicBezTo>
                  <a:pt x="127" y="269"/>
                  <a:pt x="126" y="263"/>
                  <a:pt x="126" y="257"/>
                </a:cubicBezTo>
                <a:cubicBezTo>
                  <a:pt x="126" y="257"/>
                  <a:pt x="126" y="257"/>
                  <a:pt x="126" y="257"/>
                </a:cubicBezTo>
                <a:cubicBezTo>
                  <a:pt x="126" y="250"/>
                  <a:pt x="132" y="244"/>
                  <a:pt x="139" y="244"/>
                </a:cubicBezTo>
                <a:cubicBezTo>
                  <a:pt x="139" y="244"/>
                  <a:pt x="139" y="244"/>
                  <a:pt x="139" y="244"/>
                </a:cubicBezTo>
                <a:cubicBezTo>
                  <a:pt x="146" y="244"/>
                  <a:pt x="152" y="250"/>
                  <a:pt x="152" y="257"/>
                </a:cubicBezTo>
                <a:cubicBezTo>
                  <a:pt x="152" y="257"/>
                  <a:pt x="152" y="257"/>
                  <a:pt x="152" y="257"/>
                </a:cubicBezTo>
                <a:cubicBezTo>
                  <a:pt x="152" y="259"/>
                  <a:pt x="153" y="260"/>
                  <a:pt x="153" y="261"/>
                </a:cubicBezTo>
                <a:cubicBezTo>
                  <a:pt x="153" y="261"/>
                  <a:pt x="153" y="261"/>
                  <a:pt x="153" y="261"/>
                </a:cubicBezTo>
                <a:cubicBezTo>
                  <a:pt x="154" y="262"/>
                  <a:pt x="154" y="263"/>
                  <a:pt x="155" y="263"/>
                </a:cubicBezTo>
                <a:cubicBezTo>
                  <a:pt x="155" y="263"/>
                  <a:pt x="155" y="263"/>
                  <a:pt x="155" y="263"/>
                </a:cubicBezTo>
                <a:cubicBezTo>
                  <a:pt x="157" y="265"/>
                  <a:pt x="161" y="266"/>
                  <a:pt x="162" y="266"/>
                </a:cubicBezTo>
                <a:cubicBezTo>
                  <a:pt x="162" y="266"/>
                  <a:pt x="162" y="266"/>
                  <a:pt x="162" y="266"/>
                </a:cubicBezTo>
                <a:cubicBezTo>
                  <a:pt x="163" y="266"/>
                  <a:pt x="166" y="265"/>
                  <a:pt x="167" y="264"/>
                </a:cubicBezTo>
                <a:cubicBezTo>
                  <a:pt x="167" y="264"/>
                  <a:pt x="167" y="264"/>
                  <a:pt x="167" y="264"/>
                </a:cubicBezTo>
                <a:cubicBezTo>
                  <a:pt x="169" y="263"/>
                  <a:pt x="170" y="262"/>
                  <a:pt x="171" y="261"/>
                </a:cubicBezTo>
                <a:cubicBezTo>
                  <a:pt x="171" y="261"/>
                  <a:pt x="171" y="261"/>
                  <a:pt x="171" y="261"/>
                </a:cubicBezTo>
                <a:cubicBezTo>
                  <a:pt x="171" y="260"/>
                  <a:pt x="172" y="259"/>
                  <a:pt x="172" y="257"/>
                </a:cubicBezTo>
                <a:cubicBezTo>
                  <a:pt x="172" y="257"/>
                  <a:pt x="172" y="257"/>
                  <a:pt x="172" y="257"/>
                </a:cubicBezTo>
                <a:cubicBezTo>
                  <a:pt x="172" y="255"/>
                  <a:pt x="171" y="254"/>
                  <a:pt x="171" y="253"/>
                </a:cubicBezTo>
                <a:cubicBezTo>
                  <a:pt x="171" y="253"/>
                  <a:pt x="171" y="253"/>
                  <a:pt x="171" y="253"/>
                </a:cubicBezTo>
                <a:cubicBezTo>
                  <a:pt x="170" y="252"/>
                  <a:pt x="170" y="252"/>
                  <a:pt x="169" y="251"/>
                </a:cubicBezTo>
                <a:cubicBezTo>
                  <a:pt x="169" y="251"/>
                  <a:pt x="169" y="251"/>
                  <a:pt x="169" y="251"/>
                </a:cubicBezTo>
                <a:cubicBezTo>
                  <a:pt x="168" y="250"/>
                  <a:pt x="164" y="249"/>
                  <a:pt x="162" y="249"/>
                </a:cubicBezTo>
                <a:cubicBezTo>
                  <a:pt x="162" y="249"/>
                  <a:pt x="162" y="249"/>
                  <a:pt x="162" y="249"/>
                </a:cubicBezTo>
                <a:cubicBezTo>
                  <a:pt x="159" y="249"/>
                  <a:pt x="156" y="249"/>
                  <a:pt x="152" y="247"/>
                </a:cubicBezTo>
                <a:cubicBezTo>
                  <a:pt x="152" y="247"/>
                  <a:pt x="152" y="247"/>
                  <a:pt x="152" y="247"/>
                </a:cubicBezTo>
                <a:cubicBezTo>
                  <a:pt x="149" y="245"/>
                  <a:pt x="145" y="242"/>
                  <a:pt x="144" y="239"/>
                </a:cubicBezTo>
                <a:cubicBezTo>
                  <a:pt x="144" y="239"/>
                  <a:pt x="144" y="239"/>
                  <a:pt x="144" y="239"/>
                </a:cubicBezTo>
                <a:cubicBezTo>
                  <a:pt x="143" y="236"/>
                  <a:pt x="142" y="234"/>
                  <a:pt x="142" y="232"/>
                </a:cubicBezTo>
                <a:cubicBezTo>
                  <a:pt x="142" y="232"/>
                  <a:pt x="142" y="232"/>
                  <a:pt x="142" y="232"/>
                </a:cubicBezTo>
                <a:cubicBezTo>
                  <a:pt x="141" y="230"/>
                  <a:pt x="141" y="227"/>
                  <a:pt x="141" y="225"/>
                </a:cubicBezTo>
                <a:cubicBezTo>
                  <a:pt x="141" y="225"/>
                  <a:pt x="141" y="225"/>
                  <a:pt x="141" y="225"/>
                </a:cubicBezTo>
                <a:cubicBezTo>
                  <a:pt x="141" y="219"/>
                  <a:pt x="141" y="220"/>
                  <a:pt x="141" y="217"/>
                </a:cubicBezTo>
                <a:cubicBezTo>
                  <a:pt x="141" y="217"/>
                  <a:pt x="141" y="217"/>
                  <a:pt x="141" y="217"/>
                </a:cubicBezTo>
                <a:cubicBezTo>
                  <a:pt x="139" y="217"/>
                  <a:pt x="138" y="216"/>
                  <a:pt x="136" y="216"/>
                </a:cubicBezTo>
                <a:cubicBezTo>
                  <a:pt x="136" y="216"/>
                  <a:pt x="136" y="216"/>
                  <a:pt x="136" y="216"/>
                </a:cubicBezTo>
                <a:cubicBezTo>
                  <a:pt x="132" y="215"/>
                  <a:pt x="129" y="212"/>
                  <a:pt x="126" y="209"/>
                </a:cubicBezTo>
                <a:cubicBezTo>
                  <a:pt x="126" y="209"/>
                  <a:pt x="126" y="209"/>
                  <a:pt x="126" y="209"/>
                </a:cubicBezTo>
                <a:cubicBezTo>
                  <a:pt x="124" y="207"/>
                  <a:pt x="123" y="204"/>
                  <a:pt x="123" y="202"/>
                </a:cubicBezTo>
                <a:cubicBezTo>
                  <a:pt x="123" y="202"/>
                  <a:pt x="123" y="202"/>
                  <a:pt x="123" y="202"/>
                </a:cubicBezTo>
                <a:cubicBezTo>
                  <a:pt x="122" y="199"/>
                  <a:pt x="122" y="196"/>
                  <a:pt x="122" y="194"/>
                </a:cubicBezTo>
                <a:cubicBezTo>
                  <a:pt x="122" y="194"/>
                  <a:pt x="122" y="194"/>
                  <a:pt x="122" y="194"/>
                </a:cubicBezTo>
                <a:cubicBezTo>
                  <a:pt x="122" y="186"/>
                  <a:pt x="122" y="168"/>
                  <a:pt x="122" y="153"/>
                </a:cubicBezTo>
                <a:cubicBezTo>
                  <a:pt x="122" y="153"/>
                  <a:pt x="122" y="153"/>
                  <a:pt x="122" y="153"/>
                </a:cubicBezTo>
                <a:cubicBezTo>
                  <a:pt x="122" y="146"/>
                  <a:pt x="124" y="138"/>
                  <a:pt x="127" y="131"/>
                </a:cubicBezTo>
                <a:cubicBezTo>
                  <a:pt x="127" y="131"/>
                  <a:pt x="127" y="131"/>
                  <a:pt x="127" y="131"/>
                </a:cubicBezTo>
                <a:cubicBezTo>
                  <a:pt x="131" y="123"/>
                  <a:pt x="136" y="117"/>
                  <a:pt x="144" y="113"/>
                </a:cubicBezTo>
                <a:cubicBezTo>
                  <a:pt x="144" y="113"/>
                  <a:pt x="144" y="113"/>
                  <a:pt x="144" y="113"/>
                </a:cubicBezTo>
                <a:cubicBezTo>
                  <a:pt x="150" y="110"/>
                  <a:pt x="156" y="108"/>
                  <a:pt x="162" y="108"/>
                </a:cubicBezTo>
                <a:cubicBezTo>
                  <a:pt x="162" y="108"/>
                  <a:pt x="162" y="108"/>
                  <a:pt x="162" y="108"/>
                </a:cubicBezTo>
                <a:cubicBezTo>
                  <a:pt x="175" y="108"/>
                  <a:pt x="186" y="114"/>
                  <a:pt x="193" y="122"/>
                </a:cubicBezTo>
                <a:cubicBezTo>
                  <a:pt x="193" y="122"/>
                  <a:pt x="193" y="122"/>
                  <a:pt x="193" y="122"/>
                </a:cubicBezTo>
                <a:cubicBezTo>
                  <a:pt x="200" y="131"/>
                  <a:pt x="204" y="142"/>
                  <a:pt x="204" y="153"/>
                </a:cubicBezTo>
                <a:cubicBezTo>
                  <a:pt x="204" y="153"/>
                  <a:pt x="204" y="153"/>
                  <a:pt x="204" y="153"/>
                </a:cubicBezTo>
                <a:cubicBezTo>
                  <a:pt x="204" y="171"/>
                  <a:pt x="204" y="177"/>
                  <a:pt x="204" y="183"/>
                </a:cubicBezTo>
                <a:cubicBezTo>
                  <a:pt x="204" y="183"/>
                  <a:pt x="204" y="183"/>
                  <a:pt x="204" y="183"/>
                </a:cubicBezTo>
                <a:cubicBezTo>
                  <a:pt x="204" y="184"/>
                  <a:pt x="204" y="185"/>
                  <a:pt x="204" y="186"/>
                </a:cubicBezTo>
                <a:cubicBezTo>
                  <a:pt x="204" y="186"/>
                  <a:pt x="204" y="186"/>
                  <a:pt x="204" y="186"/>
                </a:cubicBezTo>
                <a:cubicBezTo>
                  <a:pt x="204" y="186"/>
                  <a:pt x="204" y="186"/>
                  <a:pt x="205" y="186"/>
                </a:cubicBezTo>
                <a:cubicBezTo>
                  <a:pt x="205" y="186"/>
                  <a:pt x="205" y="186"/>
                  <a:pt x="205" y="186"/>
                </a:cubicBezTo>
                <a:cubicBezTo>
                  <a:pt x="205" y="186"/>
                  <a:pt x="205" y="186"/>
                  <a:pt x="205" y="186"/>
                </a:cubicBezTo>
                <a:cubicBezTo>
                  <a:pt x="205" y="186"/>
                  <a:pt x="205" y="186"/>
                  <a:pt x="205" y="186"/>
                </a:cubicBezTo>
                <a:cubicBezTo>
                  <a:pt x="206" y="185"/>
                  <a:pt x="206" y="184"/>
                  <a:pt x="206" y="183"/>
                </a:cubicBezTo>
                <a:cubicBezTo>
                  <a:pt x="206" y="183"/>
                  <a:pt x="206" y="183"/>
                  <a:pt x="206" y="183"/>
                </a:cubicBezTo>
                <a:cubicBezTo>
                  <a:pt x="206" y="175"/>
                  <a:pt x="206" y="160"/>
                  <a:pt x="206" y="147"/>
                </a:cubicBezTo>
                <a:cubicBezTo>
                  <a:pt x="206" y="147"/>
                  <a:pt x="206" y="147"/>
                  <a:pt x="206" y="147"/>
                </a:cubicBezTo>
                <a:cubicBezTo>
                  <a:pt x="206" y="143"/>
                  <a:pt x="205" y="135"/>
                  <a:pt x="201" y="128"/>
                </a:cubicBezTo>
                <a:cubicBezTo>
                  <a:pt x="201" y="128"/>
                  <a:pt x="201" y="128"/>
                  <a:pt x="201" y="128"/>
                </a:cubicBezTo>
                <a:cubicBezTo>
                  <a:pt x="197" y="120"/>
                  <a:pt x="192" y="114"/>
                  <a:pt x="184" y="110"/>
                </a:cubicBezTo>
                <a:cubicBezTo>
                  <a:pt x="184" y="110"/>
                  <a:pt x="184" y="110"/>
                  <a:pt x="184" y="110"/>
                </a:cubicBezTo>
                <a:cubicBezTo>
                  <a:pt x="178" y="107"/>
                  <a:pt x="172" y="105"/>
                  <a:pt x="162" y="105"/>
                </a:cubicBezTo>
                <a:cubicBezTo>
                  <a:pt x="162" y="105"/>
                  <a:pt x="162" y="105"/>
                  <a:pt x="162" y="105"/>
                </a:cubicBezTo>
                <a:cubicBezTo>
                  <a:pt x="149" y="105"/>
                  <a:pt x="141" y="109"/>
                  <a:pt x="134" y="115"/>
                </a:cubicBezTo>
                <a:cubicBezTo>
                  <a:pt x="134" y="115"/>
                  <a:pt x="134" y="115"/>
                  <a:pt x="134" y="115"/>
                </a:cubicBezTo>
                <a:cubicBezTo>
                  <a:pt x="128" y="121"/>
                  <a:pt x="124" y="129"/>
                  <a:pt x="121" y="137"/>
                </a:cubicBezTo>
                <a:cubicBezTo>
                  <a:pt x="121" y="137"/>
                  <a:pt x="121" y="137"/>
                  <a:pt x="121" y="137"/>
                </a:cubicBezTo>
                <a:cubicBezTo>
                  <a:pt x="120" y="141"/>
                  <a:pt x="119" y="146"/>
                  <a:pt x="119" y="147"/>
                </a:cubicBezTo>
                <a:cubicBezTo>
                  <a:pt x="119" y="147"/>
                  <a:pt x="119" y="147"/>
                  <a:pt x="119" y="147"/>
                </a:cubicBezTo>
                <a:cubicBezTo>
                  <a:pt x="119" y="161"/>
                  <a:pt x="119" y="170"/>
                  <a:pt x="119" y="177"/>
                </a:cubicBezTo>
                <a:cubicBezTo>
                  <a:pt x="119" y="177"/>
                  <a:pt x="119" y="177"/>
                  <a:pt x="119" y="177"/>
                </a:cubicBezTo>
                <a:cubicBezTo>
                  <a:pt x="119" y="181"/>
                  <a:pt x="119" y="184"/>
                  <a:pt x="118" y="187"/>
                </a:cubicBezTo>
                <a:cubicBezTo>
                  <a:pt x="118" y="187"/>
                  <a:pt x="118" y="187"/>
                  <a:pt x="118" y="187"/>
                </a:cubicBezTo>
                <a:cubicBezTo>
                  <a:pt x="118" y="191"/>
                  <a:pt x="117" y="194"/>
                  <a:pt x="114" y="197"/>
                </a:cubicBezTo>
                <a:cubicBezTo>
                  <a:pt x="114" y="197"/>
                  <a:pt x="114" y="197"/>
                  <a:pt x="114" y="197"/>
                </a:cubicBezTo>
                <a:cubicBezTo>
                  <a:pt x="112" y="200"/>
                  <a:pt x="110" y="202"/>
                  <a:pt x="107" y="203"/>
                </a:cubicBezTo>
                <a:cubicBezTo>
                  <a:pt x="107" y="203"/>
                  <a:pt x="107" y="203"/>
                  <a:pt x="107" y="203"/>
                </a:cubicBezTo>
                <a:cubicBezTo>
                  <a:pt x="104" y="204"/>
                  <a:pt x="100" y="205"/>
                  <a:pt x="97" y="205"/>
                </a:cubicBezTo>
                <a:cubicBezTo>
                  <a:pt x="97" y="205"/>
                  <a:pt x="97" y="205"/>
                  <a:pt x="97" y="205"/>
                </a:cubicBezTo>
                <a:cubicBezTo>
                  <a:pt x="94" y="205"/>
                  <a:pt x="92" y="206"/>
                  <a:pt x="89" y="210"/>
                </a:cubicBezTo>
                <a:cubicBezTo>
                  <a:pt x="89" y="210"/>
                  <a:pt x="89" y="210"/>
                  <a:pt x="89" y="210"/>
                </a:cubicBezTo>
                <a:cubicBezTo>
                  <a:pt x="86" y="213"/>
                  <a:pt x="84" y="218"/>
                  <a:pt x="84" y="225"/>
                </a:cubicBezTo>
                <a:cubicBezTo>
                  <a:pt x="84" y="225"/>
                  <a:pt x="84" y="225"/>
                  <a:pt x="84" y="225"/>
                </a:cubicBezTo>
                <a:cubicBezTo>
                  <a:pt x="84" y="241"/>
                  <a:pt x="84" y="274"/>
                  <a:pt x="84" y="287"/>
                </a:cubicBezTo>
                <a:cubicBezTo>
                  <a:pt x="84" y="287"/>
                  <a:pt x="84" y="287"/>
                  <a:pt x="84" y="287"/>
                </a:cubicBezTo>
                <a:cubicBezTo>
                  <a:pt x="84" y="291"/>
                  <a:pt x="87" y="297"/>
                  <a:pt x="91" y="301"/>
                </a:cubicBezTo>
                <a:cubicBezTo>
                  <a:pt x="91" y="301"/>
                  <a:pt x="91" y="301"/>
                  <a:pt x="91" y="301"/>
                </a:cubicBezTo>
                <a:cubicBezTo>
                  <a:pt x="96" y="306"/>
                  <a:pt x="102" y="309"/>
                  <a:pt x="106" y="309"/>
                </a:cubicBezTo>
                <a:cubicBezTo>
                  <a:pt x="106" y="309"/>
                  <a:pt x="106" y="309"/>
                  <a:pt x="106" y="309"/>
                </a:cubicBezTo>
                <a:cubicBezTo>
                  <a:pt x="121" y="309"/>
                  <a:pt x="205" y="309"/>
                  <a:pt x="219" y="309"/>
                </a:cubicBezTo>
                <a:cubicBezTo>
                  <a:pt x="219" y="309"/>
                  <a:pt x="219" y="309"/>
                  <a:pt x="219" y="309"/>
                </a:cubicBezTo>
                <a:cubicBezTo>
                  <a:pt x="225" y="309"/>
                  <a:pt x="229" y="306"/>
                  <a:pt x="232" y="302"/>
                </a:cubicBezTo>
                <a:cubicBezTo>
                  <a:pt x="232" y="302"/>
                  <a:pt x="232" y="302"/>
                  <a:pt x="232" y="302"/>
                </a:cubicBezTo>
                <a:cubicBezTo>
                  <a:pt x="236" y="298"/>
                  <a:pt x="238" y="292"/>
                  <a:pt x="238" y="287"/>
                </a:cubicBezTo>
                <a:cubicBezTo>
                  <a:pt x="238" y="287"/>
                  <a:pt x="238" y="287"/>
                  <a:pt x="238" y="287"/>
                </a:cubicBezTo>
                <a:cubicBezTo>
                  <a:pt x="238" y="270"/>
                  <a:pt x="238" y="233"/>
                  <a:pt x="238" y="216"/>
                </a:cubicBezTo>
                <a:cubicBezTo>
                  <a:pt x="238" y="216"/>
                  <a:pt x="238" y="216"/>
                  <a:pt x="238" y="216"/>
                </a:cubicBezTo>
                <a:cubicBezTo>
                  <a:pt x="238" y="207"/>
                  <a:pt x="239" y="198"/>
                  <a:pt x="242" y="189"/>
                </a:cubicBezTo>
                <a:cubicBezTo>
                  <a:pt x="242" y="189"/>
                  <a:pt x="242" y="189"/>
                  <a:pt x="242" y="189"/>
                </a:cubicBezTo>
                <a:cubicBezTo>
                  <a:pt x="245" y="180"/>
                  <a:pt x="250" y="172"/>
                  <a:pt x="257" y="165"/>
                </a:cubicBezTo>
                <a:cubicBezTo>
                  <a:pt x="257" y="165"/>
                  <a:pt x="257" y="165"/>
                  <a:pt x="257" y="165"/>
                </a:cubicBezTo>
                <a:cubicBezTo>
                  <a:pt x="266" y="157"/>
                  <a:pt x="288" y="134"/>
                  <a:pt x="302" y="121"/>
                </a:cubicBezTo>
                <a:cubicBezTo>
                  <a:pt x="302" y="121"/>
                  <a:pt x="302" y="121"/>
                  <a:pt x="302" y="121"/>
                </a:cubicBezTo>
                <a:cubicBezTo>
                  <a:pt x="305" y="118"/>
                  <a:pt x="309" y="117"/>
                  <a:pt x="313" y="117"/>
                </a:cubicBezTo>
                <a:cubicBezTo>
                  <a:pt x="313" y="117"/>
                  <a:pt x="313" y="117"/>
                  <a:pt x="313" y="117"/>
                </a:cubicBezTo>
                <a:cubicBezTo>
                  <a:pt x="313" y="117"/>
                  <a:pt x="313" y="117"/>
                  <a:pt x="313" y="117"/>
                </a:cubicBezTo>
                <a:cubicBezTo>
                  <a:pt x="320" y="118"/>
                  <a:pt x="325" y="124"/>
                  <a:pt x="324" y="131"/>
                </a:cubicBezTo>
                <a:cubicBezTo>
                  <a:pt x="324" y="131"/>
                  <a:pt x="324" y="131"/>
                  <a:pt x="324" y="131"/>
                </a:cubicBezTo>
                <a:cubicBezTo>
                  <a:pt x="322" y="176"/>
                  <a:pt x="317" y="235"/>
                  <a:pt x="313" y="261"/>
                </a:cubicBezTo>
                <a:cubicBezTo>
                  <a:pt x="313" y="261"/>
                  <a:pt x="313" y="261"/>
                  <a:pt x="313" y="261"/>
                </a:cubicBezTo>
                <a:cubicBezTo>
                  <a:pt x="300" y="348"/>
                  <a:pt x="259" y="399"/>
                  <a:pt x="228" y="425"/>
                </a:cubicBezTo>
                <a:cubicBezTo>
                  <a:pt x="228" y="425"/>
                  <a:pt x="228" y="425"/>
                  <a:pt x="228" y="425"/>
                </a:cubicBezTo>
                <a:cubicBezTo>
                  <a:pt x="216" y="436"/>
                  <a:pt x="204" y="443"/>
                  <a:pt x="193" y="448"/>
                </a:cubicBezTo>
                <a:cubicBezTo>
                  <a:pt x="193" y="448"/>
                  <a:pt x="193" y="448"/>
                  <a:pt x="193" y="448"/>
                </a:cubicBezTo>
                <a:cubicBezTo>
                  <a:pt x="182" y="452"/>
                  <a:pt x="172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1" name="Freeform 628"/>
          <p:cNvSpPr>
            <a:spLocks/>
          </p:cNvSpPr>
          <p:nvPr userDrawn="1"/>
        </p:nvSpPr>
        <p:spPr bwMode="auto">
          <a:xfrm>
            <a:off x="9925049" y="3066365"/>
            <a:ext cx="479425" cy="363537"/>
          </a:xfrm>
          <a:custGeom>
            <a:avLst/>
            <a:gdLst/>
            <a:ahLst/>
            <a:cxnLst>
              <a:cxn ang="0">
                <a:pos x="417" y="7"/>
              </a:cxn>
              <a:cxn ang="0">
                <a:pos x="397" y="0"/>
              </a:cxn>
              <a:cxn ang="0">
                <a:pos x="143" y="0"/>
              </a:cxn>
              <a:cxn ang="0">
                <a:pos x="114" y="28"/>
              </a:cxn>
              <a:cxn ang="0">
                <a:pos x="114" y="158"/>
              </a:cxn>
              <a:cxn ang="0">
                <a:pos x="128" y="171"/>
              </a:cxn>
              <a:cxn ang="0">
                <a:pos x="202" y="171"/>
              </a:cxn>
              <a:cxn ang="0">
                <a:pos x="204" y="176"/>
              </a:cxn>
              <a:cxn ang="0">
                <a:pos x="204" y="292"/>
              </a:cxn>
              <a:cxn ang="0">
                <a:pos x="202" y="296"/>
              </a:cxn>
              <a:cxn ang="0">
                <a:pos x="29" y="296"/>
              </a:cxn>
              <a:cxn ang="0">
                <a:pos x="27" y="292"/>
              </a:cxn>
              <a:cxn ang="0">
                <a:pos x="27" y="176"/>
              </a:cxn>
              <a:cxn ang="0">
                <a:pos x="29" y="171"/>
              </a:cxn>
              <a:cxn ang="0">
                <a:pos x="77" y="171"/>
              </a:cxn>
              <a:cxn ang="0">
                <a:pos x="90" y="158"/>
              </a:cxn>
              <a:cxn ang="0">
                <a:pos x="77" y="145"/>
              </a:cxn>
              <a:cxn ang="0">
                <a:pos x="28" y="145"/>
              </a:cxn>
              <a:cxn ang="0">
                <a:pos x="0" y="176"/>
              </a:cxn>
              <a:cxn ang="0">
                <a:pos x="0" y="292"/>
              </a:cxn>
              <a:cxn ang="0">
                <a:pos x="28" y="323"/>
              </a:cxn>
              <a:cxn ang="0">
                <a:pos x="203" y="323"/>
              </a:cxn>
              <a:cxn ang="0">
                <a:pos x="231" y="292"/>
              </a:cxn>
              <a:cxn ang="0">
                <a:pos x="231" y="176"/>
              </a:cxn>
              <a:cxn ang="0">
                <a:pos x="203" y="145"/>
              </a:cxn>
              <a:cxn ang="0">
                <a:pos x="141" y="145"/>
              </a:cxn>
              <a:cxn ang="0">
                <a:pos x="141" y="28"/>
              </a:cxn>
              <a:cxn ang="0">
                <a:pos x="143" y="26"/>
              </a:cxn>
              <a:cxn ang="0">
                <a:pos x="397" y="26"/>
              </a:cxn>
              <a:cxn ang="0">
                <a:pos x="400" y="28"/>
              </a:cxn>
              <a:cxn ang="0">
                <a:pos x="400" y="223"/>
              </a:cxn>
              <a:cxn ang="0">
                <a:pos x="397" y="224"/>
              </a:cxn>
              <a:cxn ang="0">
                <a:pos x="292" y="224"/>
              </a:cxn>
              <a:cxn ang="0">
                <a:pos x="304" y="212"/>
              </a:cxn>
              <a:cxn ang="0">
                <a:pos x="304" y="195"/>
              </a:cxn>
              <a:cxn ang="0">
                <a:pos x="287" y="195"/>
              </a:cxn>
              <a:cxn ang="0">
                <a:pos x="252" y="230"/>
              </a:cxn>
              <a:cxn ang="0">
                <a:pos x="252" y="247"/>
              </a:cxn>
              <a:cxn ang="0">
                <a:pos x="287" y="283"/>
              </a:cxn>
              <a:cxn ang="0">
                <a:pos x="304" y="283"/>
              </a:cxn>
              <a:cxn ang="0">
                <a:pos x="304" y="266"/>
              </a:cxn>
              <a:cxn ang="0">
                <a:pos x="290" y="252"/>
              </a:cxn>
              <a:cxn ang="0">
                <a:pos x="290" y="251"/>
              </a:cxn>
              <a:cxn ang="0">
                <a:pos x="397" y="251"/>
              </a:cxn>
              <a:cxn ang="0">
                <a:pos x="426" y="223"/>
              </a:cxn>
              <a:cxn ang="0">
                <a:pos x="426" y="28"/>
              </a:cxn>
              <a:cxn ang="0">
                <a:pos x="417" y="7"/>
              </a:cxn>
            </a:cxnLst>
            <a:rect l="0" t="0" r="r" b="b"/>
            <a:pathLst>
              <a:path w="426" h="323">
                <a:moveTo>
                  <a:pt x="417" y="7"/>
                </a:moveTo>
                <a:cubicBezTo>
                  <a:pt x="412" y="2"/>
                  <a:pt x="405" y="0"/>
                  <a:pt x="397" y="0"/>
                </a:cubicBezTo>
                <a:cubicBezTo>
                  <a:pt x="143" y="0"/>
                  <a:pt x="143" y="0"/>
                  <a:pt x="143" y="0"/>
                </a:cubicBezTo>
                <a:cubicBezTo>
                  <a:pt x="127" y="0"/>
                  <a:pt x="114" y="12"/>
                  <a:pt x="114" y="28"/>
                </a:cubicBezTo>
                <a:cubicBezTo>
                  <a:pt x="114" y="158"/>
                  <a:pt x="114" y="158"/>
                  <a:pt x="114" y="158"/>
                </a:cubicBezTo>
                <a:cubicBezTo>
                  <a:pt x="114" y="165"/>
                  <a:pt x="120" y="171"/>
                  <a:pt x="128" y="171"/>
                </a:cubicBezTo>
                <a:cubicBezTo>
                  <a:pt x="128" y="171"/>
                  <a:pt x="202" y="171"/>
                  <a:pt x="202" y="171"/>
                </a:cubicBezTo>
                <a:cubicBezTo>
                  <a:pt x="203" y="172"/>
                  <a:pt x="204" y="173"/>
                  <a:pt x="204" y="176"/>
                </a:cubicBezTo>
                <a:cubicBezTo>
                  <a:pt x="204" y="292"/>
                  <a:pt x="204" y="292"/>
                  <a:pt x="204" y="292"/>
                </a:cubicBezTo>
                <a:cubicBezTo>
                  <a:pt x="204" y="295"/>
                  <a:pt x="203" y="296"/>
                  <a:pt x="202" y="296"/>
                </a:cubicBezTo>
                <a:cubicBezTo>
                  <a:pt x="202" y="296"/>
                  <a:pt x="29" y="296"/>
                  <a:pt x="29" y="296"/>
                </a:cubicBezTo>
                <a:cubicBezTo>
                  <a:pt x="28" y="296"/>
                  <a:pt x="27" y="295"/>
                  <a:pt x="27" y="292"/>
                </a:cubicBezTo>
                <a:cubicBezTo>
                  <a:pt x="27" y="176"/>
                  <a:pt x="27" y="176"/>
                  <a:pt x="27" y="176"/>
                </a:cubicBezTo>
                <a:cubicBezTo>
                  <a:pt x="27" y="173"/>
                  <a:pt x="28" y="172"/>
                  <a:pt x="29" y="171"/>
                </a:cubicBezTo>
                <a:cubicBezTo>
                  <a:pt x="29" y="171"/>
                  <a:pt x="77" y="171"/>
                  <a:pt x="77" y="171"/>
                </a:cubicBezTo>
                <a:cubicBezTo>
                  <a:pt x="84" y="171"/>
                  <a:pt x="90" y="165"/>
                  <a:pt x="90" y="158"/>
                </a:cubicBezTo>
                <a:cubicBezTo>
                  <a:pt x="90" y="151"/>
                  <a:pt x="84" y="145"/>
                  <a:pt x="77" y="145"/>
                </a:cubicBezTo>
                <a:cubicBezTo>
                  <a:pt x="28" y="145"/>
                  <a:pt x="28" y="145"/>
                  <a:pt x="28" y="145"/>
                </a:cubicBezTo>
                <a:cubicBezTo>
                  <a:pt x="13" y="145"/>
                  <a:pt x="0" y="159"/>
                  <a:pt x="0" y="176"/>
                </a:cubicBezTo>
                <a:cubicBezTo>
                  <a:pt x="0" y="292"/>
                  <a:pt x="0" y="292"/>
                  <a:pt x="0" y="292"/>
                </a:cubicBezTo>
                <a:cubicBezTo>
                  <a:pt x="0" y="309"/>
                  <a:pt x="13" y="323"/>
                  <a:pt x="28" y="323"/>
                </a:cubicBezTo>
                <a:cubicBezTo>
                  <a:pt x="203" y="323"/>
                  <a:pt x="203" y="323"/>
                  <a:pt x="203" y="323"/>
                </a:cubicBezTo>
                <a:cubicBezTo>
                  <a:pt x="218" y="323"/>
                  <a:pt x="231" y="309"/>
                  <a:pt x="231" y="292"/>
                </a:cubicBezTo>
                <a:cubicBezTo>
                  <a:pt x="231" y="176"/>
                  <a:pt x="231" y="176"/>
                  <a:pt x="231" y="176"/>
                </a:cubicBezTo>
                <a:cubicBezTo>
                  <a:pt x="231" y="159"/>
                  <a:pt x="218" y="145"/>
                  <a:pt x="203" y="145"/>
                </a:cubicBezTo>
                <a:cubicBezTo>
                  <a:pt x="203" y="145"/>
                  <a:pt x="159" y="145"/>
                  <a:pt x="141" y="145"/>
                </a:cubicBezTo>
                <a:cubicBezTo>
                  <a:pt x="141" y="123"/>
                  <a:pt x="141" y="28"/>
                  <a:pt x="141" y="28"/>
                </a:cubicBezTo>
                <a:cubicBezTo>
                  <a:pt x="141" y="27"/>
                  <a:pt x="142" y="26"/>
                  <a:pt x="143" y="26"/>
                </a:cubicBezTo>
                <a:cubicBezTo>
                  <a:pt x="397" y="26"/>
                  <a:pt x="397" y="26"/>
                  <a:pt x="397" y="26"/>
                </a:cubicBezTo>
                <a:cubicBezTo>
                  <a:pt x="399" y="26"/>
                  <a:pt x="400" y="27"/>
                  <a:pt x="400" y="28"/>
                </a:cubicBezTo>
                <a:cubicBezTo>
                  <a:pt x="400" y="223"/>
                  <a:pt x="400" y="223"/>
                  <a:pt x="400" y="223"/>
                </a:cubicBezTo>
                <a:cubicBezTo>
                  <a:pt x="400" y="223"/>
                  <a:pt x="399" y="224"/>
                  <a:pt x="397" y="224"/>
                </a:cubicBezTo>
                <a:cubicBezTo>
                  <a:pt x="292" y="224"/>
                  <a:pt x="292" y="224"/>
                  <a:pt x="292" y="224"/>
                </a:cubicBezTo>
                <a:cubicBezTo>
                  <a:pt x="304" y="212"/>
                  <a:pt x="304" y="212"/>
                  <a:pt x="304" y="212"/>
                </a:cubicBezTo>
                <a:cubicBezTo>
                  <a:pt x="309" y="207"/>
                  <a:pt x="309" y="199"/>
                  <a:pt x="304" y="195"/>
                </a:cubicBezTo>
                <a:cubicBezTo>
                  <a:pt x="300" y="190"/>
                  <a:pt x="292" y="190"/>
                  <a:pt x="287" y="195"/>
                </a:cubicBezTo>
                <a:cubicBezTo>
                  <a:pt x="252" y="230"/>
                  <a:pt x="252" y="230"/>
                  <a:pt x="252" y="230"/>
                </a:cubicBezTo>
                <a:cubicBezTo>
                  <a:pt x="247" y="235"/>
                  <a:pt x="247" y="243"/>
                  <a:pt x="252" y="247"/>
                </a:cubicBezTo>
                <a:cubicBezTo>
                  <a:pt x="287" y="283"/>
                  <a:pt x="287" y="283"/>
                  <a:pt x="287" y="283"/>
                </a:cubicBezTo>
                <a:cubicBezTo>
                  <a:pt x="292" y="288"/>
                  <a:pt x="300" y="288"/>
                  <a:pt x="304" y="283"/>
                </a:cubicBezTo>
                <a:cubicBezTo>
                  <a:pt x="309" y="278"/>
                  <a:pt x="309" y="270"/>
                  <a:pt x="304" y="266"/>
                </a:cubicBezTo>
                <a:cubicBezTo>
                  <a:pt x="290" y="252"/>
                  <a:pt x="290" y="252"/>
                  <a:pt x="290" y="252"/>
                </a:cubicBezTo>
                <a:cubicBezTo>
                  <a:pt x="290" y="251"/>
                  <a:pt x="290" y="251"/>
                  <a:pt x="290" y="251"/>
                </a:cubicBezTo>
                <a:cubicBezTo>
                  <a:pt x="397" y="251"/>
                  <a:pt x="397" y="251"/>
                  <a:pt x="397" y="251"/>
                </a:cubicBezTo>
                <a:cubicBezTo>
                  <a:pt x="413" y="251"/>
                  <a:pt x="426" y="238"/>
                  <a:pt x="426" y="223"/>
                </a:cubicBezTo>
                <a:cubicBezTo>
                  <a:pt x="426" y="28"/>
                  <a:pt x="426" y="28"/>
                  <a:pt x="426" y="28"/>
                </a:cubicBezTo>
                <a:cubicBezTo>
                  <a:pt x="426" y="20"/>
                  <a:pt x="423" y="13"/>
                  <a:pt x="417" y="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2" name="Freeform 648"/>
          <p:cNvSpPr>
            <a:spLocks/>
          </p:cNvSpPr>
          <p:nvPr userDrawn="1"/>
        </p:nvSpPr>
        <p:spPr bwMode="auto">
          <a:xfrm>
            <a:off x="10011567" y="1263256"/>
            <a:ext cx="306388" cy="317500"/>
          </a:xfrm>
          <a:custGeom>
            <a:avLst/>
            <a:gdLst/>
            <a:ahLst/>
            <a:cxnLst>
              <a:cxn ang="0">
                <a:pos x="174" y="9"/>
              </a:cxn>
              <a:cxn ang="0">
                <a:pos x="0" y="9"/>
              </a:cxn>
              <a:cxn ang="0">
                <a:pos x="0" y="280"/>
              </a:cxn>
              <a:cxn ang="0">
                <a:pos x="271" y="280"/>
              </a:cxn>
              <a:cxn ang="0">
                <a:pos x="271" y="0"/>
              </a:cxn>
              <a:cxn ang="0">
                <a:pos x="126" y="214"/>
              </a:cxn>
              <a:cxn ang="0">
                <a:pos x="76" y="132"/>
              </a:cxn>
            </a:cxnLst>
            <a:rect l="0" t="0" r="r" b="b"/>
            <a:pathLst>
              <a:path w="271" h="280">
                <a:moveTo>
                  <a:pt x="174" y="9"/>
                </a:moveTo>
                <a:cubicBezTo>
                  <a:pt x="0" y="9"/>
                  <a:pt x="0" y="9"/>
                  <a:pt x="0" y="9"/>
                </a:cubicBezTo>
                <a:cubicBezTo>
                  <a:pt x="0" y="280"/>
                  <a:pt x="0" y="280"/>
                  <a:pt x="0" y="280"/>
                </a:cubicBezTo>
                <a:cubicBezTo>
                  <a:pt x="271" y="280"/>
                  <a:pt x="271" y="280"/>
                  <a:pt x="271" y="280"/>
                </a:cubicBezTo>
                <a:cubicBezTo>
                  <a:pt x="271" y="0"/>
                  <a:pt x="271" y="0"/>
                  <a:pt x="271" y="0"/>
                </a:cubicBezTo>
                <a:cubicBezTo>
                  <a:pt x="126" y="214"/>
                  <a:pt x="126" y="214"/>
                  <a:pt x="126" y="214"/>
                </a:cubicBezTo>
                <a:cubicBezTo>
                  <a:pt x="126" y="214"/>
                  <a:pt x="104" y="146"/>
                  <a:pt x="76" y="132"/>
                </a:cubicBez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3" name="Freeform 652"/>
          <p:cNvSpPr>
            <a:spLocks/>
          </p:cNvSpPr>
          <p:nvPr userDrawn="1"/>
        </p:nvSpPr>
        <p:spPr bwMode="auto">
          <a:xfrm>
            <a:off x="9954417" y="1888236"/>
            <a:ext cx="420688" cy="231775"/>
          </a:xfrm>
          <a:custGeom>
            <a:avLst/>
            <a:gdLst/>
            <a:ahLst/>
            <a:cxnLst>
              <a:cxn ang="0">
                <a:pos x="46" y="10"/>
              </a:cxn>
              <a:cxn ang="0">
                <a:pos x="0" y="96"/>
              </a:cxn>
              <a:cxn ang="0">
                <a:pos x="29" y="171"/>
              </a:cxn>
              <a:cxn ang="0">
                <a:pos x="39" y="176"/>
              </a:cxn>
              <a:cxn ang="0">
                <a:pos x="49" y="176"/>
              </a:cxn>
              <a:cxn ang="0">
                <a:pos x="87" y="204"/>
              </a:cxn>
              <a:cxn ang="0">
                <a:pos x="127" y="164"/>
              </a:cxn>
              <a:cxn ang="0">
                <a:pos x="127" y="148"/>
              </a:cxn>
              <a:cxn ang="0">
                <a:pos x="115" y="136"/>
              </a:cxn>
              <a:cxn ang="0">
                <a:pos x="103" y="148"/>
              </a:cxn>
              <a:cxn ang="0">
                <a:pos x="103" y="165"/>
              </a:cxn>
              <a:cxn ang="0">
                <a:pos x="87" y="181"/>
              </a:cxn>
              <a:cxn ang="0">
                <a:pos x="71" y="164"/>
              </a:cxn>
              <a:cxn ang="0">
                <a:pos x="67" y="156"/>
              </a:cxn>
              <a:cxn ang="0">
                <a:pos x="59" y="153"/>
              </a:cxn>
              <a:cxn ang="0">
                <a:pos x="46" y="153"/>
              </a:cxn>
              <a:cxn ang="0">
                <a:pos x="24" y="96"/>
              </a:cxn>
              <a:cxn ang="0">
                <a:pos x="57" y="32"/>
              </a:cxn>
              <a:cxn ang="0">
                <a:pos x="224" y="32"/>
              </a:cxn>
              <a:cxn ang="0">
                <a:pos x="281" y="88"/>
              </a:cxn>
              <a:cxn ang="0">
                <a:pos x="284" y="90"/>
              </a:cxn>
              <a:cxn ang="0">
                <a:pos x="307" y="98"/>
              </a:cxn>
              <a:cxn ang="0">
                <a:pos x="341" y="110"/>
              </a:cxn>
              <a:cxn ang="0">
                <a:pos x="351" y="128"/>
              </a:cxn>
              <a:cxn ang="0">
                <a:pos x="350" y="131"/>
              </a:cxn>
              <a:cxn ang="0">
                <a:pos x="335" y="134"/>
              </a:cxn>
              <a:cxn ang="0">
                <a:pos x="332" y="134"/>
              </a:cxn>
              <a:cxn ang="0">
                <a:pos x="307" y="134"/>
              </a:cxn>
              <a:cxn ang="0">
                <a:pos x="296" y="142"/>
              </a:cxn>
              <a:cxn ang="0">
                <a:pos x="299" y="155"/>
              </a:cxn>
              <a:cxn ang="0">
                <a:pos x="304" y="166"/>
              </a:cxn>
              <a:cxn ang="0">
                <a:pos x="288" y="182"/>
              </a:cxn>
              <a:cxn ang="0">
                <a:pos x="272" y="166"/>
              </a:cxn>
              <a:cxn ang="0">
                <a:pos x="275" y="156"/>
              </a:cxn>
              <a:cxn ang="0">
                <a:pos x="277" y="143"/>
              </a:cxn>
              <a:cxn ang="0">
                <a:pos x="266" y="136"/>
              </a:cxn>
              <a:cxn ang="0">
                <a:pos x="156" y="136"/>
              </a:cxn>
              <a:cxn ang="0">
                <a:pos x="144" y="148"/>
              </a:cxn>
              <a:cxn ang="0">
                <a:pos x="156" y="160"/>
              </a:cxn>
              <a:cxn ang="0">
                <a:pos x="248" y="160"/>
              </a:cxn>
              <a:cxn ang="0">
                <a:pos x="248" y="166"/>
              </a:cxn>
              <a:cxn ang="0">
                <a:pos x="288" y="206"/>
              </a:cxn>
              <a:cxn ang="0">
                <a:pos x="328" y="166"/>
              </a:cxn>
              <a:cxn ang="0">
                <a:pos x="327" y="158"/>
              </a:cxn>
              <a:cxn ang="0">
                <a:pos x="332" y="158"/>
              </a:cxn>
              <a:cxn ang="0">
                <a:pos x="334" y="158"/>
              </a:cxn>
              <a:cxn ang="0">
                <a:pos x="373" y="139"/>
              </a:cxn>
              <a:cxn ang="0">
                <a:pos x="375" y="128"/>
              </a:cxn>
              <a:cxn ang="0">
                <a:pos x="352" y="89"/>
              </a:cxn>
              <a:cxn ang="0">
                <a:pos x="314" y="75"/>
              </a:cxn>
              <a:cxn ang="0">
                <a:pos x="296" y="70"/>
              </a:cxn>
              <a:cxn ang="0">
                <a:pos x="235" y="11"/>
              </a:cxn>
              <a:cxn ang="0">
                <a:pos x="46" y="10"/>
              </a:cxn>
            </a:cxnLst>
            <a:rect l="0" t="0" r="r" b="b"/>
            <a:pathLst>
              <a:path w="375" h="206">
                <a:moveTo>
                  <a:pt x="46" y="10"/>
                </a:moveTo>
                <a:cubicBezTo>
                  <a:pt x="28" y="19"/>
                  <a:pt x="0" y="59"/>
                  <a:pt x="0" y="96"/>
                </a:cubicBezTo>
                <a:cubicBezTo>
                  <a:pt x="0" y="126"/>
                  <a:pt x="26" y="166"/>
                  <a:pt x="29" y="171"/>
                </a:cubicBezTo>
                <a:cubicBezTo>
                  <a:pt x="31" y="174"/>
                  <a:pt x="35" y="176"/>
                  <a:pt x="39" y="176"/>
                </a:cubicBezTo>
                <a:cubicBezTo>
                  <a:pt x="39" y="176"/>
                  <a:pt x="44" y="176"/>
                  <a:pt x="49" y="176"/>
                </a:cubicBezTo>
                <a:cubicBezTo>
                  <a:pt x="54" y="193"/>
                  <a:pt x="69" y="204"/>
                  <a:pt x="87" y="204"/>
                </a:cubicBezTo>
                <a:cubicBezTo>
                  <a:pt x="109" y="204"/>
                  <a:pt x="127" y="186"/>
                  <a:pt x="127" y="164"/>
                </a:cubicBezTo>
                <a:cubicBezTo>
                  <a:pt x="127" y="164"/>
                  <a:pt x="127" y="148"/>
                  <a:pt x="127" y="148"/>
                </a:cubicBezTo>
                <a:cubicBezTo>
                  <a:pt x="126" y="141"/>
                  <a:pt x="121" y="136"/>
                  <a:pt x="115" y="136"/>
                </a:cubicBezTo>
                <a:cubicBezTo>
                  <a:pt x="108" y="136"/>
                  <a:pt x="103" y="141"/>
                  <a:pt x="103" y="148"/>
                </a:cubicBezTo>
                <a:cubicBezTo>
                  <a:pt x="103" y="165"/>
                  <a:pt x="103" y="165"/>
                  <a:pt x="103" y="165"/>
                </a:cubicBezTo>
                <a:cubicBezTo>
                  <a:pt x="103" y="173"/>
                  <a:pt x="96" y="181"/>
                  <a:pt x="87" y="181"/>
                </a:cubicBezTo>
                <a:cubicBezTo>
                  <a:pt x="78" y="181"/>
                  <a:pt x="71" y="173"/>
                  <a:pt x="71" y="164"/>
                </a:cubicBezTo>
                <a:cubicBezTo>
                  <a:pt x="71" y="161"/>
                  <a:pt x="69" y="158"/>
                  <a:pt x="67" y="156"/>
                </a:cubicBezTo>
                <a:cubicBezTo>
                  <a:pt x="65" y="154"/>
                  <a:pt x="62" y="153"/>
                  <a:pt x="59" y="153"/>
                </a:cubicBezTo>
                <a:cubicBezTo>
                  <a:pt x="59" y="153"/>
                  <a:pt x="51" y="153"/>
                  <a:pt x="46" y="153"/>
                </a:cubicBezTo>
                <a:cubicBezTo>
                  <a:pt x="37" y="139"/>
                  <a:pt x="24" y="113"/>
                  <a:pt x="24" y="96"/>
                </a:cubicBezTo>
                <a:cubicBezTo>
                  <a:pt x="24" y="67"/>
                  <a:pt x="47" y="36"/>
                  <a:pt x="57" y="32"/>
                </a:cubicBezTo>
                <a:cubicBezTo>
                  <a:pt x="71" y="25"/>
                  <a:pt x="207" y="25"/>
                  <a:pt x="224" y="32"/>
                </a:cubicBezTo>
                <a:cubicBezTo>
                  <a:pt x="230" y="36"/>
                  <a:pt x="258" y="64"/>
                  <a:pt x="281" y="88"/>
                </a:cubicBezTo>
                <a:cubicBezTo>
                  <a:pt x="282" y="89"/>
                  <a:pt x="283" y="89"/>
                  <a:pt x="284" y="90"/>
                </a:cubicBezTo>
                <a:cubicBezTo>
                  <a:pt x="288" y="92"/>
                  <a:pt x="296" y="95"/>
                  <a:pt x="307" y="98"/>
                </a:cubicBezTo>
                <a:cubicBezTo>
                  <a:pt x="319" y="101"/>
                  <a:pt x="334" y="106"/>
                  <a:pt x="341" y="110"/>
                </a:cubicBezTo>
                <a:cubicBezTo>
                  <a:pt x="345" y="112"/>
                  <a:pt x="351" y="121"/>
                  <a:pt x="351" y="128"/>
                </a:cubicBezTo>
                <a:cubicBezTo>
                  <a:pt x="351" y="129"/>
                  <a:pt x="351" y="130"/>
                  <a:pt x="350" y="131"/>
                </a:cubicBezTo>
                <a:cubicBezTo>
                  <a:pt x="349" y="134"/>
                  <a:pt x="342" y="134"/>
                  <a:pt x="335" y="134"/>
                </a:cubicBezTo>
                <a:cubicBezTo>
                  <a:pt x="332" y="134"/>
                  <a:pt x="332" y="134"/>
                  <a:pt x="332" y="134"/>
                </a:cubicBezTo>
                <a:cubicBezTo>
                  <a:pt x="307" y="134"/>
                  <a:pt x="307" y="134"/>
                  <a:pt x="307" y="134"/>
                </a:cubicBezTo>
                <a:cubicBezTo>
                  <a:pt x="303" y="134"/>
                  <a:pt x="298" y="137"/>
                  <a:pt x="296" y="142"/>
                </a:cubicBezTo>
                <a:cubicBezTo>
                  <a:pt x="295" y="146"/>
                  <a:pt x="296" y="151"/>
                  <a:pt x="299" y="155"/>
                </a:cubicBezTo>
                <a:cubicBezTo>
                  <a:pt x="302" y="158"/>
                  <a:pt x="304" y="162"/>
                  <a:pt x="304" y="166"/>
                </a:cubicBezTo>
                <a:cubicBezTo>
                  <a:pt x="304" y="175"/>
                  <a:pt x="297" y="182"/>
                  <a:pt x="288" y="182"/>
                </a:cubicBezTo>
                <a:cubicBezTo>
                  <a:pt x="279" y="182"/>
                  <a:pt x="272" y="175"/>
                  <a:pt x="272" y="166"/>
                </a:cubicBezTo>
                <a:cubicBezTo>
                  <a:pt x="272" y="161"/>
                  <a:pt x="274" y="158"/>
                  <a:pt x="275" y="156"/>
                </a:cubicBezTo>
                <a:cubicBezTo>
                  <a:pt x="278" y="152"/>
                  <a:pt x="279" y="147"/>
                  <a:pt x="277" y="143"/>
                </a:cubicBezTo>
                <a:cubicBezTo>
                  <a:pt x="275" y="139"/>
                  <a:pt x="271" y="136"/>
                  <a:pt x="266" y="136"/>
                </a:cubicBezTo>
                <a:cubicBezTo>
                  <a:pt x="156" y="136"/>
                  <a:pt x="156" y="136"/>
                  <a:pt x="156" y="136"/>
                </a:cubicBezTo>
                <a:cubicBezTo>
                  <a:pt x="149" y="136"/>
                  <a:pt x="144" y="142"/>
                  <a:pt x="144" y="148"/>
                </a:cubicBezTo>
                <a:cubicBezTo>
                  <a:pt x="144" y="155"/>
                  <a:pt x="149" y="160"/>
                  <a:pt x="156" y="160"/>
                </a:cubicBezTo>
                <a:cubicBezTo>
                  <a:pt x="156" y="160"/>
                  <a:pt x="223" y="160"/>
                  <a:pt x="248" y="160"/>
                </a:cubicBezTo>
                <a:cubicBezTo>
                  <a:pt x="248" y="162"/>
                  <a:pt x="248" y="164"/>
                  <a:pt x="248" y="166"/>
                </a:cubicBezTo>
                <a:cubicBezTo>
                  <a:pt x="248" y="188"/>
                  <a:pt x="266" y="206"/>
                  <a:pt x="288" y="206"/>
                </a:cubicBezTo>
                <a:cubicBezTo>
                  <a:pt x="310" y="206"/>
                  <a:pt x="328" y="188"/>
                  <a:pt x="328" y="166"/>
                </a:cubicBezTo>
                <a:cubicBezTo>
                  <a:pt x="328" y="163"/>
                  <a:pt x="328" y="161"/>
                  <a:pt x="327" y="158"/>
                </a:cubicBezTo>
                <a:cubicBezTo>
                  <a:pt x="329" y="158"/>
                  <a:pt x="332" y="158"/>
                  <a:pt x="332" y="158"/>
                </a:cubicBezTo>
                <a:cubicBezTo>
                  <a:pt x="334" y="158"/>
                  <a:pt x="334" y="158"/>
                  <a:pt x="334" y="158"/>
                </a:cubicBezTo>
                <a:cubicBezTo>
                  <a:pt x="344" y="158"/>
                  <a:pt x="365" y="158"/>
                  <a:pt x="373" y="139"/>
                </a:cubicBezTo>
                <a:cubicBezTo>
                  <a:pt x="374" y="135"/>
                  <a:pt x="375" y="131"/>
                  <a:pt x="375" y="128"/>
                </a:cubicBezTo>
                <a:cubicBezTo>
                  <a:pt x="375" y="111"/>
                  <a:pt x="363" y="95"/>
                  <a:pt x="352" y="89"/>
                </a:cubicBezTo>
                <a:cubicBezTo>
                  <a:pt x="343" y="84"/>
                  <a:pt x="328" y="79"/>
                  <a:pt x="314" y="75"/>
                </a:cubicBezTo>
                <a:cubicBezTo>
                  <a:pt x="308" y="73"/>
                  <a:pt x="300" y="71"/>
                  <a:pt x="296" y="70"/>
                </a:cubicBezTo>
                <a:cubicBezTo>
                  <a:pt x="277" y="49"/>
                  <a:pt x="244" y="15"/>
                  <a:pt x="235" y="11"/>
                </a:cubicBezTo>
                <a:cubicBezTo>
                  <a:pt x="214" y="0"/>
                  <a:pt x="68" y="0"/>
                  <a:pt x="46" y="10"/>
                </a:cubicBezTo>
                <a:close/>
              </a:path>
            </a:pathLst>
          </a:custGeom>
          <a:solidFill>
            <a:srgbClr val="009530"/>
          </a:solidFill>
          <a:ln w="1588" cap="flat">
            <a:noFill/>
            <a:prstDash val="solid"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4" name="Freeform 525"/>
          <p:cNvSpPr>
            <a:spLocks/>
          </p:cNvSpPr>
          <p:nvPr userDrawn="1"/>
        </p:nvSpPr>
        <p:spPr bwMode="auto">
          <a:xfrm>
            <a:off x="10561592" y="2500530"/>
            <a:ext cx="369888" cy="282575"/>
          </a:xfrm>
          <a:custGeom>
            <a:avLst/>
            <a:gdLst/>
            <a:ahLst/>
            <a:cxnLst>
              <a:cxn ang="0">
                <a:pos x="314" y="224"/>
              </a:cxn>
              <a:cxn ang="0">
                <a:pos x="25" y="224"/>
              </a:cxn>
              <a:cxn ang="0">
                <a:pos x="25" y="98"/>
              </a:cxn>
              <a:cxn ang="0">
                <a:pos x="60" y="133"/>
              </a:cxn>
              <a:cxn ang="0">
                <a:pos x="77" y="133"/>
              </a:cxn>
              <a:cxn ang="0">
                <a:pos x="116" y="94"/>
              </a:cxn>
              <a:cxn ang="0">
                <a:pos x="144" y="121"/>
              </a:cxn>
              <a:cxn ang="0">
                <a:pos x="152" y="125"/>
              </a:cxn>
              <a:cxn ang="0">
                <a:pos x="161" y="121"/>
              </a:cxn>
              <a:cxn ang="0">
                <a:pos x="241" y="41"/>
              </a:cxn>
              <a:cxn ang="0">
                <a:pos x="241" y="63"/>
              </a:cxn>
              <a:cxn ang="0">
                <a:pos x="253" y="75"/>
              </a:cxn>
              <a:cxn ang="0">
                <a:pos x="266" y="63"/>
              </a:cxn>
              <a:cxn ang="0">
                <a:pos x="266" y="12"/>
              </a:cxn>
              <a:cxn ang="0">
                <a:pos x="253" y="0"/>
              </a:cxn>
              <a:cxn ang="0">
                <a:pos x="203" y="0"/>
              </a:cxn>
              <a:cxn ang="0">
                <a:pos x="191" y="12"/>
              </a:cxn>
              <a:cxn ang="0">
                <a:pos x="203" y="25"/>
              </a:cxn>
              <a:cxn ang="0">
                <a:pos x="223" y="25"/>
              </a:cxn>
              <a:cxn ang="0">
                <a:pos x="152" y="95"/>
              </a:cxn>
              <a:cxn ang="0">
                <a:pos x="125" y="68"/>
              </a:cxn>
              <a:cxn ang="0">
                <a:pos x="116" y="64"/>
              </a:cxn>
              <a:cxn ang="0">
                <a:pos x="108" y="68"/>
              </a:cxn>
              <a:cxn ang="0">
                <a:pos x="68" y="107"/>
              </a:cxn>
              <a:cxn ang="0">
                <a:pos x="21" y="60"/>
              </a:cxn>
              <a:cxn ang="0">
                <a:pos x="8" y="57"/>
              </a:cxn>
              <a:cxn ang="0">
                <a:pos x="0" y="68"/>
              </a:cxn>
              <a:cxn ang="0">
                <a:pos x="0" y="236"/>
              </a:cxn>
              <a:cxn ang="0">
                <a:pos x="12" y="249"/>
              </a:cxn>
              <a:cxn ang="0">
                <a:pos x="314" y="249"/>
              </a:cxn>
              <a:cxn ang="0">
                <a:pos x="327" y="236"/>
              </a:cxn>
              <a:cxn ang="0">
                <a:pos x="314" y="224"/>
              </a:cxn>
            </a:cxnLst>
            <a:rect l="0" t="0" r="r" b="b"/>
            <a:pathLst>
              <a:path w="327" h="249">
                <a:moveTo>
                  <a:pt x="314" y="224"/>
                </a:moveTo>
                <a:cubicBezTo>
                  <a:pt x="314" y="224"/>
                  <a:pt x="47" y="224"/>
                  <a:pt x="25" y="224"/>
                </a:cubicBezTo>
                <a:cubicBezTo>
                  <a:pt x="25" y="98"/>
                  <a:pt x="25" y="98"/>
                  <a:pt x="25" y="98"/>
                </a:cubicBezTo>
                <a:cubicBezTo>
                  <a:pt x="41" y="114"/>
                  <a:pt x="60" y="133"/>
                  <a:pt x="60" y="133"/>
                </a:cubicBezTo>
                <a:cubicBezTo>
                  <a:pt x="65" y="138"/>
                  <a:pt x="72" y="138"/>
                  <a:pt x="77" y="133"/>
                </a:cubicBezTo>
                <a:cubicBezTo>
                  <a:pt x="77" y="133"/>
                  <a:pt x="105" y="105"/>
                  <a:pt x="116" y="94"/>
                </a:cubicBezTo>
                <a:cubicBezTo>
                  <a:pt x="126" y="104"/>
                  <a:pt x="144" y="121"/>
                  <a:pt x="144" y="121"/>
                </a:cubicBezTo>
                <a:cubicBezTo>
                  <a:pt x="146" y="123"/>
                  <a:pt x="149" y="125"/>
                  <a:pt x="152" y="125"/>
                </a:cubicBezTo>
                <a:cubicBezTo>
                  <a:pt x="156" y="125"/>
                  <a:pt x="159" y="123"/>
                  <a:pt x="161" y="121"/>
                </a:cubicBezTo>
                <a:cubicBezTo>
                  <a:pt x="241" y="41"/>
                  <a:pt x="241" y="41"/>
                  <a:pt x="241" y="41"/>
                </a:cubicBezTo>
                <a:cubicBezTo>
                  <a:pt x="241" y="52"/>
                  <a:pt x="241" y="63"/>
                  <a:pt x="241" y="63"/>
                </a:cubicBezTo>
                <a:cubicBezTo>
                  <a:pt x="241" y="70"/>
                  <a:pt x="247" y="75"/>
                  <a:pt x="253" y="75"/>
                </a:cubicBezTo>
                <a:cubicBezTo>
                  <a:pt x="260" y="75"/>
                  <a:pt x="266" y="70"/>
                  <a:pt x="266" y="63"/>
                </a:cubicBezTo>
                <a:cubicBezTo>
                  <a:pt x="266" y="12"/>
                  <a:pt x="266" y="12"/>
                  <a:pt x="266" y="12"/>
                </a:cubicBezTo>
                <a:cubicBezTo>
                  <a:pt x="266" y="6"/>
                  <a:pt x="260" y="0"/>
                  <a:pt x="253" y="0"/>
                </a:cubicBezTo>
                <a:cubicBezTo>
                  <a:pt x="203" y="0"/>
                  <a:pt x="203" y="0"/>
                  <a:pt x="203" y="0"/>
                </a:cubicBezTo>
                <a:cubicBezTo>
                  <a:pt x="196" y="0"/>
                  <a:pt x="191" y="6"/>
                  <a:pt x="191" y="12"/>
                </a:cubicBezTo>
                <a:cubicBezTo>
                  <a:pt x="191" y="19"/>
                  <a:pt x="196" y="25"/>
                  <a:pt x="203" y="25"/>
                </a:cubicBezTo>
                <a:cubicBezTo>
                  <a:pt x="203" y="25"/>
                  <a:pt x="212" y="25"/>
                  <a:pt x="223" y="25"/>
                </a:cubicBezTo>
                <a:cubicBezTo>
                  <a:pt x="214" y="33"/>
                  <a:pt x="165" y="82"/>
                  <a:pt x="152" y="95"/>
                </a:cubicBezTo>
                <a:cubicBezTo>
                  <a:pt x="142" y="85"/>
                  <a:pt x="125" y="68"/>
                  <a:pt x="125" y="68"/>
                </a:cubicBezTo>
                <a:cubicBezTo>
                  <a:pt x="123" y="65"/>
                  <a:pt x="120" y="64"/>
                  <a:pt x="116" y="64"/>
                </a:cubicBezTo>
                <a:cubicBezTo>
                  <a:pt x="113" y="64"/>
                  <a:pt x="110" y="65"/>
                  <a:pt x="108" y="68"/>
                </a:cubicBezTo>
                <a:cubicBezTo>
                  <a:pt x="108" y="68"/>
                  <a:pt x="80" y="95"/>
                  <a:pt x="68" y="107"/>
                </a:cubicBezTo>
                <a:cubicBezTo>
                  <a:pt x="56" y="95"/>
                  <a:pt x="21" y="60"/>
                  <a:pt x="21" y="60"/>
                </a:cubicBezTo>
                <a:cubicBezTo>
                  <a:pt x="17" y="56"/>
                  <a:pt x="12" y="55"/>
                  <a:pt x="8" y="57"/>
                </a:cubicBezTo>
                <a:cubicBezTo>
                  <a:pt x="3" y="59"/>
                  <a:pt x="0" y="63"/>
                  <a:pt x="0" y="68"/>
                </a:cubicBezTo>
                <a:cubicBezTo>
                  <a:pt x="0" y="236"/>
                  <a:pt x="0" y="236"/>
                  <a:pt x="0" y="236"/>
                </a:cubicBezTo>
                <a:cubicBezTo>
                  <a:pt x="0" y="243"/>
                  <a:pt x="5" y="249"/>
                  <a:pt x="12" y="249"/>
                </a:cubicBezTo>
                <a:cubicBezTo>
                  <a:pt x="314" y="249"/>
                  <a:pt x="314" y="249"/>
                  <a:pt x="314" y="249"/>
                </a:cubicBezTo>
                <a:cubicBezTo>
                  <a:pt x="321" y="249"/>
                  <a:pt x="327" y="243"/>
                  <a:pt x="327" y="236"/>
                </a:cubicBezTo>
                <a:cubicBezTo>
                  <a:pt x="327" y="230"/>
                  <a:pt x="321" y="224"/>
                  <a:pt x="314" y="22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5" name="Freeform 576"/>
          <p:cNvSpPr>
            <a:spLocks noEditPoints="1"/>
          </p:cNvSpPr>
          <p:nvPr userDrawn="1"/>
        </p:nvSpPr>
        <p:spPr bwMode="auto">
          <a:xfrm>
            <a:off x="10502061" y="4473068"/>
            <a:ext cx="488951" cy="376237"/>
          </a:xfrm>
          <a:custGeom>
            <a:avLst/>
            <a:gdLst/>
            <a:ahLst/>
            <a:cxnLst>
              <a:cxn ang="0">
                <a:pos x="223" y="107"/>
              </a:cxn>
              <a:cxn ang="0">
                <a:pos x="387" y="290"/>
              </a:cxn>
              <a:cxn ang="0">
                <a:pos x="237" y="290"/>
              </a:cxn>
              <a:cxn ang="0">
                <a:pos x="283" y="267"/>
              </a:cxn>
              <a:cxn ang="0">
                <a:pos x="285" y="266"/>
              </a:cxn>
              <a:cxn ang="0">
                <a:pos x="287" y="263"/>
              </a:cxn>
              <a:cxn ang="0">
                <a:pos x="291" y="259"/>
              </a:cxn>
              <a:cxn ang="0">
                <a:pos x="295" y="255"/>
              </a:cxn>
              <a:cxn ang="0">
                <a:pos x="299" y="250"/>
              </a:cxn>
              <a:cxn ang="0">
                <a:pos x="303" y="244"/>
              </a:cxn>
              <a:cxn ang="0">
                <a:pos x="309" y="229"/>
              </a:cxn>
              <a:cxn ang="0">
                <a:pos x="303" y="195"/>
              </a:cxn>
              <a:cxn ang="0">
                <a:pos x="278" y="167"/>
              </a:cxn>
              <a:cxn ang="0">
                <a:pos x="195" y="136"/>
              </a:cxn>
              <a:cxn ang="0">
                <a:pos x="172" y="107"/>
              </a:cxn>
              <a:cxn ang="0">
                <a:pos x="201" y="114"/>
              </a:cxn>
              <a:cxn ang="0">
                <a:pos x="204" y="114"/>
              </a:cxn>
              <a:cxn ang="0">
                <a:pos x="209" y="112"/>
              </a:cxn>
              <a:cxn ang="0">
                <a:pos x="211" y="110"/>
              </a:cxn>
              <a:cxn ang="0">
                <a:pos x="214" y="105"/>
              </a:cxn>
              <a:cxn ang="0">
                <a:pos x="214" y="102"/>
              </a:cxn>
              <a:cxn ang="0">
                <a:pos x="214" y="98"/>
              </a:cxn>
              <a:cxn ang="0">
                <a:pos x="149" y="36"/>
              </a:cxn>
              <a:cxn ang="0">
                <a:pos x="150" y="194"/>
              </a:cxn>
              <a:cxn ang="0">
                <a:pos x="27" y="196"/>
              </a:cxn>
              <a:cxn ang="0">
                <a:pos x="168" y="16"/>
              </a:cxn>
              <a:cxn ang="0">
                <a:pos x="0" y="29"/>
              </a:cxn>
              <a:cxn ang="0">
                <a:pos x="55" y="232"/>
              </a:cxn>
              <a:cxn ang="0">
                <a:pos x="179" y="175"/>
              </a:cxn>
              <a:cxn ang="0">
                <a:pos x="178" y="171"/>
              </a:cxn>
              <a:cxn ang="0">
                <a:pos x="175" y="167"/>
              </a:cxn>
              <a:cxn ang="0">
                <a:pos x="173" y="165"/>
              </a:cxn>
              <a:cxn ang="0">
                <a:pos x="169" y="163"/>
              </a:cxn>
              <a:cxn ang="0">
                <a:pos x="163" y="163"/>
              </a:cxn>
              <a:cxn ang="0">
                <a:pos x="102" y="115"/>
              </a:cxn>
              <a:cxn ang="0">
                <a:pos x="179" y="81"/>
              </a:cxn>
              <a:cxn ang="0">
                <a:pos x="174" y="80"/>
              </a:cxn>
              <a:cxn ang="0">
                <a:pos x="170" y="80"/>
              </a:cxn>
              <a:cxn ang="0">
                <a:pos x="164" y="80"/>
              </a:cxn>
              <a:cxn ang="0">
                <a:pos x="205" y="191"/>
              </a:cxn>
              <a:cxn ang="0">
                <a:pos x="251" y="325"/>
              </a:cxn>
              <a:cxn ang="0">
                <a:pos x="404" y="310"/>
              </a:cxn>
              <a:cxn ang="0">
                <a:pos x="245" y="181"/>
              </a:cxn>
              <a:cxn ang="0">
                <a:pos x="262" y="189"/>
              </a:cxn>
              <a:cxn ang="0">
                <a:pos x="257" y="196"/>
              </a:cxn>
              <a:cxn ang="0">
                <a:pos x="253" y="203"/>
              </a:cxn>
              <a:cxn ang="0">
                <a:pos x="252" y="207"/>
              </a:cxn>
              <a:cxn ang="0">
                <a:pos x="251" y="213"/>
              </a:cxn>
              <a:cxn ang="0">
                <a:pos x="252" y="216"/>
              </a:cxn>
              <a:cxn ang="0">
                <a:pos x="269" y="233"/>
              </a:cxn>
              <a:cxn ang="0">
                <a:pos x="273" y="240"/>
              </a:cxn>
              <a:cxn ang="0">
                <a:pos x="253" y="247"/>
              </a:cxn>
            </a:cxnLst>
            <a:rect l="0" t="0" r="r" b="b"/>
            <a:pathLst>
              <a:path w="432" h="333">
                <a:moveTo>
                  <a:pt x="424" y="179"/>
                </a:moveTo>
                <a:cubicBezTo>
                  <a:pt x="294" y="116"/>
                  <a:pt x="275" y="108"/>
                  <a:pt x="271" y="107"/>
                </a:cubicBezTo>
                <a:cubicBezTo>
                  <a:pt x="271" y="107"/>
                  <a:pt x="271" y="107"/>
                  <a:pt x="271" y="107"/>
                </a:cubicBezTo>
                <a:cubicBezTo>
                  <a:pt x="239" y="98"/>
                  <a:pt x="239" y="98"/>
                  <a:pt x="239" y="98"/>
                </a:cubicBezTo>
                <a:cubicBezTo>
                  <a:pt x="232" y="96"/>
                  <a:pt x="225" y="100"/>
                  <a:pt x="223" y="107"/>
                </a:cubicBezTo>
                <a:cubicBezTo>
                  <a:pt x="222" y="112"/>
                  <a:pt x="223" y="116"/>
                  <a:pt x="226" y="120"/>
                </a:cubicBezTo>
                <a:cubicBezTo>
                  <a:pt x="228" y="121"/>
                  <a:pt x="230" y="123"/>
                  <a:pt x="232" y="123"/>
                </a:cubicBezTo>
                <a:cubicBezTo>
                  <a:pt x="264" y="132"/>
                  <a:pt x="264" y="132"/>
                  <a:pt x="264" y="132"/>
                </a:cubicBezTo>
                <a:cubicBezTo>
                  <a:pt x="272" y="136"/>
                  <a:pt x="348" y="172"/>
                  <a:pt x="403" y="198"/>
                </a:cubicBezTo>
                <a:cubicBezTo>
                  <a:pt x="387" y="290"/>
                  <a:pt x="387" y="290"/>
                  <a:pt x="387" y="290"/>
                </a:cubicBezTo>
                <a:cubicBezTo>
                  <a:pt x="383" y="292"/>
                  <a:pt x="379" y="295"/>
                  <a:pt x="375" y="297"/>
                </a:cubicBezTo>
                <a:cubicBezTo>
                  <a:pt x="369" y="301"/>
                  <a:pt x="364" y="305"/>
                  <a:pt x="359" y="307"/>
                </a:cubicBezTo>
                <a:cubicBezTo>
                  <a:pt x="252" y="298"/>
                  <a:pt x="252" y="298"/>
                  <a:pt x="252" y="298"/>
                </a:cubicBezTo>
                <a:cubicBezTo>
                  <a:pt x="251" y="298"/>
                  <a:pt x="250" y="298"/>
                  <a:pt x="249" y="298"/>
                </a:cubicBezTo>
                <a:cubicBezTo>
                  <a:pt x="246" y="299"/>
                  <a:pt x="238" y="299"/>
                  <a:pt x="237" y="290"/>
                </a:cubicBezTo>
                <a:cubicBezTo>
                  <a:pt x="236" y="286"/>
                  <a:pt x="237" y="283"/>
                  <a:pt x="238" y="280"/>
                </a:cubicBezTo>
                <a:cubicBezTo>
                  <a:pt x="239" y="278"/>
                  <a:pt x="241" y="276"/>
                  <a:pt x="244" y="275"/>
                </a:cubicBezTo>
                <a:cubicBezTo>
                  <a:pt x="271" y="271"/>
                  <a:pt x="271" y="271"/>
                  <a:pt x="271" y="271"/>
                </a:cubicBezTo>
                <a:cubicBezTo>
                  <a:pt x="277" y="270"/>
                  <a:pt x="277" y="270"/>
                  <a:pt x="277" y="270"/>
                </a:cubicBezTo>
                <a:cubicBezTo>
                  <a:pt x="279" y="269"/>
                  <a:pt x="281" y="269"/>
                  <a:pt x="283" y="267"/>
                </a:cubicBezTo>
                <a:cubicBezTo>
                  <a:pt x="283" y="267"/>
                  <a:pt x="283" y="267"/>
                  <a:pt x="283" y="267"/>
                </a:cubicBezTo>
                <a:cubicBezTo>
                  <a:pt x="283" y="267"/>
                  <a:pt x="283" y="267"/>
                  <a:pt x="283" y="267"/>
                </a:cubicBezTo>
                <a:cubicBezTo>
                  <a:pt x="283" y="267"/>
                  <a:pt x="284" y="266"/>
                  <a:pt x="284" y="266"/>
                </a:cubicBezTo>
                <a:cubicBezTo>
                  <a:pt x="284" y="266"/>
                  <a:pt x="284" y="266"/>
                  <a:pt x="284" y="266"/>
                </a:cubicBezTo>
                <a:cubicBezTo>
                  <a:pt x="284" y="266"/>
                  <a:pt x="284" y="266"/>
                  <a:pt x="285" y="266"/>
                </a:cubicBezTo>
                <a:cubicBezTo>
                  <a:pt x="285" y="266"/>
                  <a:pt x="285" y="265"/>
                  <a:pt x="285" y="265"/>
                </a:cubicBezTo>
                <a:cubicBezTo>
                  <a:pt x="285" y="265"/>
                  <a:pt x="285" y="265"/>
                  <a:pt x="286" y="265"/>
                </a:cubicBezTo>
                <a:cubicBezTo>
                  <a:pt x="286" y="265"/>
                  <a:pt x="286" y="264"/>
                  <a:pt x="286" y="264"/>
                </a:cubicBezTo>
                <a:cubicBezTo>
                  <a:pt x="286" y="264"/>
                  <a:pt x="287" y="264"/>
                  <a:pt x="287" y="264"/>
                </a:cubicBezTo>
                <a:cubicBezTo>
                  <a:pt x="287" y="264"/>
                  <a:pt x="287" y="263"/>
                  <a:pt x="287" y="263"/>
                </a:cubicBezTo>
                <a:cubicBezTo>
                  <a:pt x="288" y="263"/>
                  <a:pt x="288" y="263"/>
                  <a:pt x="288" y="262"/>
                </a:cubicBezTo>
                <a:cubicBezTo>
                  <a:pt x="288" y="262"/>
                  <a:pt x="289" y="262"/>
                  <a:pt x="289" y="262"/>
                </a:cubicBezTo>
                <a:cubicBezTo>
                  <a:pt x="289" y="262"/>
                  <a:pt x="289" y="261"/>
                  <a:pt x="290" y="261"/>
                </a:cubicBezTo>
                <a:cubicBezTo>
                  <a:pt x="290" y="261"/>
                  <a:pt x="290" y="260"/>
                  <a:pt x="290" y="260"/>
                </a:cubicBezTo>
                <a:cubicBezTo>
                  <a:pt x="291" y="260"/>
                  <a:pt x="291" y="260"/>
                  <a:pt x="291" y="259"/>
                </a:cubicBezTo>
                <a:cubicBezTo>
                  <a:pt x="291" y="259"/>
                  <a:pt x="292" y="259"/>
                  <a:pt x="292" y="259"/>
                </a:cubicBezTo>
                <a:cubicBezTo>
                  <a:pt x="292" y="258"/>
                  <a:pt x="293" y="258"/>
                  <a:pt x="293" y="258"/>
                </a:cubicBezTo>
                <a:cubicBezTo>
                  <a:pt x="293" y="257"/>
                  <a:pt x="293" y="257"/>
                  <a:pt x="294" y="257"/>
                </a:cubicBezTo>
                <a:cubicBezTo>
                  <a:pt x="294" y="256"/>
                  <a:pt x="294" y="256"/>
                  <a:pt x="295" y="256"/>
                </a:cubicBezTo>
                <a:cubicBezTo>
                  <a:pt x="295" y="255"/>
                  <a:pt x="295" y="255"/>
                  <a:pt x="295" y="255"/>
                </a:cubicBezTo>
                <a:cubicBezTo>
                  <a:pt x="296" y="254"/>
                  <a:pt x="296" y="254"/>
                  <a:pt x="296" y="254"/>
                </a:cubicBezTo>
                <a:cubicBezTo>
                  <a:pt x="297" y="253"/>
                  <a:pt x="297" y="253"/>
                  <a:pt x="297" y="253"/>
                </a:cubicBezTo>
                <a:cubicBezTo>
                  <a:pt x="297" y="253"/>
                  <a:pt x="297" y="253"/>
                  <a:pt x="297" y="253"/>
                </a:cubicBezTo>
                <a:cubicBezTo>
                  <a:pt x="297" y="252"/>
                  <a:pt x="298" y="252"/>
                  <a:pt x="298" y="251"/>
                </a:cubicBezTo>
                <a:cubicBezTo>
                  <a:pt x="298" y="251"/>
                  <a:pt x="299" y="251"/>
                  <a:pt x="299" y="250"/>
                </a:cubicBezTo>
                <a:cubicBezTo>
                  <a:pt x="299" y="250"/>
                  <a:pt x="300" y="249"/>
                  <a:pt x="300" y="249"/>
                </a:cubicBezTo>
                <a:cubicBezTo>
                  <a:pt x="300" y="249"/>
                  <a:pt x="300" y="248"/>
                  <a:pt x="301" y="248"/>
                </a:cubicBezTo>
                <a:cubicBezTo>
                  <a:pt x="301" y="247"/>
                  <a:pt x="301" y="247"/>
                  <a:pt x="302" y="246"/>
                </a:cubicBezTo>
                <a:cubicBezTo>
                  <a:pt x="302" y="246"/>
                  <a:pt x="302" y="246"/>
                  <a:pt x="302" y="245"/>
                </a:cubicBezTo>
                <a:cubicBezTo>
                  <a:pt x="303" y="245"/>
                  <a:pt x="303" y="244"/>
                  <a:pt x="303" y="244"/>
                </a:cubicBezTo>
                <a:cubicBezTo>
                  <a:pt x="303" y="243"/>
                  <a:pt x="304" y="243"/>
                  <a:pt x="304" y="243"/>
                </a:cubicBezTo>
                <a:cubicBezTo>
                  <a:pt x="304" y="242"/>
                  <a:pt x="305" y="241"/>
                  <a:pt x="305" y="240"/>
                </a:cubicBezTo>
                <a:cubicBezTo>
                  <a:pt x="305" y="240"/>
                  <a:pt x="305" y="240"/>
                  <a:pt x="305" y="240"/>
                </a:cubicBezTo>
                <a:cubicBezTo>
                  <a:pt x="305" y="240"/>
                  <a:pt x="305" y="240"/>
                  <a:pt x="305" y="240"/>
                </a:cubicBezTo>
                <a:cubicBezTo>
                  <a:pt x="307" y="236"/>
                  <a:pt x="308" y="233"/>
                  <a:pt x="309" y="229"/>
                </a:cubicBezTo>
                <a:cubicBezTo>
                  <a:pt x="310" y="225"/>
                  <a:pt x="310" y="222"/>
                  <a:pt x="310" y="218"/>
                </a:cubicBezTo>
                <a:cubicBezTo>
                  <a:pt x="310" y="217"/>
                  <a:pt x="310" y="216"/>
                  <a:pt x="310" y="216"/>
                </a:cubicBezTo>
                <a:cubicBezTo>
                  <a:pt x="310" y="212"/>
                  <a:pt x="309" y="209"/>
                  <a:pt x="308" y="206"/>
                </a:cubicBezTo>
                <a:cubicBezTo>
                  <a:pt x="307" y="203"/>
                  <a:pt x="305" y="200"/>
                  <a:pt x="304" y="197"/>
                </a:cubicBezTo>
                <a:cubicBezTo>
                  <a:pt x="303" y="196"/>
                  <a:pt x="303" y="196"/>
                  <a:pt x="303" y="195"/>
                </a:cubicBezTo>
                <a:cubicBezTo>
                  <a:pt x="301" y="192"/>
                  <a:pt x="299" y="190"/>
                  <a:pt x="298" y="187"/>
                </a:cubicBezTo>
                <a:cubicBezTo>
                  <a:pt x="296" y="186"/>
                  <a:pt x="295" y="184"/>
                  <a:pt x="293" y="182"/>
                </a:cubicBezTo>
                <a:cubicBezTo>
                  <a:pt x="292" y="181"/>
                  <a:pt x="291" y="180"/>
                  <a:pt x="290" y="178"/>
                </a:cubicBezTo>
                <a:cubicBezTo>
                  <a:pt x="285" y="173"/>
                  <a:pt x="281" y="169"/>
                  <a:pt x="279" y="168"/>
                </a:cubicBezTo>
                <a:cubicBezTo>
                  <a:pt x="279" y="168"/>
                  <a:pt x="278" y="167"/>
                  <a:pt x="278" y="167"/>
                </a:cubicBezTo>
                <a:cubicBezTo>
                  <a:pt x="278" y="167"/>
                  <a:pt x="277" y="167"/>
                  <a:pt x="276" y="166"/>
                </a:cubicBezTo>
                <a:cubicBezTo>
                  <a:pt x="266" y="160"/>
                  <a:pt x="266" y="160"/>
                  <a:pt x="266" y="160"/>
                </a:cubicBezTo>
                <a:cubicBezTo>
                  <a:pt x="265" y="160"/>
                  <a:pt x="237" y="150"/>
                  <a:pt x="237" y="150"/>
                </a:cubicBezTo>
                <a:cubicBezTo>
                  <a:pt x="195" y="136"/>
                  <a:pt x="195" y="136"/>
                  <a:pt x="195" y="136"/>
                </a:cubicBezTo>
                <a:cubicBezTo>
                  <a:pt x="195" y="136"/>
                  <a:pt x="195" y="136"/>
                  <a:pt x="195" y="136"/>
                </a:cubicBezTo>
                <a:cubicBezTo>
                  <a:pt x="165" y="126"/>
                  <a:pt x="165" y="126"/>
                  <a:pt x="165" y="126"/>
                </a:cubicBezTo>
                <a:cubicBezTo>
                  <a:pt x="162" y="125"/>
                  <a:pt x="160" y="123"/>
                  <a:pt x="159" y="121"/>
                </a:cubicBezTo>
                <a:cubicBezTo>
                  <a:pt x="158" y="119"/>
                  <a:pt x="158" y="116"/>
                  <a:pt x="159" y="113"/>
                </a:cubicBezTo>
                <a:cubicBezTo>
                  <a:pt x="160" y="109"/>
                  <a:pt x="163" y="107"/>
                  <a:pt x="167" y="106"/>
                </a:cubicBezTo>
                <a:cubicBezTo>
                  <a:pt x="169" y="106"/>
                  <a:pt x="170" y="106"/>
                  <a:pt x="172" y="107"/>
                </a:cubicBezTo>
                <a:cubicBezTo>
                  <a:pt x="172" y="107"/>
                  <a:pt x="172" y="107"/>
                  <a:pt x="172" y="107"/>
                </a:cubicBezTo>
                <a:cubicBezTo>
                  <a:pt x="197" y="114"/>
                  <a:pt x="197" y="114"/>
                  <a:pt x="197" y="114"/>
                </a:cubicBezTo>
                <a:cubicBezTo>
                  <a:pt x="198" y="114"/>
                  <a:pt x="199" y="114"/>
                  <a:pt x="199" y="114"/>
                </a:cubicBezTo>
                <a:cubicBezTo>
                  <a:pt x="199" y="114"/>
                  <a:pt x="199" y="114"/>
                  <a:pt x="199" y="114"/>
                </a:cubicBezTo>
                <a:cubicBezTo>
                  <a:pt x="200" y="114"/>
                  <a:pt x="200" y="114"/>
                  <a:pt x="201" y="114"/>
                </a:cubicBezTo>
                <a:cubicBezTo>
                  <a:pt x="201" y="114"/>
                  <a:pt x="201" y="114"/>
                  <a:pt x="201" y="114"/>
                </a:cubicBezTo>
                <a:cubicBezTo>
                  <a:pt x="201" y="114"/>
                  <a:pt x="202" y="114"/>
                  <a:pt x="202" y="114"/>
                </a:cubicBezTo>
                <a:cubicBezTo>
                  <a:pt x="202" y="114"/>
                  <a:pt x="202" y="114"/>
                  <a:pt x="203" y="114"/>
                </a:cubicBezTo>
                <a:cubicBezTo>
                  <a:pt x="203" y="114"/>
                  <a:pt x="204" y="114"/>
                  <a:pt x="204" y="114"/>
                </a:cubicBezTo>
                <a:cubicBezTo>
                  <a:pt x="204" y="114"/>
                  <a:pt x="204" y="114"/>
                  <a:pt x="204" y="114"/>
                </a:cubicBezTo>
                <a:cubicBezTo>
                  <a:pt x="205" y="114"/>
                  <a:pt x="205" y="114"/>
                  <a:pt x="205" y="114"/>
                </a:cubicBezTo>
                <a:cubicBezTo>
                  <a:pt x="206" y="114"/>
                  <a:pt x="206" y="113"/>
                  <a:pt x="206" y="113"/>
                </a:cubicBezTo>
                <a:cubicBezTo>
                  <a:pt x="206" y="113"/>
                  <a:pt x="207" y="113"/>
                  <a:pt x="207" y="113"/>
                </a:cubicBezTo>
                <a:cubicBezTo>
                  <a:pt x="207" y="113"/>
                  <a:pt x="207" y="113"/>
                  <a:pt x="207" y="113"/>
                </a:cubicBezTo>
                <a:cubicBezTo>
                  <a:pt x="208" y="113"/>
                  <a:pt x="208" y="112"/>
                  <a:pt x="209" y="112"/>
                </a:cubicBezTo>
                <a:cubicBezTo>
                  <a:pt x="209" y="112"/>
                  <a:pt x="209" y="112"/>
                  <a:pt x="209" y="112"/>
                </a:cubicBezTo>
                <a:cubicBezTo>
                  <a:pt x="209" y="112"/>
                  <a:pt x="209" y="111"/>
                  <a:pt x="210" y="111"/>
                </a:cubicBezTo>
                <a:cubicBezTo>
                  <a:pt x="210" y="111"/>
                  <a:pt x="210" y="111"/>
                  <a:pt x="210" y="111"/>
                </a:cubicBezTo>
                <a:cubicBezTo>
                  <a:pt x="210" y="111"/>
                  <a:pt x="210" y="111"/>
                  <a:pt x="210" y="111"/>
                </a:cubicBezTo>
                <a:cubicBezTo>
                  <a:pt x="210" y="110"/>
                  <a:pt x="211" y="110"/>
                  <a:pt x="211" y="110"/>
                </a:cubicBezTo>
                <a:cubicBezTo>
                  <a:pt x="211" y="110"/>
                  <a:pt x="211" y="110"/>
                  <a:pt x="211" y="110"/>
                </a:cubicBezTo>
                <a:cubicBezTo>
                  <a:pt x="212" y="109"/>
                  <a:pt x="212" y="108"/>
                  <a:pt x="213" y="107"/>
                </a:cubicBezTo>
                <a:cubicBezTo>
                  <a:pt x="213" y="107"/>
                  <a:pt x="213" y="107"/>
                  <a:pt x="213" y="107"/>
                </a:cubicBezTo>
                <a:cubicBezTo>
                  <a:pt x="213" y="106"/>
                  <a:pt x="213" y="106"/>
                  <a:pt x="213" y="106"/>
                </a:cubicBezTo>
                <a:cubicBezTo>
                  <a:pt x="214" y="105"/>
                  <a:pt x="214" y="105"/>
                  <a:pt x="214" y="105"/>
                </a:cubicBezTo>
                <a:cubicBezTo>
                  <a:pt x="214" y="105"/>
                  <a:pt x="214" y="105"/>
                  <a:pt x="214" y="105"/>
                </a:cubicBezTo>
                <a:cubicBezTo>
                  <a:pt x="214" y="104"/>
                  <a:pt x="214" y="104"/>
                  <a:pt x="214" y="104"/>
                </a:cubicBezTo>
                <a:cubicBezTo>
                  <a:pt x="214" y="104"/>
                  <a:pt x="214" y="104"/>
                  <a:pt x="214" y="103"/>
                </a:cubicBezTo>
                <a:cubicBezTo>
                  <a:pt x="214" y="103"/>
                  <a:pt x="214" y="103"/>
                  <a:pt x="214" y="102"/>
                </a:cubicBezTo>
                <a:cubicBezTo>
                  <a:pt x="214" y="102"/>
                  <a:pt x="214" y="102"/>
                  <a:pt x="214" y="102"/>
                </a:cubicBezTo>
                <a:cubicBezTo>
                  <a:pt x="214" y="101"/>
                  <a:pt x="214" y="101"/>
                  <a:pt x="214" y="100"/>
                </a:cubicBezTo>
                <a:cubicBezTo>
                  <a:pt x="214" y="100"/>
                  <a:pt x="214" y="100"/>
                  <a:pt x="214" y="100"/>
                </a:cubicBezTo>
                <a:cubicBezTo>
                  <a:pt x="214" y="100"/>
                  <a:pt x="214" y="99"/>
                  <a:pt x="214" y="99"/>
                </a:cubicBezTo>
                <a:cubicBezTo>
                  <a:pt x="214" y="99"/>
                  <a:pt x="214" y="99"/>
                  <a:pt x="214" y="99"/>
                </a:cubicBezTo>
                <a:cubicBezTo>
                  <a:pt x="214" y="98"/>
                  <a:pt x="214" y="98"/>
                  <a:pt x="214" y="98"/>
                </a:cubicBezTo>
                <a:cubicBezTo>
                  <a:pt x="214" y="98"/>
                  <a:pt x="214" y="98"/>
                  <a:pt x="214" y="98"/>
                </a:cubicBezTo>
                <a:cubicBezTo>
                  <a:pt x="209" y="72"/>
                  <a:pt x="193" y="51"/>
                  <a:pt x="171" y="41"/>
                </a:cubicBezTo>
                <a:cubicBezTo>
                  <a:pt x="168" y="40"/>
                  <a:pt x="165" y="39"/>
                  <a:pt x="161" y="38"/>
                </a:cubicBezTo>
                <a:cubicBezTo>
                  <a:pt x="158" y="37"/>
                  <a:pt x="155" y="36"/>
                  <a:pt x="152" y="36"/>
                </a:cubicBezTo>
                <a:cubicBezTo>
                  <a:pt x="151" y="36"/>
                  <a:pt x="150" y="36"/>
                  <a:pt x="149" y="36"/>
                </a:cubicBezTo>
                <a:cubicBezTo>
                  <a:pt x="148" y="36"/>
                  <a:pt x="147" y="36"/>
                  <a:pt x="145" y="36"/>
                </a:cubicBezTo>
                <a:cubicBezTo>
                  <a:pt x="107" y="36"/>
                  <a:pt x="75" y="71"/>
                  <a:pt x="75" y="115"/>
                </a:cubicBezTo>
                <a:cubicBezTo>
                  <a:pt x="75" y="159"/>
                  <a:pt x="107" y="194"/>
                  <a:pt x="145" y="194"/>
                </a:cubicBezTo>
                <a:cubicBezTo>
                  <a:pt x="147" y="194"/>
                  <a:pt x="148" y="194"/>
                  <a:pt x="149" y="194"/>
                </a:cubicBezTo>
                <a:cubicBezTo>
                  <a:pt x="149" y="194"/>
                  <a:pt x="150" y="194"/>
                  <a:pt x="150" y="194"/>
                </a:cubicBezTo>
                <a:cubicBezTo>
                  <a:pt x="151" y="194"/>
                  <a:pt x="151" y="194"/>
                  <a:pt x="152" y="194"/>
                </a:cubicBezTo>
                <a:cubicBezTo>
                  <a:pt x="152" y="194"/>
                  <a:pt x="152" y="194"/>
                  <a:pt x="152" y="194"/>
                </a:cubicBezTo>
                <a:cubicBezTo>
                  <a:pt x="152" y="201"/>
                  <a:pt x="152" y="201"/>
                  <a:pt x="152" y="201"/>
                </a:cubicBezTo>
                <a:cubicBezTo>
                  <a:pt x="56" y="206"/>
                  <a:pt x="56" y="206"/>
                  <a:pt x="56" y="206"/>
                </a:cubicBezTo>
                <a:cubicBezTo>
                  <a:pt x="27" y="196"/>
                  <a:pt x="27" y="196"/>
                  <a:pt x="27" y="196"/>
                </a:cubicBezTo>
                <a:cubicBezTo>
                  <a:pt x="27" y="38"/>
                  <a:pt x="27" y="38"/>
                  <a:pt x="27" y="38"/>
                </a:cubicBezTo>
                <a:cubicBezTo>
                  <a:pt x="57" y="26"/>
                  <a:pt x="57" y="26"/>
                  <a:pt x="57" y="26"/>
                </a:cubicBezTo>
                <a:cubicBezTo>
                  <a:pt x="155" y="29"/>
                  <a:pt x="155" y="29"/>
                  <a:pt x="155" y="29"/>
                </a:cubicBezTo>
                <a:cubicBezTo>
                  <a:pt x="156" y="29"/>
                  <a:pt x="157" y="29"/>
                  <a:pt x="159" y="29"/>
                </a:cubicBezTo>
                <a:cubicBezTo>
                  <a:pt x="164" y="27"/>
                  <a:pt x="168" y="22"/>
                  <a:pt x="168" y="16"/>
                </a:cubicBezTo>
                <a:cubicBezTo>
                  <a:pt x="169" y="9"/>
                  <a:pt x="163" y="3"/>
                  <a:pt x="155" y="3"/>
                </a:cubicBezTo>
                <a:cubicBezTo>
                  <a:pt x="55" y="0"/>
                  <a:pt x="55" y="0"/>
                  <a:pt x="55" y="0"/>
                </a:cubicBezTo>
                <a:cubicBezTo>
                  <a:pt x="54" y="0"/>
                  <a:pt x="52" y="0"/>
                  <a:pt x="50" y="1"/>
                </a:cubicBezTo>
                <a:cubicBezTo>
                  <a:pt x="9" y="16"/>
                  <a:pt x="9" y="16"/>
                  <a:pt x="9" y="16"/>
                </a:cubicBezTo>
                <a:cubicBezTo>
                  <a:pt x="4" y="18"/>
                  <a:pt x="0" y="23"/>
                  <a:pt x="0" y="29"/>
                </a:cubicBezTo>
                <a:cubicBezTo>
                  <a:pt x="0" y="206"/>
                  <a:pt x="0" y="206"/>
                  <a:pt x="0" y="206"/>
                </a:cubicBezTo>
                <a:cubicBezTo>
                  <a:pt x="0" y="211"/>
                  <a:pt x="4" y="216"/>
                  <a:pt x="9" y="218"/>
                </a:cubicBezTo>
                <a:cubicBezTo>
                  <a:pt x="50" y="232"/>
                  <a:pt x="50" y="232"/>
                  <a:pt x="50" y="232"/>
                </a:cubicBezTo>
                <a:cubicBezTo>
                  <a:pt x="51" y="232"/>
                  <a:pt x="53" y="232"/>
                  <a:pt x="54" y="232"/>
                </a:cubicBezTo>
                <a:cubicBezTo>
                  <a:pt x="55" y="232"/>
                  <a:pt x="55" y="232"/>
                  <a:pt x="55" y="232"/>
                </a:cubicBezTo>
                <a:cubicBezTo>
                  <a:pt x="166" y="227"/>
                  <a:pt x="166" y="227"/>
                  <a:pt x="166" y="227"/>
                </a:cubicBezTo>
                <a:cubicBezTo>
                  <a:pt x="173" y="227"/>
                  <a:pt x="179" y="221"/>
                  <a:pt x="179" y="214"/>
                </a:cubicBezTo>
                <a:cubicBezTo>
                  <a:pt x="179" y="176"/>
                  <a:pt x="179" y="176"/>
                  <a:pt x="179" y="176"/>
                </a:cubicBezTo>
                <a:cubicBezTo>
                  <a:pt x="179" y="176"/>
                  <a:pt x="179" y="176"/>
                  <a:pt x="179" y="176"/>
                </a:cubicBezTo>
                <a:cubicBezTo>
                  <a:pt x="179" y="176"/>
                  <a:pt x="179" y="175"/>
                  <a:pt x="179" y="175"/>
                </a:cubicBezTo>
                <a:cubicBezTo>
                  <a:pt x="179" y="175"/>
                  <a:pt x="179" y="175"/>
                  <a:pt x="179" y="175"/>
                </a:cubicBezTo>
                <a:cubicBezTo>
                  <a:pt x="179" y="174"/>
                  <a:pt x="179" y="174"/>
                  <a:pt x="179" y="173"/>
                </a:cubicBezTo>
                <a:cubicBezTo>
                  <a:pt x="179" y="173"/>
                  <a:pt x="179" y="173"/>
                  <a:pt x="178" y="173"/>
                </a:cubicBezTo>
                <a:cubicBezTo>
                  <a:pt x="178" y="173"/>
                  <a:pt x="178" y="172"/>
                  <a:pt x="178" y="172"/>
                </a:cubicBezTo>
                <a:cubicBezTo>
                  <a:pt x="178" y="172"/>
                  <a:pt x="178" y="172"/>
                  <a:pt x="178" y="171"/>
                </a:cubicBezTo>
                <a:cubicBezTo>
                  <a:pt x="178" y="171"/>
                  <a:pt x="178" y="171"/>
                  <a:pt x="178" y="170"/>
                </a:cubicBezTo>
                <a:cubicBezTo>
                  <a:pt x="177" y="170"/>
                  <a:pt x="177" y="170"/>
                  <a:pt x="177" y="170"/>
                </a:cubicBezTo>
                <a:cubicBezTo>
                  <a:pt x="177" y="170"/>
                  <a:pt x="177" y="169"/>
                  <a:pt x="177" y="169"/>
                </a:cubicBezTo>
                <a:cubicBezTo>
                  <a:pt x="176" y="168"/>
                  <a:pt x="176" y="168"/>
                  <a:pt x="176" y="168"/>
                </a:cubicBezTo>
                <a:cubicBezTo>
                  <a:pt x="175" y="167"/>
                  <a:pt x="175" y="167"/>
                  <a:pt x="175" y="167"/>
                </a:cubicBezTo>
                <a:cubicBezTo>
                  <a:pt x="175" y="167"/>
                  <a:pt x="175" y="167"/>
                  <a:pt x="175" y="167"/>
                </a:cubicBezTo>
                <a:cubicBezTo>
                  <a:pt x="175" y="167"/>
                  <a:pt x="175" y="167"/>
                  <a:pt x="174" y="166"/>
                </a:cubicBezTo>
                <a:cubicBezTo>
                  <a:pt x="174" y="166"/>
                  <a:pt x="174" y="166"/>
                  <a:pt x="174" y="166"/>
                </a:cubicBezTo>
                <a:cubicBezTo>
                  <a:pt x="174" y="166"/>
                  <a:pt x="173" y="166"/>
                  <a:pt x="173" y="165"/>
                </a:cubicBezTo>
                <a:cubicBezTo>
                  <a:pt x="173" y="165"/>
                  <a:pt x="173" y="165"/>
                  <a:pt x="173" y="165"/>
                </a:cubicBezTo>
                <a:cubicBezTo>
                  <a:pt x="172" y="165"/>
                  <a:pt x="172" y="165"/>
                  <a:pt x="172" y="165"/>
                </a:cubicBezTo>
                <a:cubicBezTo>
                  <a:pt x="171" y="164"/>
                  <a:pt x="171" y="164"/>
                  <a:pt x="171" y="164"/>
                </a:cubicBezTo>
                <a:cubicBezTo>
                  <a:pt x="171" y="164"/>
                  <a:pt x="171" y="164"/>
                  <a:pt x="170" y="164"/>
                </a:cubicBezTo>
                <a:cubicBezTo>
                  <a:pt x="170" y="164"/>
                  <a:pt x="170" y="164"/>
                  <a:pt x="170" y="164"/>
                </a:cubicBezTo>
                <a:cubicBezTo>
                  <a:pt x="169" y="164"/>
                  <a:pt x="169" y="164"/>
                  <a:pt x="169" y="163"/>
                </a:cubicBezTo>
                <a:cubicBezTo>
                  <a:pt x="169" y="163"/>
                  <a:pt x="168" y="163"/>
                  <a:pt x="168" y="163"/>
                </a:cubicBezTo>
                <a:cubicBezTo>
                  <a:pt x="167" y="163"/>
                  <a:pt x="166" y="163"/>
                  <a:pt x="165" y="163"/>
                </a:cubicBezTo>
                <a:cubicBezTo>
                  <a:pt x="165" y="163"/>
                  <a:pt x="165" y="163"/>
                  <a:pt x="165" y="163"/>
                </a:cubicBezTo>
                <a:cubicBezTo>
                  <a:pt x="164" y="163"/>
                  <a:pt x="164" y="163"/>
                  <a:pt x="164" y="163"/>
                </a:cubicBezTo>
                <a:cubicBezTo>
                  <a:pt x="164" y="163"/>
                  <a:pt x="163" y="163"/>
                  <a:pt x="163" y="163"/>
                </a:cubicBezTo>
                <a:cubicBezTo>
                  <a:pt x="163" y="163"/>
                  <a:pt x="162" y="164"/>
                  <a:pt x="162" y="164"/>
                </a:cubicBezTo>
                <a:cubicBezTo>
                  <a:pt x="162" y="164"/>
                  <a:pt x="162" y="164"/>
                  <a:pt x="162" y="164"/>
                </a:cubicBezTo>
                <a:cubicBezTo>
                  <a:pt x="161" y="164"/>
                  <a:pt x="161" y="164"/>
                  <a:pt x="160" y="164"/>
                </a:cubicBezTo>
                <a:cubicBezTo>
                  <a:pt x="156" y="166"/>
                  <a:pt x="151" y="167"/>
                  <a:pt x="145" y="167"/>
                </a:cubicBezTo>
                <a:cubicBezTo>
                  <a:pt x="122" y="167"/>
                  <a:pt x="102" y="144"/>
                  <a:pt x="102" y="115"/>
                </a:cubicBezTo>
                <a:cubicBezTo>
                  <a:pt x="102" y="86"/>
                  <a:pt x="122" y="62"/>
                  <a:pt x="145" y="62"/>
                </a:cubicBezTo>
                <a:cubicBezTo>
                  <a:pt x="147" y="62"/>
                  <a:pt x="148" y="62"/>
                  <a:pt x="149" y="63"/>
                </a:cubicBezTo>
                <a:cubicBezTo>
                  <a:pt x="153" y="63"/>
                  <a:pt x="157" y="64"/>
                  <a:pt x="160" y="65"/>
                </a:cubicBezTo>
                <a:cubicBezTo>
                  <a:pt x="160" y="65"/>
                  <a:pt x="160" y="65"/>
                  <a:pt x="160" y="65"/>
                </a:cubicBezTo>
                <a:cubicBezTo>
                  <a:pt x="167" y="69"/>
                  <a:pt x="174" y="74"/>
                  <a:pt x="179" y="81"/>
                </a:cubicBezTo>
                <a:cubicBezTo>
                  <a:pt x="178" y="81"/>
                  <a:pt x="178" y="81"/>
                  <a:pt x="178" y="81"/>
                </a:cubicBezTo>
                <a:cubicBezTo>
                  <a:pt x="178" y="81"/>
                  <a:pt x="178" y="81"/>
                  <a:pt x="177" y="81"/>
                </a:cubicBezTo>
                <a:cubicBezTo>
                  <a:pt x="177" y="81"/>
                  <a:pt x="177" y="81"/>
                  <a:pt x="176" y="80"/>
                </a:cubicBezTo>
                <a:cubicBezTo>
                  <a:pt x="176" y="80"/>
                  <a:pt x="176" y="80"/>
                  <a:pt x="176" y="80"/>
                </a:cubicBezTo>
                <a:cubicBezTo>
                  <a:pt x="175" y="80"/>
                  <a:pt x="175" y="80"/>
                  <a:pt x="174" y="80"/>
                </a:cubicBezTo>
                <a:cubicBezTo>
                  <a:pt x="174" y="80"/>
                  <a:pt x="174" y="80"/>
                  <a:pt x="174" y="80"/>
                </a:cubicBezTo>
                <a:cubicBezTo>
                  <a:pt x="173" y="80"/>
                  <a:pt x="173" y="80"/>
                  <a:pt x="173" y="80"/>
                </a:cubicBezTo>
                <a:cubicBezTo>
                  <a:pt x="172" y="80"/>
                  <a:pt x="172" y="80"/>
                  <a:pt x="172" y="80"/>
                </a:cubicBezTo>
                <a:cubicBezTo>
                  <a:pt x="171" y="80"/>
                  <a:pt x="171" y="80"/>
                  <a:pt x="171" y="80"/>
                </a:cubicBezTo>
                <a:cubicBezTo>
                  <a:pt x="170" y="80"/>
                  <a:pt x="170" y="80"/>
                  <a:pt x="170" y="80"/>
                </a:cubicBezTo>
                <a:cubicBezTo>
                  <a:pt x="169" y="80"/>
                  <a:pt x="169" y="80"/>
                  <a:pt x="169" y="80"/>
                </a:cubicBezTo>
                <a:cubicBezTo>
                  <a:pt x="168" y="80"/>
                  <a:pt x="168" y="80"/>
                  <a:pt x="168" y="80"/>
                </a:cubicBezTo>
                <a:cubicBezTo>
                  <a:pt x="168" y="80"/>
                  <a:pt x="167" y="80"/>
                  <a:pt x="167" y="80"/>
                </a:cubicBezTo>
                <a:cubicBezTo>
                  <a:pt x="166" y="80"/>
                  <a:pt x="166" y="80"/>
                  <a:pt x="166" y="80"/>
                </a:cubicBezTo>
                <a:cubicBezTo>
                  <a:pt x="165" y="80"/>
                  <a:pt x="165" y="80"/>
                  <a:pt x="164" y="80"/>
                </a:cubicBezTo>
                <a:cubicBezTo>
                  <a:pt x="150" y="82"/>
                  <a:pt x="138" y="91"/>
                  <a:pt x="134" y="105"/>
                </a:cubicBezTo>
                <a:cubicBezTo>
                  <a:pt x="130" y="114"/>
                  <a:pt x="131" y="124"/>
                  <a:pt x="135" y="133"/>
                </a:cubicBezTo>
                <a:cubicBezTo>
                  <a:pt x="140" y="142"/>
                  <a:pt x="147" y="148"/>
                  <a:pt x="157" y="151"/>
                </a:cubicBezTo>
                <a:cubicBezTo>
                  <a:pt x="218" y="172"/>
                  <a:pt x="218" y="172"/>
                  <a:pt x="218" y="172"/>
                </a:cubicBezTo>
                <a:cubicBezTo>
                  <a:pt x="213" y="179"/>
                  <a:pt x="208" y="186"/>
                  <a:pt x="205" y="191"/>
                </a:cubicBezTo>
                <a:cubicBezTo>
                  <a:pt x="195" y="209"/>
                  <a:pt x="198" y="240"/>
                  <a:pt x="216" y="253"/>
                </a:cubicBezTo>
                <a:cubicBezTo>
                  <a:pt x="218" y="254"/>
                  <a:pt x="220" y="256"/>
                  <a:pt x="222" y="258"/>
                </a:cubicBezTo>
                <a:cubicBezTo>
                  <a:pt x="220" y="260"/>
                  <a:pt x="217" y="263"/>
                  <a:pt x="216" y="266"/>
                </a:cubicBezTo>
                <a:cubicBezTo>
                  <a:pt x="210" y="274"/>
                  <a:pt x="209" y="285"/>
                  <a:pt x="210" y="295"/>
                </a:cubicBezTo>
                <a:cubicBezTo>
                  <a:pt x="214" y="315"/>
                  <a:pt x="231" y="327"/>
                  <a:pt x="251" y="325"/>
                </a:cubicBezTo>
                <a:cubicBezTo>
                  <a:pt x="359" y="333"/>
                  <a:pt x="359" y="333"/>
                  <a:pt x="359" y="333"/>
                </a:cubicBezTo>
                <a:cubicBezTo>
                  <a:pt x="359" y="333"/>
                  <a:pt x="360" y="333"/>
                  <a:pt x="360" y="333"/>
                </a:cubicBezTo>
                <a:cubicBezTo>
                  <a:pt x="361" y="333"/>
                  <a:pt x="361" y="333"/>
                  <a:pt x="362" y="333"/>
                </a:cubicBezTo>
                <a:cubicBezTo>
                  <a:pt x="373" y="331"/>
                  <a:pt x="382" y="325"/>
                  <a:pt x="390" y="319"/>
                </a:cubicBezTo>
                <a:cubicBezTo>
                  <a:pt x="395" y="316"/>
                  <a:pt x="400" y="312"/>
                  <a:pt x="404" y="310"/>
                </a:cubicBezTo>
                <a:cubicBezTo>
                  <a:pt x="408" y="308"/>
                  <a:pt x="411" y="305"/>
                  <a:pt x="412" y="301"/>
                </a:cubicBezTo>
                <a:cubicBezTo>
                  <a:pt x="431" y="193"/>
                  <a:pt x="431" y="193"/>
                  <a:pt x="431" y="193"/>
                </a:cubicBezTo>
                <a:cubicBezTo>
                  <a:pt x="432" y="187"/>
                  <a:pt x="429" y="181"/>
                  <a:pt x="424" y="179"/>
                </a:cubicBezTo>
                <a:close/>
                <a:moveTo>
                  <a:pt x="228" y="204"/>
                </a:moveTo>
                <a:cubicBezTo>
                  <a:pt x="231" y="199"/>
                  <a:pt x="237" y="191"/>
                  <a:pt x="245" y="181"/>
                </a:cubicBezTo>
                <a:cubicBezTo>
                  <a:pt x="251" y="183"/>
                  <a:pt x="251" y="183"/>
                  <a:pt x="251" y="183"/>
                </a:cubicBezTo>
                <a:cubicBezTo>
                  <a:pt x="254" y="184"/>
                  <a:pt x="254" y="184"/>
                  <a:pt x="254" y="184"/>
                </a:cubicBezTo>
                <a:cubicBezTo>
                  <a:pt x="261" y="188"/>
                  <a:pt x="261" y="188"/>
                  <a:pt x="261" y="188"/>
                </a:cubicBezTo>
                <a:cubicBezTo>
                  <a:pt x="262" y="189"/>
                  <a:pt x="262" y="189"/>
                  <a:pt x="262" y="189"/>
                </a:cubicBezTo>
                <a:cubicBezTo>
                  <a:pt x="262" y="189"/>
                  <a:pt x="262" y="189"/>
                  <a:pt x="262" y="189"/>
                </a:cubicBezTo>
                <a:cubicBezTo>
                  <a:pt x="262" y="190"/>
                  <a:pt x="261" y="190"/>
                  <a:pt x="261" y="190"/>
                </a:cubicBezTo>
                <a:cubicBezTo>
                  <a:pt x="261" y="191"/>
                  <a:pt x="260" y="191"/>
                  <a:pt x="260" y="192"/>
                </a:cubicBezTo>
                <a:cubicBezTo>
                  <a:pt x="260" y="192"/>
                  <a:pt x="259" y="193"/>
                  <a:pt x="259" y="193"/>
                </a:cubicBezTo>
                <a:cubicBezTo>
                  <a:pt x="259" y="194"/>
                  <a:pt x="258" y="194"/>
                  <a:pt x="258" y="195"/>
                </a:cubicBezTo>
                <a:cubicBezTo>
                  <a:pt x="258" y="195"/>
                  <a:pt x="257" y="195"/>
                  <a:pt x="257" y="196"/>
                </a:cubicBezTo>
                <a:cubicBezTo>
                  <a:pt x="257" y="196"/>
                  <a:pt x="256" y="197"/>
                  <a:pt x="256" y="198"/>
                </a:cubicBezTo>
                <a:cubicBezTo>
                  <a:pt x="256" y="198"/>
                  <a:pt x="256" y="198"/>
                  <a:pt x="256" y="198"/>
                </a:cubicBezTo>
                <a:cubicBezTo>
                  <a:pt x="255" y="199"/>
                  <a:pt x="255" y="200"/>
                  <a:pt x="254" y="200"/>
                </a:cubicBezTo>
                <a:cubicBezTo>
                  <a:pt x="254" y="201"/>
                  <a:pt x="254" y="201"/>
                  <a:pt x="254" y="201"/>
                </a:cubicBezTo>
                <a:cubicBezTo>
                  <a:pt x="254" y="202"/>
                  <a:pt x="254" y="202"/>
                  <a:pt x="253" y="203"/>
                </a:cubicBezTo>
                <a:cubicBezTo>
                  <a:pt x="253" y="203"/>
                  <a:pt x="253" y="203"/>
                  <a:pt x="253" y="203"/>
                </a:cubicBezTo>
                <a:cubicBezTo>
                  <a:pt x="253" y="204"/>
                  <a:pt x="253" y="204"/>
                  <a:pt x="252" y="205"/>
                </a:cubicBezTo>
                <a:cubicBezTo>
                  <a:pt x="252" y="205"/>
                  <a:pt x="252" y="205"/>
                  <a:pt x="252" y="205"/>
                </a:cubicBezTo>
                <a:cubicBezTo>
                  <a:pt x="252" y="206"/>
                  <a:pt x="252" y="206"/>
                  <a:pt x="252" y="207"/>
                </a:cubicBezTo>
                <a:cubicBezTo>
                  <a:pt x="252" y="207"/>
                  <a:pt x="252" y="207"/>
                  <a:pt x="252" y="207"/>
                </a:cubicBezTo>
                <a:cubicBezTo>
                  <a:pt x="251" y="208"/>
                  <a:pt x="251" y="208"/>
                  <a:pt x="251" y="209"/>
                </a:cubicBezTo>
                <a:cubicBezTo>
                  <a:pt x="251" y="209"/>
                  <a:pt x="251" y="209"/>
                  <a:pt x="251" y="209"/>
                </a:cubicBezTo>
                <a:cubicBezTo>
                  <a:pt x="251" y="210"/>
                  <a:pt x="251" y="210"/>
                  <a:pt x="251" y="211"/>
                </a:cubicBezTo>
                <a:cubicBezTo>
                  <a:pt x="251" y="211"/>
                  <a:pt x="251" y="211"/>
                  <a:pt x="251" y="211"/>
                </a:cubicBezTo>
                <a:cubicBezTo>
                  <a:pt x="251" y="212"/>
                  <a:pt x="251" y="212"/>
                  <a:pt x="251" y="213"/>
                </a:cubicBezTo>
                <a:cubicBezTo>
                  <a:pt x="251" y="213"/>
                  <a:pt x="251" y="213"/>
                  <a:pt x="251" y="213"/>
                </a:cubicBezTo>
                <a:cubicBezTo>
                  <a:pt x="251" y="214"/>
                  <a:pt x="251" y="214"/>
                  <a:pt x="251" y="214"/>
                </a:cubicBezTo>
                <a:cubicBezTo>
                  <a:pt x="251" y="214"/>
                  <a:pt x="251" y="215"/>
                  <a:pt x="251" y="215"/>
                </a:cubicBezTo>
                <a:cubicBezTo>
                  <a:pt x="252" y="215"/>
                  <a:pt x="252" y="216"/>
                  <a:pt x="252" y="216"/>
                </a:cubicBezTo>
                <a:cubicBezTo>
                  <a:pt x="252" y="216"/>
                  <a:pt x="252" y="216"/>
                  <a:pt x="252" y="216"/>
                </a:cubicBezTo>
                <a:cubicBezTo>
                  <a:pt x="252" y="217"/>
                  <a:pt x="252" y="218"/>
                  <a:pt x="253" y="218"/>
                </a:cubicBezTo>
                <a:cubicBezTo>
                  <a:pt x="253" y="219"/>
                  <a:pt x="253" y="219"/>
                  <a:pt x="254" y="220"/>
                </a:cubicBezTo>
                <a:cubicBezTo>
                  <a:pt x="255" y="221"/>
                  <a:pt x="256" y="222"/>
                  <a:pt x="258" y="224"/>
                </a:cubicBezTo>
                <a:cubicBezTo>
                  <a:pt x="269" y="233"/>
                  <a:pt x="269" y="233"/>
                  <a:pt x="269" y="233"/>
                </a:cubicBezTo>
                <a:cubicBezTo>
                  <a:pt x="269" y="233"/>
                  <a:pt x="269" y="233"/>
                  <a:pt x="269" y="233"/>
                </a:cubicBezTo>
                <a:cubicBezTo>
                  <a:pt x="269" y="233"/>
                  <a:pt x="269" y="233"/>
                  <a:pt x="269" y="233"/>
                </a:cubicBezTo>
                <a:cubicBezTo>
                  <a:pt x="275" y="237"/>
                  <a:pt x="275" y="237"/>
                  <a:pt x="275" y="237"/>
                </a:cubicBezTo>
                <a:cubicBezTo>
                  <a:pt x="275" y="238"/>
                  <a:pt x="274" y="238"/>
                  <a:pt x="274" y="238"/>
                </a:cubicBezTo>
                <a:cubicBezTo>
                  <a:pt x="274" y="239"/>
                  <a:pt x="274" y="239"/>
                  <a:pt x="273" y="239"/>
                </a:cubicBezTo>
                <a:cubicBezTo>
                  <a:pt x="273" y="240"/>
                  <a:pt x="273" y="240"/>
                  <a:pt x="273" y="240"/>
                </a:cubicBezTo>
                <a:cubicBezTo>
                  <a:pt x="272" y="241"/>
                  <a:pt x="272" y="241"/>
                  <a:pt x="272" y="241"/>
                </a:cubicBezTo>
                <a:cubicBezTo>
                  <a:pt x="271" y="241"/>
                  <a:pt x="271" y="242"/>
                  <a:pt x="271" y="242"/>
                </a:cubicBezTo>
                <a:cubicBezTo>
                  <a:pt x="271" y="242"/>
                  <a:pt x="270" y="242"/>
                  <a:pt x="270" y="243"/>
                </a:cubicBezTo>
                <a:cubicBezTo>
                  <a:pt x="270" y="243"/>
                  <a:pt x="269" y="244"/>
                  <a:pt x="269" y="244"/>
                </a:cubicBezTo>
                <a:cubicBezTo>
                  <a:pt x="253" y="247"/>
                  <a:pt x="253" y="247"/>
                  <a:pt x="253" y="247"/>
                </a:cubicBezTo>
                <a:cubicBezTo>
                  <a:pt x="246" y="241"/>
                  <a:pt x="237" y="235"/>
                  <a:pt x="231" y="231"/>
                </a:cubicBezTo>
                <a:cubicBezTo>
                  <a:pt x="226" y="228"/>
                  <a:pt x="224" y="213"/>
                  <a:pt x="228" y="20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Freeform 596"/>
          <p:cNvSpPr>
            <a:spLocks noEditPoints="1"/>
          </p:cNvSpPr>
          <p:nvPr userDrawn="1"/>
        </p:nvSpPr>
        <p:spPr bwMode="auto">
          <a:xfrm>
            <a:off x="10513967" y="3677104"/>
            <a:ext cx="465138" cy="519112"/>
          </a:xfrm>
          <a:custGeom>
            <a:avLst/>
            <a:gdLst/>
            <a:ahLst/>
            <a:cxnLst>
              <a:cxn ang="0">
                <a:pos x="157" y="15"/>
              </a:cxn>
              <a:cxn ang="0">
                <a:pos x="154" y="35"/>
              </a:cxn>
              <a:cxn ang="0">
                <a:pos x="22" y="68"/>
              </a:cxn>
              <a:cxn ang="0">
                <a:pos x="0" y="99"/>
              </a:cxn>
              <a:cxn ang="0">
                <a:pos x="25" y="164"/>
              </a:cxn>
              <a:cxn ang="0">
                <a:pos x="72" y="402"/>
              </a:cxn>
              <a:cxn ang="0">
                <a:pos x="207" y="461"/>
              </a:cxn>
              <a:cxn ang="0">
                <a:pos x="323" y="432"/>
              </a:cxn>
              <a:cxn ang="0">
                <a:pos x="344" y="401"/>
              </a:cxn>
              <a:cxn ang="0">
                <a:pos x="370" y="153"/>
              </a:cxn>
              <a:cxn ang="0">
                <a:pos x="207" y="177"/>
              </a:cxn>
              <a:cxn ang="0">
                <a:pos x="98" y="179"/>
              </a:cxn>
              <a:cxn ang="0">
                <a:pos x="207" y="204"/>
              </a:cxn>
              <a:cxn ang="0">
                <a:pos x="317" y="397"/>
              </a:cxn>
              <a:cxn ang="0">
                <a:pos x="305" y="412"/>
              </a:cxn>
              <a:cxn ang="0">
                <a:pos x="99" y="401"/>
              </a:cxn>
              <a:cxn ang="0">
                <a:pos x="66" y="162"/>
              </a:cxn>
              <a:cxn ang="0">
                <a:pos x="41" y="143"/>
              </a:cxn>
              <a:cxn ang="0">
                <a:pos x="27" y="98"/>
              </a:cxn>
              <a:cxn ang="0">
                <a:pos x="167" y="61"/>
              </a:cxn>
              <a:cxn ang="0">
                <a:pos x="182" y="27"/>
              </a:cxn>
              <a:cxn ang="0">
                <a:pos x="232" y="27"/>
              </a:cxn>
              <a:cxn ang="0">
                <a:pos x="248" y="61"/>
              </a:cxn>
              <a:cxn ang="0">
                <a:pos x="388" y="98"/>
              </a:cxn>
              <a:cxn ang="0">
                <a:pos x="385" y="130"/>
              </a:cxn>
              <a:cxn ang="0">
                <a:pos x="412" y="132"/>
              </a:cxn>
              <a:cxn ang="0">
                <a:pos x="414" y="87"/>
              </a:cxn>
              <a:cxn ang="0">
                <a:pos x="357" y="53"/>
              </a:cxn>
              <a:cxn ang="0">
                <a:pos x="258" y="17"/>
              </a:cxn>
              <a:cxn ang="0">
                <a:pos x="241" y="0"/>
              </a:cxn>
              <a:cxn ang="0">
                <a:pos x="207" y="0"/>
              </a:cxn>
              <a:cxn ang="0">
                <a:pos x="241" y="27"/>
              </a:cxn>
            </a:cxnLst>
            <a:rect l="0" t="0" r="r" b="b"/>
            <a:pathLst>
              <a:path w="415" h="461">
                <a:moveTo>
                  <a:pt x="174" y="0"/>
                </a:moveTo>
                <a:cubicBezTo>
                  <a:pt x="165" y="0"/>
                  <a:pt x="159" y="8"/>
                  <a:pt x="157" y="15"/>
                </a:cubicBezTo>
                <a:cubicBezTo>
                  <a:pt x="157" y="15"/>
                  <a:pt x="156" y="16"/>
                  <a:pt x="156" y="17"/>
                </a:cubicBezTo>
                <a:cubicBezTo>
                  <a:pt x="156" y="17"/>
                  <a:pt x="155" y="26"/>
                  <a:pt x="154" y="35"/>
                </a:cubicBezTo>
                <a:cubicBezTo>
                  <a:pt x="112" y="37"/>
                  <a:pt x="76" y="47"/>
                  <a:pt x="58" y="53"/>
                </a:cubicBezTo>
                <a:cubicBezTo>
                  <a:pt x="44" y="58"/>
                  <a:pt x="31" y="63"/>
                  <a:pt x="22" y="68"/>
                </a:cubicBezTo>
                <a:cubicBezTo>
                  <a:pt x="9" y="74"/>
                  <a:pt x="3" y="80"/>
                  <a:pt x="1" y="87"/>
                </a:cubicBezTo>
                <a:cubicBezTo>
                  <a:pt x="0" y="89"/>
                  <a:pt x="0" y="94"/>
                  <a:pt x="0" y="99"/>
                </a:cubicBezTo>
                <a:cubicBezTo>
                  <a:pt x="0" y="108"/>
                  <a:pt x="1" y="121"/>
                  <a:pt x="3" y="132"/>
                </a:cubicBezTo>
                <a:cubicBezTo>
                  <a:pt x="3" y="136"/>
                  <a:pt x="6" y="150"/>
                  <a:pt x="25" y="164"/>
                </a:cubicBezTo>
                <a:cubicBezTo>
                  <a:pt x="30" y="168"/>
                  <a:pt x="36" y="171"/>
                  <a:pt x="40" y="173"/>
                </a:cubicBezTo>
                <a:cubicBezTo>
                  <a:pt x="45" y="209"/>
                  <a:pt x="68" y="375"/>
                  <a:pt x="72" y="402"/>
                </a:cubicBezTo>
                <a:cubicBezTo>
                  <a:pt x="72" y="402"/>
                  <a:pt x="74" y="411"/>
                  <a:pt x="78" y="417"/>
                </a:cubicBezTo>
                <a:cubicBezTo>
                  <a:pt x="91" y="434"/>
                  <a:pt x="137" y="461"/>
                  <a:pt x="207" y="461"/>
                </a:cubicBezTo>
                <a:cubicBezTo>
                  <a:pt x="281" y="461"/>
                  <a:pt x="305" y="444"/>
                  <a:pt x="320" y="434"/>
                </a:cubicBezTo>
                <a:cubicBezTo>
                  <a:pt x="323" y="432"/>
                  <a:pt x="323" y="432"/>
                  <a:pt x="323" y="432"/>
                </a:cubicBezTo>
                <a:cubicBezTo>
                  <a:pt x="340" y="421"/>
                  <a:pt x="343" y="403"/>
                  <a:pt x="344" y="401"/>
                </a:cubicBezTo>
                <a:cubicBezTo>
                  <a:pt x="344" y="401"/>
                  <a:pt x="344" y="401"/>
                  <a:pt x="344" y="401"/>
                </a:cubicBezTo>
                <a:cubicBezTo>
                  <a:pt x="376" y="166"/>
                  <a:pt x="376" y="166"/>
                  <a:pt x="376" y="166"/>
                </a:cubicBezTo>
                <a:cubicBezTo>
                  <a:pt x="376" y="161"/>
                  <a:pt x="374" y="156"/>
                  <a:pt x="370" y="153"/>
                </a:cubicBezTo>
                <a:cubicBezTo>
                  <a:pt x="366" y="151"/>
                  <a:pt x="361" y="150"/>
                  <a:pt x="357" y="152"/>
                </a:cubicBezTo>
                <a:cubicBezTo>
                  <a:pt x="326" y="167"/>
                  <a:pt x="263" y="177"/>
                  <a:pt x="207" y="177"/>
                </a:cubicBezTo>
                <a:cubicBezTo>
                  <a:pt x="166" y="177"/>
                  <a:pt x="133" y="172"/>
                  <a:pt x="113" y="169"/>
                </a:cubicBezTo>
                <a:cubicBezTo>
                  <a:pt x="106" y="167"/>
                  <a:pt x="99" y="172"/>
                  <a:pt x="98" y="179"/>
                </a:cubicBezTo>
                <a:cubicBezTo>
                  <a:pt x="96" y="186"/>
                  <a:pt x="101" y="193"/>
                  <a:pt x="108" y="195"/>
                </a:cubicBezTo>
                <a:cubicBezTo>
                  <a:pt x="129" y="199"/>
                  <a:pt x="163" y="204"/>
                  <a:pt x="207" y="204"/>
                </a:cubicBezTo>
                <a:cubicBezTo>
                  <a:pt x="249" y="204"/>
                  <a:pt x="305" y="198"/>
                  <a:pt x="346" y="185"/>
                </a:cubicBezTo>
                <a:cubicBezTo>
                  <a:pt x="341" y="222"/>
                  <a:pt x="317" y="396"/>
                  <a:pt x="317" y="397"/>
                </a:cubicBezTo>
                <a:cubicBezTo>
                  <a:pt x="317" y="397"/>
                  <a:pt x="315" y="405"/>
                  <a:pt x="309" y="410"/>
                </a:cubicBezTo>
                <a:cubicBezTo>
                  <a:pt x="305" y="412"/>
                  <a:pt x="305" y="412"/>
                  <a:pt x="305" y="412"/>
                </a:cubicBezTo>
                <a:cubicBezTo>
                  <a:pt x="293" y="420"/>
                  <a:pt x="273" y="434"/>
                  <a:pt x="207" y="434"/>
                </a:cubicBezTo>
                <a:cubicBezTo>
                  <a:pt x="145" y="434"/>
                  <a:pt x="107" y="410"/>
                  <a:pt x="99" y="401"/>
                </a:cubicBezTo>
                <a:cubicBezTo>
                  <a:pt x="99" y="400"/>
                  <a:pt x="99" y="399"/>
                  <a:pt x="98" y="398"/>
                </a:cubicBezTo>
                <a:cubicBezTo>
                  <a:pt x="94" y="369"/>
                  <a:pt x="66" y="165"/>
                  <a:pt x="66" y="162"/>
                </a:cubicBezTo>
                <a:cubicBezTo>
                  <a:pt x="65" y="158"/>
                  <a:pt x="62" y="154"/>
                  <a:pt x="58" y="152"/>
                </a:cubicBezTo>
                <a:cubicBezTo>
                  <a:pt x="58" y="152"/>
                  <a:pt x="48" y="147"/>
                  <a:pt x="41" y="143"/>
                </a:cubicBezTo>
                <a:cubicBezTo>
                  <a:pt x="31" y="135"/>
                  <a:pt x="29" y="129"/>
                  <a:pt x="29" y="129"/>
                </a:cubicBezTo>
                <a:cubicBezTo>
                  <a:pt x="28" y="118"/>
                  <a:pt x="27" y="105"/>
                  <a:pt x="27" y="98"/>
                </a:cubicBezTo>
                <a:cubicBezTo>
                  <a:pt x="27" y="97"/>
                  <a:pt x="27" y="96"/>
                  <a:pt x="27" y="96"/>
                </a:cubicBezTo>
                <a:cubicBezTo>
                  <a:pt x="38" y="87"/>
                  <a:pt x="98" y="63"/>
                  <a:pt x="167" y="61"/>
                </a:cubicBezTo>
                <a:cubicBezTo>
                  <a:pt x="174" y="60"/>
                  <a:pt x="179" y="55"/>
                  <a:pt x="180" y="49"/>
                </a:cubicBezTo>
                <a:cubicBezTo>
                  <a:pt x="180" y="49"/>
                  <a:pt x="181" y="35"/>
                  <a:pt x="182" y="27"/>
                </a:cubicBezTo>
                <a:cubicBezTo>
                  <a:pt x="191" y="27"/>
                  <a:pt x="207" y="27"/>
                  <a:pt x="207" y="27"/>
                </a:cubicBezTo>
                <a:cubicBezTo>
                  <a:pt x="207" y="27"/>
                  <a:pt x="224" y="27"/>
                  <a:pt x="232" y="27"/>
                </a:cubicBezTo>
                <a:cubicBezTo>
                  <a:pt x="233" y="35"/>
                  <a:pt x="235" y="49"/>
                  <a:pt x="235" y="49"/>
                </a:cubicBezTo>
                <a:cubicBezTo>
                  <a:pt x="236" y="55"/>
                  <a:pt x="241" y="60"/>
                  <a:pt x="248" y="61"/>
                </a:cubicBezTo>
                <a:cubicBezTo>
                  <a:pt x="316" y="62"/>
                  <a:pt x="376" y="86"/>
                  <a:pt x="388" y="96"/>
                </a:cubicBezTo>
                <a:cubicBezTo>
                  <a:pt x="388" y="96"/>
                  <a:pt x="388" y="97"/>
                  <a:pt x="388" y="98"/>
                </a:cubicBezTo>
                <a:cubicBezTo>
                  <a:pt x="388" y="105"/>
                  <a:pt x="387" y="118"/>
                  <a:pt x="386" y="129"/>
                </a:cubicBezTo>
                <a:cubicBezTo>
                  <a:pt x="386" y="129"/>
                  <a:pt x="385" y="130"/>
                  <a:pt x="385" y="130"/>
                </a:cubicBezTo>
                <a:cubicBezTo>
                  <a:pt x="385" y="137"/>
                  <a:pt x="390" y="143"/>
                  <a:pt x="397" y="144"/>
                </a:cubicBezTo>
                <a:cubicBezTo>
                  <a:pt x="404" y="144"/>
                  <a:pt x="411" y="139"/>
                  <a:pt x="412" y="132"/>
                </a:cubicBezTo>
                <a:cubicBezTo>
                  <a:pt x="413" y="121"/>
                  <a:pt x="415" y="108"/>
                  <a:pt x="415" y="99"/>
                </a:cubicBezTo>
                <a:cubicBezTo>
                  <a:pt x="415" y="94"/>
                  <a:pt x="414" y="89"/>
                  <a:pt x="414" y="87"/>
                </a:cubicBezTo>
                <a:cubicBezTo>
                  <a:pt x="412" y="80"/>
                  <a:pt x="405" y="74"/>
                  <a:pt x="393" y="68"/>
                </a:cubicBezTo>
                <a:cubicBezTo>
                  <a:pt x="383" y="63"/>
                  <a:pt x="371" y="58"/>
                  <a:pt x="357" y="53"/>
                </a:cubicBezTo>
                <a:cubicBezTo>
                  <a:pt x="339" y="47"/>
                  <a:pt x="303" y="37"/>
                  <a:pt x="260" y="34"/>
                </a:cubicBezTo>
                <a:cubicBezTo>
                  <a:pt x="259" y="26"/>
                  <a:pt x="258" y="17"/>
                  <a:pt x="258" y="17"/>
                </a:cubicBezTo>
                <a:cubicBezTo>
                  <a:pt x="258" y="16"/>
                  <a:pt x="258" y="15"/>
                  <a:pt x="258" y="15"/>
                </a:cubicBezTo>
                <a:cubicBezTo>
                  <a:pt x="256" y="8"/>
                  <a:pt x="250" y="0"/>
                  <a:pt x="241" y="0"/>
                </a:cubicBezTo>
                <a:cubicBezTo>
                  <a:pt x="237" y="0"/>
                  <a:pt x="237" y="0"/>
                  <a:pt x="237" y="0"/>
                </a:cubicBezTo>
                <a:cubicBezTo>
                  <a:pt x="207" y="0"/>
                  <a:pt x="207" y="0"/>
                  <a:pt x="207" y="0"/>
                </a:cubicBezTo>
                <a:cubicBezTo>
                  <a:pt x="207" y="0"/>
                  <a:pt x="174" y="0"/>
                  <a:pt x="174" y="0"/>
                </a:cubicBezTo>
                <a:close/>
                <a:moveTo>
                  <a:pt x="241" y="27"/>
                </a:moveTo>
                <a:cubicBezTo>
                  <a:pt x="241" y="27"/>
                  <a:pt x="241" y="27"/>
                  <a:pt x="241" y="2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7" name="Freeform 604"/>
          <p:cNvSpPr>
            <a:spLocks/>
          </p:cNvSpPr>
          <p:nvPr userDrawn="1"/>
        </p:nvSpPr>
        <p:spPr bwMode="auto">
          <a:xfrm>
            <a:off x="10533018" y="5197678"/>
            <a:ext cx="427037" cy="250825"/>
          </a:xfrm>
          <a:custGeom>
            <a:avLst/>
            <a:gdLst/>
            <a:ahLst/>
            <a:cxnLst>
              <a:cxn ang="0">
                <a:pos x="0" y="146"/>
              </a:cxn>
              <a:cxn ang="0">
                <a:pos x="3" y="156"/>
              </a:cxn>
              <a:cxn ang="0">
                <a:pos x="12" y="160"/>
              </a:cxn>
              <a:cxn ang="0">
                <a:pos x="124" y="160"/>
              </a:cxn>
              <a:cxn ang="0">
                <a:pos x="137" y="147"/>
              </a:cxn>
              <a:cxn ang="0">
                <a:pos x="124" y="135"/>
              </a:cxn>
              <a:cxn ang="0">
                <a:pos x="26" y="135"/>
              </a:cxn>
              <a:cxn ang="0">
                <a:pos x="162" y="24"/>
              </a:cxn>
              <a:cxn ang="0">
                <a:pos x="300" y="163"/>
              </a:cxn>
              <a:cxn ang="0">
                <a:pos x="308" y="174"/>
              </a:cxn>
              <a:cxn ang="0">
                <a:pos x="333" y="185"/>
              </a:cxn>
              <a:cxn ang="0">
                <a:pos x="296" y="190"/>
              </a:cxn>
              <a:cxn ang="0">
                <a:pos x="296" y="190"/>
              </a:cxn>
              <a:cxn ang="0">
                <a:pos x="225" y="180"/>
              </a:cxn>
              <a:cxn ang="0">
                <a:pos x="222" y="180"/>
              </a:cxn>
              <a:cxn ang="0">
                <a:pos x="47" y="180"/>
              </a:cxn>
              <a:cxn ang="0">
                <a:pos x="35" y="192"/>
              </a:cxn>
              <a:cxn ang="0">
                <a:pos x="35" y="208"/>
              </a:cxn>
              <a:cxn ang="0">
                <a:pos x="47" y="221"/>
              </a:cxn>
              <a:cxn ang="0">
                <a:pos x="59" y="208"/>
              </a:cxn>
              <a:cxn ang="0">
                <a:pos x="59" y="204"/>
              </a:cxn>
              <a:cxn ang="0">
                <a:pos x="220" y="204"/>
              </a:cxn>
              <a:cxn ang="0">
                <a:pos x="296" y="215"/>
              </a:cxn>
              <a:cxn ang="0">
                <a:pos x="296" y="215"/>
              </a:cxn>
              <a:cxn ang="0">
                <a:pos x="372" y="198"/>
              </a:cxn>
              <a:cxn ang="0">
                <a:pos x="379" y="187"/>
              </a:cxn>
              <a:cxn ang="0">
                <a:pos x="379" y="187"/>
              </a:cxn>
              <a:cxn ang="0">
                <a:pos x="372" y="176"/>
              </a:cxn>
              <a:cxn ang="0">
                <a:pos x="324" y="155"/>
              </a:cxn>
              <a:cxn ang="0">
                <a:pos x="162" y="0"/>
              </a:cxn>
              <a:cxn ang="0">
                <a:pos x="0" y="146"/>
              </a:cxn>
            </a:cxnLst>
            <a:rect l="0" t="0" r="r" b="b"/>
            <a:pathLst>
              <a:path w="379" h="221">
                <a:moveTo>
                  <a:pt x="0" y="146"/>
                </a:moveTo>
                <a:cubicBezTo>
                  <a:pt x="0" y="150"/>
                  <a:pt x="1" y="153"/>
                  <a:pt x="3" y="156"/>
                </a:cubicBezTo>
                <a:cubicBezTo>
                  <a:pt x="5" y="158"/>
                  <a:pt x="9" y="160"/>
                  <a:pt x="12" y="160"/>
                </a:cubicBezTo>
                <a:cubicBezTo>
                  <a:pt x="124" y="160"/>
                  <a:pt x="124" y="160"/>
                  <a:pt x="124" y="160"/>
                </a:cubicBezTo>
                <a:cubicBezTo>
                  <a:pt x="131" y="160"/>
                  <a:pt x="137" y="154"/>
                  <a:pt x="137" y="147"/>
                </a:cubicBezTo>
                <a:cubicBezTo>
                  <a:pt x="137" y="141"/>
                  <a:pt x="131" y="135"/>
                  <a:pt x="124" y="135"/>
                </a:cubicBezTo>
                <a:cubicBezTo>
                  <a:pt x="124" y="135"/>
                  <a:pt x="48" y="135"/>
                  <a:pt x="26" y="135"/>
                </a:cubicBezTo>
                <a:cubicBezTo>
                  <a:pt x="39" y="71"/>
                  <a:pt x="95" y="24"/>
                  <a:pt x="162" y="24"/>
                </a:cubicBezTo>
                <a:cubicBezTo>
                  <a:pt x="238" y="24"/>
                  <a:pt x="300" y="87"/>
                  <a:pt x="300" y="163"/>
                </a:cubicBezTo>
                <a:cubicBezTo>
                  <a:pt x="300" y="168"/>
                  <a:pt x="303" y="172"/>
                  <a:pt x="308" y="174"/>
                </a:cubicBezTo>
                <a:cubicBezTo>
                  <a:pt x="308" y="174"/>
                  <a:pt x="320" y="180"/>
                  <a:pt x="333" y="185"/>
                </a:cubicBezTo>
                <a:cubicBezTo>
                  <a:pt x="322" y="188"/>
                  <a:pt x="309" y="190"/>
                  <a:pt x="296" y="190"/>
                </a:cubicBezTo>
                <a:cubicBezTo>
                  <a:pt x="296" y="190"/>
                  <a:pt x="296" y="190"/>
                  <a:pt x="296" y="190"/>
                </a:cubicBezTo>
                <a:cubicBezTo>
                  <a:pt x="263" y="190"/>
                  <a:pt x="225" y="180"/>
                  <a:pt x="225" y="180"/>
                </a:cubicBezTo>
                <a:cubicBezTo>
                  <a:pt x="224" y="180"/>
                  <a:pt x="223" y="180"/>
                  <a:pt x="222" y="180"/>
                </a:cubicBezTo>
                <a:cubicBezTo>
                  <a:pt x="47" y="180"/>
                  <a:pt x="47" y="180"/>
                  <a:pt x="47" y="180"/>
                </a:cubicBezTo>
                <a:cubicBezTo>
                  <a:pt x="40" y="180"/>
                  <a:pt x="35" y="185"/>
                  <a:pt x="35" y="192"/>
                </a:cubicBezTo>
                <a:cubicBezTo>
                  <a:pt x="35" y="208"/>
                  <a:pt x="35" y="208"/>
                  <a:pt x="35" y="208"/>
                </a:cubicBezTo>
                <a:cubicBezTo>
                  <a:pt x="35" y="215"/>
                  <a:pt x="40" y="221"/>
                  <a:pt x="47" y="221"/>
                </a:cubicBezTo>
                <a:cubicBezTo>
                  <a:pt x="54" y="221"/>
                  <a:pt x="59" y="215"/>
                  <a:pt x="59" y="208"/>
                </a:cubicBezTo>
                <a:cubicBezTo>
                  <a:pt x="59" y="208"/>
                  <a:pt x="59" y="206"/>
                  <a:pt x="59" y="204"/>
                </a:cubicBezTo>
                <a:cubicBezTo>
                  <a:pt x="80" y="204"/>
                  <a:pt x="217" y="204"/>
                  <a:pt x="220" y="204"/>
                </a:cubicBezTo>
                <a:cubicBezTo>
                  <a:pt x="227" y="206"/>
                  <a:pt x="263" y="215"/>
                  <a:pt x="296" y="215"/>
                </a:cubicBezTo>
                <a:cubicBezTo>
                  <a:pt x="296" y="215"/>
                  <a:pt x="296" y="215"/>
                  <a:pt x="296" y="215"/>
                </a:cubicBezTo>
                <a:cubicBezTo>
                  <a:pt x="333" y="215"/>
                  <a:pt x="370" y="199"/>
                  <a:pt x="372" y="198"/>
                </a:cubicBezTo>
                <a:cubicBezTo>
                  <a:pt x="376" y="196"/>
                  <a:pt x="379" y="192"/>
                  <a:pt x="379" y="187"/>
                </a:cubicBezTo>
                <a:cubicBezTo>
                  <a:pt x="379" y="187"/>
                  <a:pt x="379" y="187"/>
                  <a:pt x="379" y="187"/>
                </a:cubicBezTo>
                <a:cubicBezTo>
                  <a:pt x="379" y="182"/>
                  <a:pt x="376" y="178"/>
                  <a:pt x="372" y="176"/>
                </a:cubicBezTo>
                <a:cubicBezTo>
                  <a:pt x="372" y="176"/>
                  <a:pt x="335" y="159"/>
                  <a:pt x="324" y="155"/>
                </a:cubicBezTo>
                <a:cubicBezTo>
                  <a:pt x="320" y="69"/>
                  <a:pt x="249" y="0"/>
                  <a:pt x="162" y="0"/>
                </a:cubicBezTo>
                <a:cubicBezTo>
                  <a:pt x="78" y="0"/>
                  <a:pt x="8" y="63"/>
                  <a:pt x="0" y="14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8" name="Freeform 620"/>
          <p:cNvSpPr>
            <a:spLocks/>
          </p:cNvSpPr>
          <p:nvPr userDrawn="1"/>
        </p:nvSpPr>
        <p:spPr bwMode="auto">
          <a:xfrm>
            <a:off x="10510793" y="3107639"/>
            <a:ext cx="471487" cy="280988"/>
          </a:xfrm>
          <a:custGeom>
            <a:avLst/>
            <a:gdLst/>
            <a:ahLst/>
            <a:cxnLst>
              <a:cxn ang="0">
                <a:pos x="221" y="248"/>
              </a:cxn>
              <a:cxn ang="0">
                <a:pos x="342" y="248"/>
              </a:cxn>
              <a:cxn ang="0">
                <a:pos x="419" y="171"/>
              </a:cxn>
              <a:cxn ang="0">
                <a:pos x="344" y="92"/>
              </a:cxn>
              <a:cxn ang="0">
                <a:pos x="324" y="95"/>
              </a:cxn>
              <a:cxn ang="0">
                <a:pos x="286" y="32"/>
              </a:cxn>
              <a:cxn ang="0">
                <a:pos x="201" y="0"/>
              </a:cxn>
              <a:cxn ang="0">
                <a:pos x="86" y="76"/>
              </a:cxn>
              <a:cxn ang="0">
                <a:pos x="30" y="95"/>
              </a:cxn>
              <a:cxn ang="0">
                <a:pos x="0" y="162"/>
              </a:cxn>
              <a:cxn ang="0">
                <a:pos x="25" y="224"/>
              </a:cxn>
              <a:cxn ang="0">
                <a:pos x="86" y="248"/>
              </a:cxn>
              <a:cxn ang="0">
                <a:pos x="126" y="248"/>
              </a:cxn>
              <a:cxn ang="0">
                <a:pos x="139" y="235"/>
              </a:cxn>
              <a:cxn ang="0">
                <a:pos x="126" y="221"/>
              </a:cxn>
              <a:cxn ang="0">
                <a:pos x="86" y="221"/>
              </a:cxn>
              <a:cxn ang="0">
                <a:pos x="44" y="205"/>
              </a:cxn>
              <a:cxn ang="0">
                <a:pos x="26" y="162"/>
              </a:cxn>
              <a:cxn ang="0">
                <a:pos x="47" y="115"/>
              </a:cxn>
              <a:cxn ang="0">
                <a:pos x="84" y="102"/>
              </a:cxn>
              <a:cxn ang="0">
                <a:pos x="93" y="103"/>
              </a:cxn>
              <a:cxn ang="0">
                <a:pos x="107" y="94"/>
              </a:cxn>
              <a:cxn ang="0">
                <a:pos x="201" y="27"/>
              </a:cxn>
              <a:cxn ang="0">
                <a:pos x="268" y="52"/>
              </a:cxn>
              <a:cxn ang="0">
                <a:pos x="300" y="114"/>
              </a:cxn>
              <a:cxn ang="0">
                <a:pos x="306" y="124"/>
              </a:cxn>
              <a:cxn ang="0">
                <a:pos x="318" y="125"/>
              </a:cxn>
              <a:cxn ang="0">
                <a:pos x="327" y="122"/>
              </a:cxn>
              <a:cxn ang="0">
                <a:pos x="344" y="119"/>
              </a:cxn>
              <a:cxn ang="0">
                <a:pos x="378" y="134"/>
              </a:cxn>
              <a:cxn ang="0">
                <a:pos x="392" y="171"/>
              </a:cxn>
              <a:cxn ang="0">
                <a:pos x="342" y="221"/>
              </a:cxn>
              <a:cxn ang="0">
                <a:pos x="196" y="222"/>
              </a:cxn>
              <a:cxn ang="0">
                <a:pos x="185" y="227"/>
              </a:cxn>
              <a:cxn ang="0">
                <a:pos x="184" y="240"/>
              </a:cxn>
              <a:cxn ang="0">
                <a:pos x="189" y="246"/>
              </a:cxn>
              <a:cxn ang="0">
                <a:pos x="193" y="247"/>
              </a:cxn>
              <a:cxn ang="0">
                <a:pos x="197" y="248"/>
              </a:cxn>
              <a:cxn ang="0">
                <a:pos x="205" y="248"/>
              </a:cxn>
              <a:cxn ang="0">
                <a:pos x="216" y="248"/>
              </a:cxn>
              <a:cxn ang="0">
                <a:pos x="221" y="248"/>
              </a:cxn>
            </a:cxnLst>
            <a:rect l="0" t="0" r="r" b="b"/>
            <a:pathLst>
              <a:path w="419" h="248">
                <a:moveTo>
                  <a:pt x="221" y="248"/>
                </a:moveTo>
                <a:cubicBezTo>
                  <a:pt x="342" y="248"/>
                  <a:pt x="342" y="248"/>
                  <a:pt x="342" y="248"/>
                </a:cubicBezTo>
                <a:cubicBezTo>
                  <a:pt x="385" y="248"/>
                  <a:pt x="419" y="213"/>
                  <a:pt x="419" y="171"/>
                </a:cubicBezTo>
                <a:cubicBezTo>
                  <a:pt x="419" y="127"/>
                  <a:pt x="385" y="92"/>
                  <a:pt x="344" y="92"/>
                </a:cubicBezTo>
                <a:cubicBezTo>
                  <a:pt x="337" y="92"/>
                  <a:pt x="330" y="93"/>
                  <a:pt x="324" y="95"/>
                </a:cubicBezTo>
                <a:cubicBezTo>
                  <a:pt x="318" y="71"/>
                  <a:pt x="305" y="49"/>
                  <a:pt x="286" y="32"/>
                </a:cubicBezTo>
                <a:cubicBezTo>
                  <a:pt x="262" y="11"/>
                  <a:pt x="232" y="0"/>
                  <a:pt x="201" y="0"/>
                </a:cubicBezTo>
                <a:cubicBezTo>
                  <a:pt x="150" y="0"/>
                  <a:pt x="105" y="30"/>
                  <a:pt x="86" y="76"/>
                </a:cubicBezTo>
                <a:cubicBezTo>
                  <a:pt x="66" y="74"/>
                  <a:pt x="46" y="81"/>
                  <a:pt x="30" y="95"/>
                </a:cubicBezTo>
                <a:cubicBezTo>
                  <a:pt x="11" y="112"/>
                  <a:pt x="0" y="137"/>
                  <a:pt x="0" y="162"/>
                </a:cubicBezTo>
                <a:cubicBezTo>
                  <a:pt x="0" y="185"/>
                  <a:pt x="9" y="207"/>
                  <a:pt x="25" y="224"/>
                </a:cubicBezTo>
                <a:cubicBezTo>
                  <a:pt x="41" y="240"/>
                  <a:pt x="63" y="248"/>
                  <a:pt x="86" y="248"/>
                </a:cubicBezTo>
                <a:cubicBezTo>
                  <a:pt x="126" y="248"/>
                  <a:pt x="126" y="248"/>
                  <a:pt x="126" y="248"/>
                </a:cubicBezTo>
                <a:cubicBezTo>
                  <a:pt x="133" y="248"/>
                  <a:pt x="139" y="242"/>
                  <a:pt x="139" y="235"/>
                </a:cubicBezTo>
                <a:cubicBezTo>
                  <a:pt x="139" y="227"/>
                  <a:pt x="133" y="221"/>
                  <a:pt x="126" y="221"/>
                </a:cubicBezTo>
                <a:cubicBezTo>
                  <a:pt x="86" y="221"/>
                  <a:pt x="86" y="221"/>
                  <a:pt x="86" y="221"/>
                </a:cubicBezTo>
                <a:cubicBezTo>
                  <a:pt x="70" y="221"/>
                  <a:pt x="55" y="216"/>
                  <a:pt x="44" y="205"/>
                </a:cubicBezTo>
                <a:cubicBezTo>
                  <a:pt x="32" y="193"/>
                  <a:pt x="26" y="178"/>
                  <a:pt x="26" y="162"/>
                </a:cubicBezTo>
                <a:cubicBezTo>
                  <a:pt x="26" y="144"/>
                  <a:pt x="34" y="127"/>
                  <a:pt x="47" y="115"/>
                </a:cubicBezTo>
                <a:cubicBezTo>
                  <a:pt x="58" y="105"/>
                  <a:pt x="71" y="101"/>
                  <a:pt x="84" y="102"/>
                </a:cubicBezTo>
                <a:cubicBezTo>
                  <a:pt x="93" y="103"/>
                  <a:pt x="93" y="103"/>
                  <a:pt x="93" y="103"/>
                </a:cubicBezTo>
                <a:cubicBezTo>
                  <a:pt x="99" y="104"/>
                  <a:pt x="105" y="100"/>
                  <a:pt x="107" y="94"/>
                </a:cubicBezTo>
                <a:cubicBezTo>
                  <a:pt x="121" y="54"/>
                  <a:pt x="158" y="27"/>
                  <a:pt x="201" y="27"/>
                </a:cubicBezTo>
                <a:cubicBezTo>
                  <a:pt x="226" y="27"/>
                  <a:pt x="250" y="36"/>
                  <a:pt x="268" y="52"/>
                </a:cubicBezTo>
                <a:cubicBezTo>
                  <a:pt x="286" y="68"/>
                  <a:pt x="298" y="90"/>
                  <a:pt x="300" y="114"/>
                </a:cubicBezTo>
                <a:cubicBezTo>
                  <a:pt x="301" y="118"/>
                  <a:pt x="303" y="122"/>
                  <a:pt x="306" y="124"/>
                </a:cubicBezTo>
                <a:cubicBezTo>
                  <a:pt x="310" y="126"/>
                  <a:pt x="314" y="126"/>
                  <a:pt x="318" y="125"/>
                </a:cubicBezTo>
                <a:cubicBezTo>
                  <a:pt x="318" y="125"/>
                  <a:pt x="327" y="122"/>
                  <a:pt x="327" y="122"/>
                </a:cubicBezTo>
                <a:cubicBezTo>
                  <a:pt x="332" y="120"/>
                  <a:pt x="338" y="119"/>
                  <a:pt x="344" y="119"/>
                </a:cubicBezTo>
                <a:cubicBezTo>
                  <a:pt x="357" y="119"/>
                  <a:pt x="369" y="124"/>
                  <a:pt x="378" y="134"/>
                </a:cubicBezTo>
                <a:cubicBezTo>
                  <a:pt x="387" y="144"/>
                  <a:pt x="392" y="157"/>
                  <a:pt x="392" y="171"/>
                </a:cubicBezTo>
                <a:cubicBezTo>
                  <a:pt x="392" y="198"/>
                  <a:pt x="370" y="221"/>
                  <a:pt x="342" y="221"/>
                </a:cubicBezTo>
                <a:cubicBezTo>
                  <a:pt x="196" y="222"/>
                  <a:pt x="196" y="222"/>
                  <a:pt x="196" y="222"/>
                </a:cubicBezTo>
                <a:cubicBezTo>
                  <a:pt x="192" y="222"/>
                  <a:pt x="188" y="224"/>
                  <a:pt x="185" y="227"/>
                </a:cubicBezTo>
                <a:cubicBezTo>
                  <a:pt x="183" y="231"/>
                  <a:pt x="182" y="237"/>
                  <a:pt x="184" y="240"/>
                </a:cubicBezTo>
                <a:cubicBezTo>
                  <a:pt x="184" y="240"/>
                  <a:pt x="186" y="244"/>
                  <a:pt x="189" y="246"/>
                </a:cubicBezTo>
                <a:cubicBezTo>
                  <a:pt x="190" y="246"/>
                  <a:pt x="192" y="247"/>
                  <a:pt x="193" y="247"/>
                </a:cubicBezTo>
                <a:cubicBezTo>
                  <a:pt x="195" y="248"/>
                  <a:pt x="197" y="248"/>
                  <a:pt x="197" y="248"/>
                </a:cubicBezTo>
                <a:cubicBezTo>
                  <a:pt x="205" y="248"/>
                  <a:pt x="205" y="248"/>
                  <a:pt x="205" y="248"/>
                </a:cubicBezTo>
                <a:cubicBezTo>
                  <a:pt x="216" y="248"/>
                  <a:pt x="216" y="248"/>
                  <a:pt x="216" y="248"/>
                </a:cubicBezTo>
                <a:lnTo>
                  <a:pt x="221" y="248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9" name="Freeform 656"/>
          <p:cNvSpPr>
            <a:spLocks/>
          </p:cNvSpPr>
          <p:nvPr userDrawn="1"/>
        </p:nvSpPr>
        <p:spPr bwMode="auto">
          <a:xfrm>
            <a:off x="10490155" y="1748536"/>
            <a:ext cx="512763" cy="511175"/>
          </a:xfrm>
          <a:custGeom>
            <a:avLst/>
            <a:gdLst/>
            <a:ahLst/>
            <a:cxnLst>
              <a:cxn ang="0">
                <a:pos x="227" y="1"/>
              </a:cxn>
              <a:cxn ang="0">
                <a:pos x="11" y="46"/>
              </a:cxn>
              <a:cxn ang="0">
                <a:pos x="1" y="54"/>
              </a:cxn>
              <a:cxn ang="0">
                <a:pos x="0" y="59"/>
              </a:cxn>
              <a:cxn ang="0">
                <a:pos x="2" y="66"/>
              </a:cxn>
              <a:cxn ang="0">
                <a:pos x="45" y="147"/>
              </a:cxn>
              <a:cxn ang="0">
                <a:pos x="45" y="330"/>
              </a:cxn>
              <a:cxn ang="0">
                <a:pos x="50" y="341"/>
              </a:cxn>
              <a:cxn ang="0">
                <a:pos x="186" y="450"/>
              </a:cxn>
              <a:cxn ang="0">
                <a:pos x="200" y="452"/>
              </a:cxn>
              <a:cxn ang="0">
                <a:pos x="208" y="440"/>
              </a:cxn>
              <a:cxn ang="0">
                <a:pos x="208" y="240"/>
              </a:cxn>
              <a:cxn ang="0">
                <a:pos x="250" y="194"/>
              </a:cxn>
              <a:cxn ang="0">
                <a:pos x="368" y="163"/>
              </a:cxn>
              <a:cxn ang="0">
                <a:pos x="378" y="150"/>
              </a:cxn>
              <a:cxn ang="0">
                <a:pos x="377" y="147"/>
              </a:cxn>
              <a:cxn ang="0">
                <a:pos x="361" y="137"/>
              </a:cxn>
              <a:cxn ang="0">
                <a:pos x="240" y="169"/>
              </a:cxn>
              <a:cxn ang="0">
                <a:pos x="234" y="173"/>
              </a:cxn>
              <a:cxn ang="0">
                <a:pos x="184" y="225"/>
              </a:cxn>
              <a:cxn ang="0">
                <a:pos x="181" y="235"/>
              </a:cxn>
              <a:cxn ang="0">
                <a:pos x="181" y="412"/>
              </a:cxn>
              <a:cxn ang="0">
                <a:pos x="72" y="324"/>
              </a:cxn>
              <a:cxn ang="0">
                <a:pos x="72" y="143"/>
              </a:cxn>
              <a:cxn ang="0">
                <a:pos x="70" y="137"/>
              </a:cxn>
              <a:cxn ang="0">
                <a:pos x="34" y="69"/>
              </a:cxn>
              <a:cxn ang="0">
                <a:pos x="224" y="29"/>
              </a:cxn>
              <a:cxn ang="0">
                <a:pos x="265" y="91"/>
              </a:cxn>
              <a:cxn ang="0">
                <a:pos x="273" y="97"/>
              </a:cxn>
              <a:cxn ang="0">
                <a:pos x="420" y="130"/>
              </a:cxn>
              <a:cxn ang="0">
                <a:pos x="364" y="218"/>
              </a:cxn>
              <a:cxn ang="0">
                <a:pos x="362" y="225"/>
              </a:cxn>
              <a:cxn ang="0">
                <a:pos x="361" y="372"/>
              </a:cxn>
              <a:cxn ang="0">
                <a:pos x="242" y="414"/>
              </a:cxn>
              <a:cxn ang="0">
                <a:pos x="233" y="426"/>
              </a:cxn>
              <a:cxn ang="0">
                <a:pos x="234" y="431"/>
              </a:cxn>
              <a:cxn ang="0">
                <a:pos x="251" y="439"/>
              </a:cxn>
              <a:cxn ang="0">
                <a:pos x="379" y="394"/>
              </a:cxn>
              <a:cxn ang="0">
                <a:pos x="388" y="381"/>
              </a:cxn>
              <a:cxn ang="0">
                <a:pos x="388" y="229"/>
              </a:cxn>
              <a:cxn ang="0">
                <a:pos x="452" y="129"/>
              </a:cxn>
              <a:cxn ang="0">
                <a:pos x="455" y="122"/>
              </a:cxn>
              <a:cxn ang="0">
                <a:pos x="454" y="117"/>
              </a:cxn>
              <a:cxn ang="0">
                <a:pos x="444" y="109"/>
              </a:cxn>
              <a:cxn ang="0">
                <a:pos x="284" y="72"/>
              </a:cxn>
              <a:cxn ang="0">
                <a:pos x="241" y="7"/>
              </a:cxn>
              <a:cxn ang="0">
                <a:pos x="227" y="1"/>
              </a:cxn>
            </a:cxnLst>
            <a:rect l="0" t="0" r="r" b="b"/>
            <a:pathLst>
              <a:path w="455" h="454">
                <a:moveTo>
                  <a:pt x="227" y="1"/>
                </a:moveTo>
                <a:cubicBezTo>
                  <a:pt x="11" y="46"/>
                  <a:pt x="11" y="46"/>
                  <a:pt x="11" y="46"/>
                </a:cubicBezTo>
                <a:cubicBezTo>
                  <a:pt x="7" y="47"/>
                  <a:pt x="3" y="50"/>
                  <a:pt x="1" y="54"/>
                </a:cubicBezTo>
                <a:cubicBezTo>
                  <a:pt x="1" y="55"/>
                  <a:pt x="0" y="57"/>
                  <a:pt x="0" y="59"/>
                </a:cubicBezTo>
                <a:cubicBezTo>
                  <a:pt x="0" y="61"/>
                  <a:pt x="1" y="64"/>
                  <a:pt x="2" y="66"/>
                </a:cubicBezTo>
                <a:cubicBezTo>
                  <a:pt x="2" y="66"/>
                  <a:pt x="42" y="141"/>
                  <a:pt x="45" y="147"/>
                </a:cubicBezTo>
                <a:cubicBezTo>
                  <a:pt x="45" y="153"/>
                  <a:pt x="45" y="330"/>
                  <a:pt x="45" y="330"/>
                </a:cubicBezTo>
                <a:cubicBezTo>
                  <a:pt x="45" y="334"/>
                  <a:pt x="47" y="338"/>
                  <a:pt x="50" y="341"/>
                </a:cubicBezTo>
                <a:cubicBezTo>
                  <a:pt x="186" y="450"/>
                  <a:pt x="186" y="450"/>
                  <a:pt x="186" y="450"/>
                </a:cubicBezTo>
                <a:cubicBezTo>
                  <a:pt x="190" y="454"/>
                  <a:pt x="195" y="454"/>
                  <a:pt x="200" y="452"/>
                </a:cubicBezTo>
                <a:cubicBezTo>
                  <a:pt x="205" y="450"/>
                  <a:pt x="208" y="445"/>
                  <a:pt x="208" y="440"/>
                </a:cubicBezTo>
                <a:cubicBezTo>
                  <a:pt x="208" y="440"/>
                  <a:pt x="208" y="250"/>
                  <a:pt x="208" y="240"/>
                </a:cubicBezTo>
                <a:cubicBezTo>
                  <a:pt x="213" y="234"/>
                  <a:pt x="246" y="199"/>
                  <a:pt x="250" y="194"/>
                </a:cubicBezTo>
                <a:cubicBezTo>
                  <a:pt x="257" y="192"/>
                  <a:pt x="368" y="163"/>
                  <a:pt x="368" y="163"/>
                </a:cubicBezTo>
                <a:cubicBezTo>
                  <a:pt x="374" y="161"/>
                  <a:pt x="378" y="156"/>
                  <a:pt x="378" y="150"/>
                </a:cubicBezTo>
                <a:cubicBezTo>
                  <a:pt x="378" y="149"/>
                  <a:pt x="378" y="148"/>
                  <a:pt x="377" y="147"/>
                </a:cubicBezTo>
                <a:cubicBezTo>
                  <a:pt x="375" y="139"/>
                  <a:pt x="368" y="135"/>
                  <a:pt x="361" y="137"/>
                </a:cubicBezTo>
                <a:cubicBezTo>
                  <a:pt x="240" y="169"/>
                  <a:pt x="240" y="169"/>
                  <a:pt x="240" y="169"/>
                </a:cubicBezTo>
                <a:cubicBezTo>
                  <a:pt x="238" y="170"/>
                  <a:pt x="235" y="171"/>
                  <a:pt x="234" y="173"/>
                </a:cubicBezTo>
                <a:cubicBezTo>
                  <a:pt x="184" y="225"/>
                  <a:pt x="184" y="225"/>
                  <a:pt x="184" y="225"/>
                </a:cubicBezTo>
                <a:cubicBezTo>
                  <a:pt x="182" y="228"/>
                  <a:pt x="181" y="231"/>
                  <a:pt x="181" y="235"/>
                </a:cubicBezTo>
                <a:cubicBezTo>
                  <a:pt x="181" y="235"/>
                  <a:pt x="181" y="370"/>
                  <a:pt x="181" y="412"/>
                </a:cubicBezTo>
                <a:cubicBezTo>
                  <a:pt x="151" y="388"/>
                  <a:pt x="79" y="330"/>
                  <a:pt x="72" y="324"/>
                </a:cubicBezTo>
                <a:cubicBezTo>
                  <a:pt x="72" y="312"/>
                  <a:pt x="72" y="143"/>
                  <a:pt x="72" y="143"/>
                </a:cubicBezTo>
                <a:cubicBezTo>
                  <a:pt x="72" y="141"/>
                  <a:pt x="71" y="139"/>
                  <a:pt x="70" y="137"/>
                </a:cubicBezTo>
                <a:cubicBezTo>
                  <a:pt x="70" y="137"/>
                  <a:pt x="45" y="90"/>
                  <a:pt x="34" y="69"/>
                </a:cubicBezTo>
                <a:cubicBezTo>
                  <a:pt x="62" y="63"/>
                  <a:pt x="209" y="32"/>
                  <a:pt x="224" y="29"/>
                </a:cubicBezTo>
                <a:cubicBezTo>
                  <a:pt x="232" y="41"/>
                  <a:pt x="265" y="91"/>
                  <a:pt x="265" y="91"/>
                </a:cubicBezTo>
                <a:cubicBezTo>
                  <a:pt x="267" y="94"/>
                  <a:pt x="270" y="96"/>
                  <a:pt x="273" y="97"/>
                </a:cubicBezTo>
                <a:cubicBezTo>
                  <a:pt x="273" y="97"/>
                  <a:pt x="391" y="124"/>
                  <a:pt x="420" y="130"/>
                </a:cubicBezTo>
                <a:cubicBezTo>
                  <a:pt x="405" y="153"/>
                  <a:pt x="364" y="218"/>
                  <a:pt x="364" y="218"/>
                </a:cubicBezTo>
                <a:cubicBezTo>
                  <a:pt x="362" y="220"/>
                  <a:pt x="362" y="223"/>
                  <a:pt x="362" y="225"/>
                </a:cubicBezTo>
                <a:cubicBezTo>
                  <a:pt x="362" y="225"/>
                  <a:pt x="361" y="355"/>
                  <a:pt x="361" y="372"/>
                </a:cubicBezTo>
                <a:cubicBezTo>
                  <a:pt x="346" y="377"/>
                  <a:pt x="242" y="414"/>
                  <a:pt x="242" y="414"/>
                </a:cubicBezTo>
                <a:cubicBezTo>
                  <a:pt x="236" y="416"/>
                  <a:pt x="233" y="421"/>
                  <a:pt x="233" y="426"/>
                </a:cubicBezTo>
                <a:cubicBezTo>
                  <a:pt x="233" y="428"/>
                  <a:pt x="233" y="429"/>
                  <a:pt x="234" y="431"/>
                </a:cubicBezTo>
                <a:cubicBezTo>
                  <a:pt x="236" y="438"/>
                  <a:pt x="244" y="441"/>
                  <a:pt x="251" y="439"/>
                </a:cubicBezTo>
                <a:cubicBezTo>
                  <a:pt x="379" y="394"/>
                  <a:pt x="379" y="394"/>
                  <a:pt x="379" y="394"/>
                </a:cubicBezTo>
                <a:cubicBezTo>
                  <a:pt x="384" y="392"/>
                  <a:pt x="388" y="387"/>
                  <a:pt x="388" y="381"/>
                </a:cubicBezTo>
                <a:cubicBezTo>
                  <a:pt x="388" y="381"/>
                  <a:pt x="388" y="236"/>
                  <a:pt x="388" y="229"/>
                </a:cubicBezTo>
                <a:cubicBezTo>
                  <a:pt x="392" y="223"/>
                  <a:pt x="452" y="129"/>
                  <a:pt x="452" y="129"/>
                </a:cubicBezTo>
                <a:cubicBezTo>
                  <a:pt x="454" y="127"/>
                  <a:pt x="455" y="124"/>
                  <a:pt x="455" y="122"/>
                </a:cubicBezTo>
                <a:cubicBezTo>
                  <a:pt x="455" y="120"/>
                  <a:pt x="454" y="118"/>
                  <a:pt x="454" y="117"/>
                </a:cubicBezTo>
                <a:cubicBezTo>
                  <a:pt x="452" y="113"/>
                  <a:pt x="448" y="110"/>
                  <a:pt x="444" y="109"/>
                </a:cubicBezTo>
                <a:cubicBezTo>
                  <a:pt x="444" y="109"/>
                  <a:pt x="294" y="74"/>
                  <a:pt x="284" y="72"/>
                </a:cubicBezTo>
                <a:cubicBezTo>
                  <a:pt x="279" y="64"/>
                  <a:pt x="241" y="7"/>
                  <a:pt x="241" y="7"/>
                </a:cubicBezTo>
                <a:cubicBezTo>
                  <a:pt x="238" y="3"/>
                  <a:pt x="233" y="0"/>
                  <a:pt x="227" y="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0" name="Freeform 660"/>
          <p:cNvSpPr>
            <a:spLocks/>
          </p:cNvSpPr>
          <p:nvPr userDrawn="1"/>
        </p:nvSpPr>
        <p:spPr bwMode="auto">
          <a:xfrm>
            <a:off x="10610011" y="1191025"/>
            <a:ext cx="273050" cy="461963"/>
          </a:xfrm>
          <a:custGeom>
            <a:avLst/>
            <a:gdLst/>
            <a:ahLst/>
            <a:cxnLst>
              <a:cxn ang="0">
                <a:pos x="172" y="259"/>
              </a:cxn>
              <a:cxn ang="0">
                <a:pos x="172" y="291"/>
              </a:cxn>
              <a:cxn ang="0">
                <a:pos x="0" y="291"/>
              </a:cxn>
              <a:cxn ang="0">
                <a:pos x="0" y="259"/>
              </a:cxn>
              <a:cxn ang="0">
                <a:pos x="19" y="232"/>
              </a:cxn>
              <a:cxn ang="0">
                <a:pos x="153" y="232"/>
              </a:cxn>
              <a:cxn ang="0">
                <a:pos x="142" y="199"/>
              </a:cxn>
              <a:cxn ang="0">
                <a:pos x="31" y="199"/>
              </a:cxn>
              <a:cxn ang="0">
                <a:pos x="34" y="167"/>
              </a:cxn>
              <a:cxn ang="0">
                <a:pos x="139" y="167"/>
              </a:cxn>
              <a:cxn ang="0">
                <a:pos x="139" y="75"/>
              </a:cxn>
              <a:cxn ang="0">
                <a:pos x="166" y="75"/>
              </a:cxn>
              <a:cxn ang="0">
                <a:pos x="166" y="0"/>
              </a:cxn>
              <a:cxn ang="0">
                <a:pos x="132" y="0"/>
              </a:cxn>
              <a:cxn ang="0">
                <a:pos x="132" y="23"/>
              </a:cxn>
              <a:cxn ang="0">
                <a:pos x="105" y="23"/>
              </a:cxn>
              <a:cxn ang="0">
                <a:pos x="105" y="0"/>
              </a:cxn>
              <a:cxn ang="0">
                <a:pos x="68" y="0"/>
              </a:cxn>
              <a:cxn ang="0">
                <a:pos x="68" y="23"/>
              </a:cxn>
              <a:cxn ang="0">
                <a:pos x="41" y="23"/>
              </a:cxn>
              <a:cxn ang="0">
                <a:pos x="41" y="0"/>
              </a:cxn>
              <a:cxn ang="0">
                <a:pos x="7" y="0"/>
              </a:cxn>
              <a:cxn ang="0">
                <a:pos x="7" y="72"/>
              </a:cxn>
              <a:cxn ang="0">
                <a:pos x="32" y="72"/>
              </a:cxn>
              <a:cxn ang="0">
                <a:pos x="32" y="117"/>
              </a:cxn>
            </a:cxnLst>
            <a:rect l="0" t="0" r="r" b="b"/>
            <a:pathLst>
              <a:path w="172" h="291">
                <a:moveTo>
                  <a:pt x="172" y="259"/>
                </a:moveTo>
                <a:lnTo>
                  <a:pt x="172" y="291"/>
                </a:lnTo>
                <a:lnTo>
                  <a:pt x="0" y="291"/>
                </a:lnTo>
                <a:lnTo>
                  <a:pt x="0" y="259"/>
                </a:lnTo>
                <a:lnTo>
                  <a:pt x="19" y="232"/>
                </a:lnTo>
                <a:lnTo>
                  <a:pt x="153" y="232"/>
                </a:lnTo>
                <a:lnTo>
                  <a:pt x="142" y="199"/>
                </a:lnTo>
                <a:lnTo>
                  <a:pt x="31" y="199"/>
                </a:lnTo>
                <a:lnTo>
                  <a:pt x="34" y="167"/>
                </a:lnTo>
                <a:lnTo>
                  <a:pt x="139" y="167"/>
                </a:lnTo>
                <a:lnTo>
                  <a:pt x="139" y="75"/>
                </a:lnTo>
                <a:lnTo>
                  <a:pt x="166" y="75"/>
                </a:lnTo>
                <a:lnTo>
                  <a:pt x="166" y="0"/>
                </a:lnTo>
                <a:lnTo>
                  <a:pt x="132" y="0"/>
                </a:lnTo>
                <a:lnTo>
                  <a:pt x="132" y="23"/>
                </a:lnTo>
                <a:lnTo>
                  <a:pt x="105" y="23"/>
                </a:lnTo>
                <a:lnTo>
                  <a:pt x="105" y="0"/>
                </a:lnTo>
                <a:lnTo>
                  <a:pt x="68" y="0"/>
                </a:lnTo>
                <a:lnTo>
                  <a:pt x="68" y="23"/>
                </a:lnTo>
                <a:lnTo>
                  <a:pt x="41" y="23"/>
                </a:lnTo>
                <a:lnTo>
                  <a:pt x="41" y="0"/>
                </a:lnTo>
                <a:lnTo>
                  <a:pt x="7" y="0"/>
                </a:lnTo>
                <a:lnTo>
                  <a:pt x="7" y="72"/>
                </a:lnTo>
                <a:lnTo>
                  <a:pt x="32" y="72"/>
                </a:lnTo>
                <a:lnTo>
                  <a:pt x="32" y="117"/>
                </a:ln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1" name="Freeform 143"/>
          <p:cNvSpPr>
            <a:spLocks noEditPoints="1"/>
          </p:cNvSpPr>
          <p:nvPr userDrawn="1"/>
        </p:nvSpPr>
        <p:spPr bwMode="auto">
          <a:xfrm>
            <a:off x="11197613" y="5171492"/>
            <a:ext cx="294750" cy="303198"/>
          </a:xfrm>
          <a:custGeom>
            <a:avLst/>
            <a:gdLst/>
            <a:ahLst/>
            <a:cxnLst>
              <a:cxn ang="0">
                <a:pos x="88" y="9"/>
              </a:cxn>
              <a:cxn ang="0">
                <a:pos x="31" y="21"/>
              </a:cxn>
              <a:cxn ang="0">
                <a:pos x="0" y="48"/>
              </a:cxn>
              <a:cxn ang="0">
                <a:pos x="0" y="49"/>
              </a:cxn>
              <a:cxn ang="0">
                <a:pos x="74" y="85"/>
              </a:cxn>
              <a:cxn ang="0">
                <a:pos x="214" y="103"/>
              </a:cxn>
              <a:cxn ang="0">
                <a:pos x="339" y="117"/>
              </a:cxn>
              <a:cxn ang="0">
                <a:pos x="393" y="129"/>
              </a:cxn>
              <a:cxn ang="0">
                <a:pos x="335" y="143"/>
              </a:cxn>
              <a:cxn ang="0">
                <a:pos x="203" y="165"/>
              </a:cxn>
              <a:cxn ang="0">
                <a:pos x="71" y="186"/>
              </a:cxn>
              <a:cxn ang="0">
                <a:pos x="27" y="197"/>
              </a:cxn>
              <a:cxn ang="0">
                <a:pos x="2" y="221"/>
              </a:cxn>
              <a:cxn ang="0">
                <a:pos x="2" y="221"/>
              </a:cxn>
              <a:cxn ang="0">
                <a:pos x="219" y="284"/>
              </a:cxn>
              <a:cxn ang="0">
                <a:pos x="341" y="304"/>
              </a:cxn>
              <a:cxn ang="0">
                <a:pos x="390" y="316"/>
              </a:cxn>
              <a:cxn ang="0">
                <a:pos x="334" y="330"/>
              </a:cxn>
              <a:cxn ang="0">
                <a:pos x="201" y="353"/>
              </a:cxn>
              <a:cxn ang="0">
                <a:pos x="71" y="375"/>
              </a:cxn>
              <a:cxn ang="0">
                <a:pos x="27" y="386"/>
              </a:cxn>
              <a:cxn ang="0">
                <a:pos x="2" y="409"/>
              </a:cxn>
              <a:cxn ang="0">
                <a:pos x="29" y="436"/>
              </a:cxn>
              <a:cxn ang="0">
                <a:pos x="80" y="447"/>
              </a:cxn>
              <a:cxn ang="0">
                <a:pos x="227" y="455"/>
              </a:cxn>
              <a:cxn ang="0">
                <a:pos x="368" y="447"/>
              </a:cxn>
              <a:cxn ang="0">
                <a:pos x="443" y="409"/>
              </a:cxn>
              <a:cxn ang="0">
                <a:pos x="435" y="394"/>
              </a:cxn>
              <a:cxn ang="0">
                <a:pos x="326" y="369"/>
              </a:cxn>
              <a:cxn ang="0">
                <a:pos x="289" y="365"/>
              </a:cxn>
              <a:cxn ang="0">
                <a:pos x="350" y="354"/>
              </a:cxn>
              <a:cxn ang="0">
                <a:pos x="427" y="316"/>
              </a:cxn>
              <a:cxn ang="0">
                <a:pos x="356" y="280"/>
              </a:cxn>
              <a:cxn ang="0">
                <a:pos x="223" y="257"/>
              </a:cxn>
              <a:cxn ang="0">
                <a:pos x="93" y="235"/>
              </a:cxn>
              <a:cxn ang="0">
                <a:pos x="38" y="222"/>
              </a:cxn>
              <a:cxn ang="0">
                <a:pos x="87" y="210"/>
              </a:cxn>
              <a:cxn ang="0">
                <a:pos x="207" y="191"/>
              </a:cxn>
              <a:cxn ang="0">
                <a:pos x="350" y="167"/>
              </a:cxn>
              <a:cxn ang="0">
                <a:pos x="400" y="154"/>
              </a:cxn>
              <a:cxn ang="0">
                <a:pos x="427" y="128"/>
              </a:cxn>
              <a:cxn ang="0">
                <a:pos x="354" y="93"/>
              </a:cxn>
              <a:cxn ang="0">
                <a:pos x="217" y="76"/>
              </a:cxn>
              <a:cxn ang="0">
                <a:pos x="89" y="61"/>
              </a:cxn>
              <a:cxn ang="0">
                <a:pos x="33" y="49"/>
              </a:cxn>
              <a:cxn ang="0">
                <a:pos x="101" y="35"/>
              </a:cxn>
              <a:cxn ang="0">
                <a:pos x="221" y="28"/>
              </a:cxn>
              <a:cxn ang="0">
                <a:pos x="235" y="15"/>
              </a:cxn>
              <a:cxn ang="0">
                <a:pos x="222" y="2"/>
              </a:cxn>
              <a:cxn ang="0">
                <a:pos x="88" y="9"/>
              </a:cxn>
              <a:cxn ang="0">
                <a:pos x="86" y="399"/>
              </a:cxn>
              <a:cxn ang="0">
                <a:pos x="205" y="379"/>
              </a:cxn>
              <a:cxn ang="0">
                <a:pos x="210" y="378"/>
              </a:cxn>
              <a:cxn ang="0">
                <a:pos x="211" y="380"/>
              </a:cxn>
              <a:cxn ang="0">
                <a:pos x="226" y="390"/>
              </a:cxn>
              <a:cxn ang="0">
                <a:pos x="324" y="395"/>
              </a:cxn>
              <a:cxn ang="0">
                <a:pos x="409" y="410"/>
              </a:cxn>
              <a:cxn ang="0">
                <a:pos x="363" y="421"/>
              </a:cxn>
              <a:cxn ang="0">
                <a:pos x="250" y="428"/>
              </a:cxn>
              <a:cxn ang="0">
                <a:pos x="103" y="423"/>
              </a:cxn>
              <a:cxn ang="0">
                <a:pos x="38" y="411"/>
              </a:cxn>
              <a:cxn ang="0">
                <a:pos x="86" y="399"/>
              </a:cxn>
            </a:cxnLst>
            <a:rect l="0" t="0" r="r" b="b"/>
            <a:pathLst>
              <a:path w="443" h="455">
                <a:moveTo>
                  <a:pt x="88" y="9"/>
                </a:moveTo>
                <a:cubicBezTo>
                  <a:pt x="64" y="13"/>
                  <a:pt x="45" y="17"/>
                  <a:pt x="31" y="21"/>
                </a:cubicBezTo>
                <a:cubicBezTo>
                  <a:pt x="18" y="25"/>
                  <a:pt x="1" y="33"/>
                  <a:pt x="0" y="48"/>
                </a:cubicBezTo>
                <a:cubicBezTo>
                  <a:pt x="0" y="49"/>
                  <a:pt x="0" y="49"/>
                  <a:pt x="0" y="49"/>
                </a:cubicBezTo>
                <a:cubicBezTo>
                  <a:pt x="0" y="69"/>
                  <a:pt x="27" y="78"/>
                  <a:pt x="74" y="85"/>
                </a:cubicBezTo>
                <a:cubicBezTo>
                  <a:pt x="112" y="92"/>
                  <a:pt x="164" y="97"/>
                  <a:pt x="214" y="103"/>
                </a:cubicBezTo>
                <a:cubicBezTo>
                  <a:pt x="258" y="107"/>
                  <a:pt x="304" y="112"/>
                  <a:pt x="339" y="117"/>
                </a:cubicBezTo>
                <a:cubicBezTo>
                  <a:pt x="368" y="122"/>
                  <a:pt x="384" y="126"/>
                  <a:pt x="393" y="129"/>
                </a:cubicBezTo>
                <a:cubicBezTo>
                  <a:pt x="384" y="132"/>
                  <a:pt x="367" y="137"/>
                  <a:pt x="335" y="143"/>
                </a:cubicBezTo>
                <a:cubicBezTo>
                  <a:pt x="297" y="151"/>
                  <a:pt x="249" y="158"/>
                  <a:pt x="203" y="165"/>
                </a:cubicBezTo>
                <a:cubicBezTo>
                  <a:pt x="153" y="172"/>
                  <a:pt x="107" y="179"/>
                  <a:pt x="71" y="186"/>
                </a:cubicBezTo>
                <a:cubicBezTo>
                  <a:pt x="52" y="190"/>
                  <a:pt x="37" y="194"/>
                  <a:pt x="27" y="197"/>
                </a:cubicBezTo>
                <a:cubicBezTo>
                  <a:pt x="19" y="200"/>
                  <a:pt x="2" y="206"/>
                  <a:pt x="2" y="221"/>
                </a:cubicBezTo>
                <a:cubicBezTo>
                  <a:pt x="2" y="221"/>
                  <a:pt x="2" y="221"/>
                  <a:pt x="2" y="221"/>
                </a:cubicBezTo>
                <a:cubicBezTo>
                  <a:pt x="2" y="247"/>
                  <a:pt x="46" y="257"/>
                  <a:pt x="219" y="284"/>
                </a:cubicBezTo>
                <a:cubicBezTo>
                  <a:pt x="262" y="290"/>
                  <a:pt x="306" y="297"/>
                  <a:pt x="341" y="304"/>
                </a:cubicBezTo>
                <a:cubicBezTo>
                  <a:pt x="366" y="309"/>
                  <a:pt x="381" y="313"/>
                  <a:pt x="390" y="316"/>
                </a:cubicBezTo>
                <a:cubicBezTo>
                  <a:pt x="381" y="320"/>
                  <a:pt x="364" y="324"/>
                  <a:pt x="334" y="330"/>
                </a:cubicBezTo>
                <a:cubicBezTo>
                  <a:pt x="296" y="338"/>
                  <a:pt x="248" y="345"/>
                  <a:pt x="201" y="353"/>
                </a:cubicBezTo>
                <a:cubicBezTo>
                  <a:pt x="152" y="361"/>
                  <a:pt x="106" y="368"/>
                  <a:pt x="71" y="375"/>
                </a:cubicBezTo>
                <a:cubicBezTo>
                  <a:pt x="51" y="379"/>
                  <a:pt x="37" y="383"/>
                  <a:pt x="27" y="386"/>
                </a:cubicBezTo>
                <a:cubicBezTo>
                  <a:pt x="19" y="389"/>
                  <a:pt x="2" y="395"/>
                  <a:pt x="2" y="409"/>
                </a:cubicBezTo>
                <a:cubicBezTo>
                  <a:pt x="2" y="426"/>
                  <a:pt x="22" y="433"/>
                  <a:pt x="29" y="436"/>
                </a:cubicBezTo>
                <a:cubicBezTo>
                  <a:pt x="41" y="440"/>
                  <a:pt x="58" y="444"/>
                  <a:pt x="80" y="447"/>
                </a:cubicBezTo>
                <a:cubicBezTo>
                  <a:pt x="119" y="452"/>
                  <a:pt x="171" y="455"/>
                  <a:pt x="227" y="455"/>
                </a:cubicBezTo>
                <a:cubicBezTo>
                  <a:pt x="281" y="455"/>
                  <a:pt x="331" y="452"/>
                  <a:pt x="368" y="447"/>
                </a:cubicBezTo>
                <a:cubicBezTo>
                  <a:pt x="421" y="439"/>
                  <a:pt x="443" y="428"/>
                  <a:pt x="443" y="409"/>
                </a:cubicBezTo>
                <a:cubicBezTo>
                  <a:pt x="443" y="405"/>
                  <a:pt x="442" y="399"/>
                  <a:pt x="435" y="394"/>
                </a:cubicBezTo>
                <a:cubicBezTo>
                  <a:pt x="423" y="384"/>
                  <a:pt x="386" y="375"/>
                  <a:pt x="326" y="369"/>
                </a:cubicBezTo>
                <a:cubicBezTo>
                  <a:pt x="314" y="368"/>
                  <a:pt x="302" y="366"/>
                  <a:pt x="289" y="365"/>
                </a:cubicBezTo>
                <a:cubicBezTo>
                  <a:pt x="311" y="362"/>
                  <a:pt x="332" y="358"/>
                  <a:pt x="350" y="354"/>
                </a:cubicBezTo>
                <a:cubicBezTo>
                  <a:pt x="408" y="342"/>
                  <a:pt x="427" y="333"/>
                  <a:pt x="427" y="316"/>
                </a:cubicBezTo>
                <a:cubicBezTo>
                  <a:pt x="427" y="300"/>
                  <a:pt x="410" y="291"/>
                  <a:pt x="356" y="280"/>
                </a:cubicBezTo>
                <a:cubicBezTo>
                  <a:pt x="320" y="272"/>
                  <a:pt x="271" y="265"/>
                  <a:pt x="223" y="257"/>
                </a:cubicBezTo>
                <a:cubicBezTo>
                  <a:pt x="177" y="250"/>
                  <a:pt x="130" y="243"/>
                  <a:pt x="93" y="235"/>
                </a:cubicBezTo>
                <a:cubicBezTo>
                  <a:pt x="63" y="230"/>
                  <a:pt x="47" y="225"/>
                  <a:pt x="38" y="222"/>
                </a:cubicBezTo>
                <a:cubicBezTo>
                  <a:pt x="47" y="219"/>
                  <a:pt x="61" y="215"/>
                  <a:pt x="87" y="210"/>
                </a:cubicBezTo>
                <a:cubicBezTo>
                  <a:pt x="120" y="204"/>
                  <a:pt x="162" y="197"/>
                  <a:pt x="207" y="191"/>
                </a:cubicBezTo>
                <a:cubicBezTo>
                  <a:pt x="258" y="183"/>
                  <a:pt x="311" y="176"/>
                  <a:pt x="350" y="167"/>
                </a:cubicBezTo>
                <a:cubicBezTo>
                  <a:pt x="372" y="163"/>
                  <a:pt x="389" y="159"/>
                  <a:pt x="400" y="154"/>
                </a:cubicBezTo>
                <a:cubicBezTo>
                  <a:pt x="408" y="151"/>
                  <a:pt x="427" y="144"/>
                  <a:pt x="427" y="128"/>
                </a:cubicBezTo>
                <a:cubicBezTo>
                  <a:pt x="427" y="109"/>
                  <a:pt x="400" y="100"/>
                  <a:pt x="354" y="93"/>
                </a:cubicBezTo>
                <a:cubicBezTo>
                  <a:pt x="317" y="87"/>
                  <a:pt x="266" y="81"/>
                  <a:pt x="217" y="76"/>
                </a:cubicBezTo>
                <a:cubicBezTo>
                  <a:pt x="172" y="71"/>
                  <a:pt x="126" y="66"/>
                  <a:pt x="89" y="61"/>
                </a:cubicBezTo>
                <a:cubicBezTo>
                  <a:pt x="58" y="56"/>
                  <a:pt x="41" y="52"/>
                  <a:pt x="33" y="49"/>
                </a:cubicBezTo>
                <a:cubicBezTo>
                  <a:pt x="43" y="45"/>
                  <a:pt x="64" y="39"/>
                  <a:pt x="101" y="35"/>
                </a:cubicBezTo>
                <a:cubicBezTo>
                  <a:pt x="140" y="30"/>
                  <a:pt x="186" y="27"/>
                  <a:pt x="221" y="28"/>
                </a:cubicBezTo>
                <a:cubicBezTo>
                  <a:pt x="228" y="29"/>
                  <a:pt x="234" y="23"/>
                  <a:pt x="235" y="15"/>
                </a:cubicBezTo>
                <a:cubicBezTo>
                  <a:pt x="235" y="8"/>
                  <a:pt x="229" y="2"/>
                  <a:pt x="222" y="2"/>
                </a:cubicBezTo>
                <a:cubicBezTo>
                  <a:pt x="183" y="0"/>
                  <a:pt x="130" y="3"/>
                  <a:pt x="88" y="9"/>
                </a:cubicBezTo>
                <a:close/>
                <a:moveTo>
                  <a:pt x="86" y="399"/>
                </a:moveTo>
                <a:cubicBezTo>
                  <a:pt x="120" y="393"/>
                  <a:pt x="161" y="386"/>
                  <a:pt x="205" y="379"/>
                </a:cubicBezTo>
                <a:cubicBezTo>
                  <a:pt x="207" y="379"/>
                  <a:pt x="209" y="379"/>
                  <a:pt x="210" y="378"/>
                </a:cubicBezTo>
                <a:cubicBezTo>
                  <a:pt x="210" y="379"/>
                  <a:pt x="210" y="379"/>
                  <a:pt x="211" y="380"/>
                </a:cubicBezTo>
                <a:cubicBezTo>
                  <a:pt x="212" y="387"/>
                  <a:pt x="219" y="392"/>
                  <a:pt x="226" y="390"/>
                </a:cubicBezTo>
                <a:cubicBezTo>
                  <a:pt x="234" y="389"/>
                  <a:pt x="274" y="390"/>
                  <a:pt x="324" y="395"/>
                </a:cubicBezTo>
                <a:cubicBezTo>
                  <a:pt x="370" y="400"/>
                  <a:pt x="396" y="406"/>
                  <a:pt x="409" y="410"/>
                </a:cubicBezTo>
                <a:cubicBezTo>
                  <a:pt x="402" y="413"/>
                  <a:pt x="388" y="417"/>
                  <a:pt x="363" y="421"/>
                </a:cubicBezTo>
                <a:cubicBezTo>
                  <a:pt x="333" y="425"/>
                  <a:pt x="294" y="428"/>
                  <a:pt x="250" y="428"/>
                </a:cubicBezTo>
                <a:cubicBezTo>
                  <a:pt x="198" y="429"/>
                  <a:pt x="145" y="427"/>
                  <a:pt x="103" y="423"/>
                </a:cubicBezTo>
                <a:cubicBezTo>
                  <a:pt x="67" y="419"/>
                  <a:pt x="48" y="414"/>
                  <a:pt x="38" y="411"/>
                </a:cubicBezTo>
                <a:cubicBezTo>
                  <a:pt x="47" y="408"/>
                  <a:pt x="61" y="404"/>
                  <a:pt x="86" y="399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2" name="Freeform 600"/>
          <p:cNvSpPr>
            <a:spLocks/>
          </p:cNvSpPr>
          <p:nvPr userDrawn="1"/>
        </p:nvSpPr>
        <p:spPr bwMode="auto">
          <a:xfrm>
            <a:off x="11088607" y="3816010"/>
            <a:ext cx="512763" cy="241300"/>
          </a:xfrm>
          <a:custGeom>
            <a:avLst/>
            <a:gdLst/>
            <a:ahLst/>
            <a:cxnLst>
              <a:cxn ang="0">
                <a:pos x="228" y="22"/>
              </a:cxn>
              <a:cxn ang="0">
                <a:pos x="169" y="6"/>
              </a:cxn>
              <a:cxn ang="0">
                <a:pos x="12" y="47"/>
              </a:cxn>
              <a:cxn ang="0">
                <a:pos x="2" y="63"/>
              </a:cxn>
              <a:cxn ang="0">
                <a:pos x="18" y="72"/>
              </a:cxn>
              <a:cxn ang="0">
                <a:pos x="176" y="32"/>
              </a:cxn>
              <a:cxn ang="0">
                <a:pos x="219" y="49"/>
              </a:cxn>
              <a:cxn ang="0">
                <a:pos x="235" y="49"/>
              </a:cxn>
              <a:cxn ang="0">
                <a:pos x="279" y="32"/>
              </a:cxn>
              <a:cxn ang="0">
                <a:pos x="416" y="67"/>
              </a:cxn>
              <a:cxn ang="0">
                <a:pos x="222" y="183"/>
              </a:cxn>
              <a:cxn ang="0">
                <a:pos x="90" y="115"/>
              </a:cxn>
              <a:cxn ang="0">
                <a:pos x="361" y="105"/>
              </a:cxn>
              <a:cxn ang="0">
                <a:pos x="367" y="87"/>
              </a:cxn>
              <a:cxn ang="0">
                <a:pos x="350" y="80"/>
              </a:cxn>
              <a:cxn ang="0">
                <a:pos x="59" y="81"/>
              </a:cxn>
              <a:cxn ang="0">
                <a:pos x="44" y="86"/>
              </a:cxn>
              <a:cxn ang="0">
                <a:pos x="44" y="102"/>
              </a:cxn>
              <a:cxn ang="0">
                <a:pos x="221" y="210"/>
              </a:cxn>
              <a:cxn ang="0">
                <a:pos x="451" y="66"/>
              </a:cxn>
              <a:cxn ang="0">
                <a:pos x="452" y="54"/>
              </a:cxn>
              <a:cxn ang="0">
                <a:pos x="443" y="45"/>
              </a:cxn>
              <a:cxn ang="0">
                <a:pos x="286" y="6"/>
              </a:cxn>
              <a:cxn ang="0">
                <a:pos x="228" y="22"/>
              </a:cxn>
            </a:cxnLst>
            <a:rect l="0" t="0" r="r" b="b"/>
            <a:pathLst>
              <a:path w="454" h="214">
                <a:moveTo>
                  <a:pt x="228" y="22"/>
                </a:moveTo>
                <a:cubicBezTo>
                  <a:pt x="215" y="14"/>
                  <a:pt x="191" y="1"/>
                  <a:pt x="169" y="6"/>
                </a:cubicBezTo>
                <a:cubicBezTo>
                  <a:pt x="151" y="11"/>
                  <a:pt x="13" y="46"/>
                  <a:pt x="12" y="47"/>
                </a:cubicBezTo>
                <a:cubicBezTo>
                  <a:pt x="4" y="48"/>
                  <a:pt x="0" y="56"/>
                  <a:pt x="2" y="63"/>
                </a:cubicBezTo>
                <a:cubicBezTo>
                  <a:pt x="4" y="70"/>
                  <a:pt x="11" y="74"/>
                  <a:pt x="18" y="72"/>
                </a:cubicBezTo>
                <a:cubicBezTo>
                  <a:pt x="20" y="72"/>
                  <a:pt x="157" y="37"/>
                  <a:pt x="176" y="32"/>
                </a:cubicBezTo>
                <a:cubicBezTo>
                  <a:pt x="190" y="29"/>
                  <a:pt x="212" y="43"/>
                  <a:pt x="219" y="49"/>
                </a:cubicBezTo>
                <a:cubicBezTo>
                  <a:pt x="224" y="53"/>
                  <a:pt x="230" y="53"/>
                  <a:pt x="235" y="49"/>
                </a:cubicBezTo>
                <a:cubicBezTo>
                  <a:pt x="247" y="40"/>
                  <a:pt x="269" y="29"/>
                  <a:pt x="279" y="32"/>
                </a:cubicBezTo>
                <a:cubicBezTo>
                  <a:pt x="308" y="41"/>
                  <a:pt x="381" y="58"/>
                  <a:pt x="416" y="67"/>
                </a:cubicBezTo>
                <a:cubicBezTo>
                  <a:pt x="386" y="102"/>
                  <a:pt x="306" y="186"/>
                  <a:pt x="222" y="183"/>
                </a:cubicBezTo>
                <a:cubicBezTo>
                  <a:pt x="163" y="181"/>
                  <a:pt x="117" y="143"/>
                  <a:pt x="90" y="115"/>
                </a:cubicBezTo>
                <a:cubicBezTo>
                  <a:pt x="152" y="127"/>
                  <a:pt x="274" y="143"/>
                  <a:pt x="361" y="105"/>
                </a:cubicBezTo>
                <a:cubicBezTo>
                  <a:pt x="367" y="102"/>
                  <a:pt x="370" y="94"/>
                  <a:pt x="367" y="87"/>
                </a:cubicBezTo>
                <a:cubicBezTo>
                  <a:pt x="364" y="80"/>
                  <a:pt x="357" y="77"/>
                  <a:pt x="350" y="80"/>
                </a:cubicBezTo>
                <a:cubicBezTo>
                  <a:pt x="241" y="128"/>
                  <a:pt x="61" y="82"/>
                  <a:pt x="59" y="81"/>
                </a:cubicBezTo>
                <a:cubicBezTo>
                  <a:pt x="53" y="80"/>
                  <a:pt x="48" y="82"/>
                  <a:pt x="44" y="86"/>
                </a:cubicBezTo>
                <a:cubicBezTo>
                  <a:pt x="41" y="91"/>
                  <a:pt x="41" y="97"/>
                  <a:pt x="44" y="102"/>
                </a:cubicBezTo>
                <a:cubicBezTo>
                  <a:pt x="47" y="106"/>
                  <a:pt x="115" y="206"/>
                  <a:pt x="221" y="210"/>
                </a:cubicBezTo>
                <a:cubicBezTo>
                  <a:pt x="342" y="214"/>
                  <a:pt x="446" y="72"/>
                  <a:pt x="451" y="66"/>
                </a:cubicBezTo>
                <a:cubicBezTo>
                  <a:pt x="453" y="63"/>
                  <a:pt x="454" y="58"/>
                  <a:pt x="452" y="54"/>
                </a:cubicBezTo>
                <a:cubicBezTo>
                  <a:pt x="451" y="50"/>
                  <a:pt x="447" y="47"/>
                  <a:pt x="443" y="45"/>
                </a:cubicBezTo>
                <a:cubicBezTo>
                  <a:pt x="442" y="45"/>
                  <a:pt x="325" y="18"/>
                  <a:pt x="286" y="6"/>
                </a:cubicBezTo>
                <a:cubicBezTo>
                  <a:pt x="266" y="0"/>
                  <a:pt x="241" y="14"/>
                  <a:pt x="228" y="2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3" name="Freeform 612"/>
          <p:cNvSpPr>
            <a:spLocks/>
          </p:cNvSpPr>
          <p:nvPr userDrawn="1"/>
        </p:nvSpPr>
        <p:spPr bwMode="auto">
          <a:xfrm>
            <a:off x="11114800" y="4430999"/>
            <a:ext cx="460376" cy="460375"/>
          </a:xfrm>
          <a:custGeom>
            <a:avLst/>
            <a:gdLst/>
            <a:ahLst/>
            <a:cxnLst>
              <a:cxn ang="0">
                <a:pos x="153" y="404"/>
              </a:cxn>
              <a:cxn ang="0">
                <a:pos x="149" y="156"/>
              </a:cxn>
              <a:cxn ang="0">
                <a:pos x="175" y="156"/>
              </a:cxn>
              <a:cxn ang="0">
                <a:pos x="249" y="381"/>
              </a:cxn>
              <a:cxn ang="0">
                <a:pos x="253" y="232"/>
              </a:cxn>
              <a:cxn ang="0">
                <a:pos x="310" y="228"/>
              </a:cxn>
              <a:cxn ang="0">
                <a:pos x="323" y="242"/>
              </a:cxn>
              <a:cxn ang="0">
                <a:pos x="381" y="269"/>
              </a:cxn>
              <a:cxn ang="0">
                <a:pos x="381" y="238"/>
              </a:cxn>
              <a:cxn ang="0">
                <a:pos x="378" y="203"/>
              </a:cxn>
              <a:cxn ang="0">
                <a:pos x="351" y="173"/>
              </a:cxn>
              <a:cxn ang="0">
                <a:pos x="323" y="169"/>
              </a:cxn>
              <a:cxn ang="0">
                <a:pos x="254" y="165"/>
              </a:cxn>
              <a:cxn ang="0">
                <a:pos x="250" y="102"/>
              </a:cxn>
              <a:cxn ang="0">
                <a:pos x="212" y="98"/>
              </a:cxn>
              <a:cxn ang="0">
                <a:pos x="208" y="33"/>
              </a:cxn>
              <a:cxn ang="0">
                <a:pos x="176" y="27"/>
              </a:cxn>
              <a:cxn ang="0">
                <a:pos x="158" y="29"/>
              </a:cxn>
              <a:cxn ang="0">
                <a:pos x="124" y="69"/>
              </a:cxn>
              <a:cxn ang="0">
                <a:pos x="113" y="113"/>
              </a:cxn>
              <a:cxn ang="0">
                <a:pos x="24" y="329"/>
              </a:cxn>
              <a:cxn ang="0">
                <a:pos x="6" y="330"/>
              </a:cxn>
              <a:cxn ang="0">
                <a:pos x="5" y="311"/>
              </a:cxn>
              <a:cxn ang="0">
                <a:pos x="5" y="311"/>
              </a:cxn>
              <a:cxn ang="0">
                <a:pos x="10" y="305"/>
              </a:cxn>
              <a:cxn ang="0">
                <a:pos x="25" y="285"/>
              </a:cxn>
              <a:cxn ang="0">
                <a:pos x="82" y="135"/>
              </a:cxn>
              <a:cxn ang="0">
                <a:pos x="99" y="60"/>
              </a:cxn>
              <a:cxn ang="0">
                <a:pos x="149" y="4"/>
              </a:cxn>
              <a:cxn ang="0">
                <a:pos x="176" y="0"/>
              </a:cxn>
              <a:cxn ang="0">
                <a:pos x="235" y="24"/>
              </a:cxn>
              <a:cxn ang="0">
                <a:pos x="263" y="75"/>
              </a:cxn>
              <a:cxn ang="0">
                <a:pos x="277" y="88"/>
              </a:cxn>
              <a:cxn ang="0">
                <a:pos x="324" y="142"/>
              </a:cxn>
              <a:cxn ang="0">
                <a:pos x="360" y="148"/>
              </a:cxn>
              <a:cxn ang="0">
                <a:pos x="405" y="198"/>
              </a:cxn>
              <a:cxn ang="0">
                <a:pos x="408" y="238"/>
              </a:cxn>
              <a:cxn ang="0">
                <a:pos x="408" y="283"/>
              </a:cxn>
              <a:cxn ang="0">
                <a:pos x="395" y="296"/>
              </a:cxn>
              <a:cxn ang="0">
                <a:pos x="297" y="283"/>
              </a:cxn>
              <a:cxn ang="0">
                <a:pos x="275" y="255"/>
              </a:cxn>
              <a:cxn ang="0">
                <a:pos x="271" y="404"/>
              </a:cxn>
              <a:cxn ang="0">
                <a:pos x="162" y="408"/>
              </a:cxn>
            </a:cxnLst>
            <a:rect l="0" t="0" r="r" b="b"/>
            <a:pathLst>
              <a:path w="408" h="408">
                <a:moveTo>
                  <a:pt x="162" y="408"/>
                </a:moveTo>
                <a:cubicBezTo>
                  <a:pt x="158" y="408"/>
                  <a:pt x="155" y="406"/>
                  <a:pt x="153" y="404"/>
                </a:cubicBezTo>
                <a:cubicBezTo>
                  <a:pt x="153" y="404"/>
                  <a:pt x="153" y="404"/>
                  <a:pt x="153" y="404"/>
                </a:cubicBezTo>
                <a:cubicBezTo>
                  <a:pt x="150" y="401"/>
                  <a:pt x="149" y="398"/>
                  <a:pt x="149" y="394"/>
                </a:cubicBezTo>
                <a:cubicBezTo>
                  <a:pt x="149" y="394"/>
                  <a:pt x="149" y="394"/>
                  <a:pt x="149" y="394"/>
                </a:cubicBezTo>
                <a:cubicBezTo>
                  <a:pt x="149" y="156"/>
                  <a:pt x="149" y="156"/>
                  <a:pt x="149" y="156"/>
                </a:cubicBezTo>
                <a:cubicBezTo>
                  <a:pt x="149" y="149"/>
                  <a:pt x="155" y="143"/>
                  <a:pt x="162" y="143"/>
                </a:cubicBezTo>
                <a:cubicBezTo>
                  <a:pt x="162" y="143"/>
                  <a:pt x="162" y="143"/>
                  <a:pt x="162" y="143"/>
                </a:cubicBezTo>
                <a:cubicBezTo>
                  <a:pt x="169" y="143"/>
                  <a:pt x="175" y="149"/>
                  <a:pt x="175" y="156"/>
                </a:cubicBezTo>
                <a:cubicBezTo>
                  <a:pt x="175" y="156"/>
                  <a:pt x="175" y="156"/>
                  <a:pt x="175" y="156"/>
                </a:cubicBezTo>
                <a:cubicBezTo>
                  <a:pt x="175" y="381"/>
                  <a:pt x="175" y="381"/>
                  <a:pt x="175" y="381"/>
                </a:cubicBezTo>
                <a:cubicBezTo>
                  <a:pt x="249" y="381"/>
                  <a:pt x="249" y="381"/>
                  <a:pt x="249" y="381"/>
                </a:cubicBezTo>
                <a:cubicBezTo>
                  <a:pt x="249" y="242"/>
                  <a:pt x="249" y="242"/>
                  <a:pt x="249" y="242"/>
                </a:cubicBezTo>
                <a:cubicBezTo>
                  <a:pt x="249" y="238"/>
                  <a:pt x="250" y="235"/>
                  <a:pt x="253" y="232"/>
                </a:cubicBezTo>
                <a:cubicBezTo>
                  <a:pt x="253" y="232"/>
                  <a:pt x="253" y="232"/>
                  <a:pt x="253" y="232"/>
                </a:cubicBezTo>
                <a:cubicBezTo>
                  <a:pt x="255" y="230"/>
                  <a:pt x="258" y="228"/>
                  <a:pt x="262" y="228"/>
                </a:cubicBezTo>
                <a:cubicBezTo>
                  <a:pt x="262" y="228"/>
                  <a:pt x="262" y="228"/>
                  <a:pt x="262" y="228"/>
                </a:cubicBezTo>
                <a:cubicBezTo>
                  <a:pt x="310" y="228"/>
                  <a:pt x="310" y="228"/>
                  <a:pt x="310" y="228"/>
                </a:cubicBezTo>
                <a:cubicBezTo>
                  <a:pt x="313" y="228"/>
                  <a:pt x="317" y="230"/>
                  <a:pt x="319" y="232"/>
                </a:cubicBezTo>
                <a:cubicBezTo>
                  <a:pt x="319" y="232"/>
                  <a:pt x="319" y="232"/>
                  <a:pt x="319" y="232"/>
                </a:cubicBezTo>
                <a:cubicBezTo>
                  <a:pt x="322" y="235"/>
                  <a:pt x="323" y="238"/>
                  <a:pt x="323" y="242"/>
                </a:cubicBezTo>
                <a:cubicBezTo>
                  <a:pt x="323" y="242"/>
                  <a:pt x="323" y="242"/>
                  <a:pt x="323" y="242"/>
                </a:cubicBezTo>
                <a:cubicBezTo>
                  <a:pt x="323" y="269"/>
                  <a:pt x="323" y="269"/>
                  <a:pt x="323" y="269"/>
                </a:cubicBezTo>
                <a:cubicBezTo>
                  <a:pt x="381" y="269"/>
                  <a:pt x="381" y="269"/>
                  <a:pt x="381" y="269"/>
                </a:cubicBezTo>
                <a:cubicBezTo>
                  <a:pt x="381" y="247"/>
                  <a:pt x="381" y="247"/>
                  <a:pt x="381" y="247"/>
                </a:cubicBezTo>
                <a:cubicBezTo>
                  <a:pt x="381" y="246"/>
                  <a:pt x="381" y="246"/>
                  <a:pt x="381" y="246"/>
                </a:cubicBezTo>
                <a:cubicBezTo>
                  <a:pt x="381" y="243"/>
                  <a:pt x="381" y="241"/>
                  <a:pt x="381" y="238"/>
                </a:cubicBezTo>
                <a:cubicBezTo>
                  <a:pt x="381" y="238"/>
                  <a:pt x="381" y="238"/>
                  <a:pt x="381" y="238"/>
                </a:cubicBezTo>
                <a:cubicBezTo>
                  <a:pt x="381" y="223"/>
                  <a:pt x="380" y="212"/>
                  <a:pt x="378" y="203"/>
                </a:cubicBezTo>
                <a:cubicBezTo>
                  <a:pt x="378" y="203"/>
                  <a:pt x="378" y="203"/>
                  <a:pt x="378" y="203"/>
                </a:cubicBezTo>
                <a:cubicBezTo>
                  <a:pt x="377" y="195"/>
                  <a:pt x="374" y="190"/>
                  <a:pt x="371" y="187"/>
                </a:cubicBezTo>
                <a:cubicBezTo>
                  <a:pt x="371" y="187"/>
                  <a:pt x="371" y="187"/>
                  <a:pt x="371" y="187"/>
                </a:cubicBezTo>
                <a:cubicBezTo>
                  <a:pt x="366" y="180"/>
                  <a:pt x="359" y="176"/>
                  <a:pt x="351" y="173"/>
                </a:cubicBezTo>
                <a:cubicBezTo>
                  <a:pt x="351" y="173"/>
                  <a:pt x="351" y="173"/>
                  <a:pt x="351" y="173"/>
                </a:cubicBezTo>
                <a:cubicBezTo>
                  <a:pt x="344" y="170"/>
                  <a:pt x="334" y="169"/>
                  <a:pt x="323" y="169"/>
                </a:cubicBezTo>
                <a:cubicBezTo>
                  <a:pt x="323" y="169"/>
                  <a:pt x="323" y="169"/>
                  <a:pt x="323" y="169"/>
                </a:cubicBezTo>
                <a:cubicBezTo>
                  <a:pt x="263" y="169"/>
                  <a:pt x="263" y="169"/>
                  <a:pt x="263" y="169"/>
                </a:cubicBezTo>
                <a:cubicBezTo>
                  <a:pt x="260" y="169"/>
                  <a:pt x="256" y="167"/>
                  <a:pt x="254" y="165"/>
                </a:cubicBezTo>
                <a:cubicBezTo>
                  <a:pt x="254" y="165"/>
                  <a:pt x="254" y="165"/>
                  <a:pt x="254" y="165"/>
                </a:cubicBezTo>
                <a:cubicBezTo>
                  <a:pt x="251" y="162"/>
                  <a:pt x="250" y="159"/>
                  <a:pt x="250" y="156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50" y="102"/>
                  <a:pt x="250" y="102"/>
                  <a:pt x="250" y="102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8" y="102"/>
                  <a:pt x="215" y="100"/>
                  <a:pt x="212" y="98"/>
                </a:cubicBezTo>
                <a:cubicBezTo>
                  <a:pt x="212" y="98"/>
                  <a:pt x="212" y="98"/>
                  <a:pt x="212" y="98"/>
                </a:cubicBezTo>
                <a:cubicBezTo>
                  <a:pt x="210" y="95"/>
                  <a:pt x="208" y="92"/>
                  <a:pt x="208" y="88"/>
                </a:cubicBezTo>
                <a:cubicBezTo>
                  <a:pt x="208" y="88"/>
                  <a:pt x="208" y="88"/>
                  <a:pt x="208" y="88"/>
                </a:cubicBezTo>
                <a:cubicBezTo>
                  <a:pt x="208" y="33"/>
                  <a:pt x="208" y="33"/>
                  <a:pt x="208" y="33"/>
                </a:cubicBezTo>
                <a:cubicBezTo>
                  <a:pt x="207" y="33"/>
                  <a:pt x="205" y="32"/>
                  <a:pt x="204" y="31"/>
                </a:cubicBezTo>
                <a:cubicBezTo>
                  <a:pt x="204" y="31"/>
                  <a:pt x="204" y="31"/>
                  <a:pt x="204" y="31"/>
                </a:cubicBezTo>
                <a:cubicBezTo>
                  <a:pt x="196" y="29"/>
                  <a:pt x="186" y="27"/>
                  <a:pt x="176" y="27"/>
                </a:cubicBezTo>
                <a:cubicBezTo>
                  <a:pt x="176" y="27"/>
                  <a:pt x="176" y="27"/>
                  <a:pt x="176" y="27"/>
                </a:cubicBezTo>
                <a:cubicBezTo>
                  <a:pt x="170" y="27"/>
                  <a:pt x="164" y="27"/>
                  <a:pt x="158" y="29"/>
                </a:cubicBezTo>
                <a:cubicBezTo>
                  <a:pt x="158" y="29"/>
                  <a:pt x="158" y="29"/>
                  <a:pt x="158" y="29"/>
                </a:cubicBezTo>
                <a:cubicBezTo>
                  <a:pt x="152" y="31"/>
                  <a:pt x="146" y="35"/>
                  <a:pt x="141" y="40"/>
                </a:cubicBezTo>
                <a:cubicBezTo>
                  <a:pt x="141" y="40"/>
                  <a:pt x="141" y="40"/>
                  <a:pt x="141" y="40"/>
                </a:cubicBezTo>
                <a:cubicBezTo>
                  <a:pt x="134" y="46"/>
                  <a:pt x="128" y="56"/>
                  <a:pt x="124" y="69"/>
                </a:cubicBezTo>
                <a:cubicBezTo>
                  <a:pt x="124" y="69"/>
                  <a:pt x="124" y="69"/>
                  <a:pt x="124" y="69"/>
                </a:cubicBezTo>
                <a:cubicBezTo>
                  <a:pt x="119" y="81"/>
                  <a:pt x="116" y="97"/>
                  <a:pt x="113" y="113"/>
                </a:cubicBezTo>
                <a:cubicBezTo>
                  <a:pt x="113" y="113"/>
                  <a:pt x="113" y="113"/>
                  <a:pt x="113" y="113"/>
                </a:cubicBezTo>
                <a:cubicBezTo>
                  <a:pt x="107" y="147"/>
                  <a:pt x="102" y="186"/>
                  <a:pt x="89" y="221"/>
                </a:cubicBezTo>
                <a:cubicBezTo>
                  <a:pt x="89" y="221"/>
                  <a:pt x="89" y="221"/>
                  <a:pt x="89" y="221"/>
                </a:cubicBezTo>
                <a:cubicBezTo>
                  <a:pt x="63" y="287"/>
                  <a:pt x="25" y="329"/>
                  <a:pt x="24" y="329"/>
                </a:cubicBezTo>
                <a:cubicBezTo>
                  <a:pt x="24" y="329"/>
                  <a:pt x="24" y="329"/>
                  <a:pt x="24" y="329"/>
                </a:cubicBezTo>
                <a:cubicBezTo>
                  <a:pt x="19" y="335"/>
                  <a:pt x="11" y="335"/>
                  <a:pt x="6" y="330"/>
                </a:cubicBezTo>
                <a:cubicBezTo>
                  <a:pt x="6" y="330"/>
                  <a:pt x="6" y="330"/>
                  <a:pt x="6" y="330"/>
                </a:cubicBezTo>
                <a:cubicBezTo>
                  <a:pt x="0" y="325"/>
                  <a:pt x="0" y="317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6" y="310"/>
                  <a:pt x="6" y="310"/>
                </a:cubicBezTo>
                <a:cubicBezTo>
                  <a:pt x="6" y="310"/>
                  <a:pt x="6" y="310"/>
                  <a:pt x="6" y="310"/>
                </a:cubicBezTo>
                <a:cubicBezTo>
                  <a:pt x="7" y="309"/>
                  <a:pt x="9" y="307"/>
                  <a:pt x="10" y="305"/>
                </a:cubicBezTo>
                <a:cubicBezTo>
                  <a:pt x="10" y="305"/>
                  <a:pt x="10" y="305"/>
                  <a:pt x="10" y="305"/>
                </a:cubicBezTo>
                <a:cubicBezTo>
                  <a:pt x="14" y="300"/>
                  <a:pt x="19" y="293"/>
                  <a:pt x="25" y="285"/>
                </a:cubicBezTo>
                <a:cubicBezTo>
                  <a:pt x="25" y="285"/>
                  <a:pt x="25" y="285"/>
                  <a:pt x="25" y="285"/>
                </a:cubicBezTo>
                <a:cubicBezTo>
                  <a:pt x="37" y="267"/>
                  <a:pt x="52" y="242"/>
                  <a:pt x="64" y="211"/>
                </a:cubicBezTo>
                <a:cubicBezTo>
                  <a:pt x="64" y="211"/>
                  <a:pt x="64" y="211"/>
                  <a:pt x="64" y="211"/>
                </a:cubicBezTo>
                <a:cubicBezTo>
                  <a:pt x="73" y="188"/>
                  <a:pt x="78" y="162"/>
                  <a:pt x="82" y="135"/>
                </a:cubicBezTo>
                <a:cubicBezTo>
                  <a:pt x="82" y="135"/>
                  <a:pt x="82" y="135"/>
                  <a:pt x="82" y="135"/>
                </a:cubicBezTo>
                <a:cubicBezTo>
                  <a:pt x="87" y="109"/>
                  <a:pt x="91" y="82"/>
                  <a:pt x="99" y="60"/>
                </a:cubicBezTo>
                <a:cubicBezTo>
                  <a:pt x="99" y="60"/>
                  <a:pt x="99" y="60"/>
                  <a:pt x="99" y="60"/>
                </a:cubicBezTo>
                <a:cubicBezTo>
                  <a:pt x="104" y="45"/>
                  <a:pt x="111" y="31"/>
                  <a:pt x="123" y="20"/>
                </a:cubicBezTo>
                <a:cubicBezTo>
                  <a:pt x="123" y="20"/>
                  <a:pt x="123" y="20"/>
                  <a:pt x="123" y="20"/>
                </a:cubicBezTo>
                <a:cubicBezTo>
                  <a:pt x="131" y="12"/>
                  <a:pt x="140" y="7"/>
                  <a:pt x="149" y="4"/>
                </a:cubicBezTo>
                <a:cubicBezTo>
                  <a:pt x="149" y="4"/>
                  <a:pt x="149" y="4"/>
                  <a:pt x="149" y="4"/>
                </a:cubicBezTo>
                <a:cubicBezTo>
                  <a:pt x="158" y="1"/>
                  <a:pt x="168" y="0"/>
                  <a:pt x="176" y="0"/>
                </a:cubicBezTo>
                <a:cubicBezTo>
                  <a:pt x="176" y="0"/>
                  <a:pt x="176" y="0"/>
                  <a:pt x="176" y="0"/>
                </a:cubicBezTo>
                <a:cubicBezTo>
                  <a:pt x="205" y="0"/>
                  <a:pt x="227" y="12"/>
                  <a:pt x="228" y="13"/>
                </a:cubicBezTo>
                <a:cubicBezTo>
                  <a:pt x="228" y="13"/>
                  <a:pt x="228" y="13"/>
                  <a:pt x="228" y="13"/>
                </a:cubicBezTo>
                <a:cubicBezTo>
                  <a:pt x="232" y="15"/>
                  <a:pt x="235" y="20"/>
                  <a:pt x="235" y="24"/>
                </a:cubicBezTo>
                <a:cubicBezTo>
                  <a:pt x="235" y="24"/>
                  <a:pt x="235" y="24"/>
                  <a:pt x="235" y="24"/>
                </a:cubicBezTo>
                <a:cubicBezTo>
                  <a:pt x="235" y="75"/>
                  <a:pt x="235" y="75"/>
                  <a:pt x="235" y="75"/>
                </a:cubicBezTo>
                <a:cubicBezTo>
                  <a:pt x="263" y="75"/>
                  <a:pt x="263" y="75"/>
                  <a:pt x="263" y="75"/>
                </a:cubicBezTo>
                <a:cubicBezTo>
                  <a:pt x="267" y="75"/>
                  <a:pt x="270" y="76"/>
                  <a:pt x="273" y="79"/>
                </a:cubicBezTo>
                <a:cubicBezTo>
                  <a:pt x="273" y="79"/>
                  <a:pt x="273" y="79"/>
                  <a:pt x="273" y="79"/>
                </a:cubicBezTo>
                <a:cubicBezTo>
                  <a:pt x="275" y="82"/>
                  <a:pt x="277" y="85"/>
                  <a:pt x="277" y="88"/>
                </a:cubicBezTo>
                <a:cubicBezTo>
                  <a:pt x="277" y="88"/>
                  <a:pt x="277" y="88"/>
                  <a:pt x="277" y="88"/>
                </a:cubicBezTo>
                <a:cubicBezTo>
                  <a:pt x="277" y="142"/>
                  <a:pt x="277" y="142"/>
                  <a:pt x="277" y="142"/>
                </a:cubicBezTo>
                <a:cubicBezTo>
                  <a:pt x="324" y="142"/>
                  <a:pt x="324" y="142"/>
                  <a:pt x="324" y="142"/>
                </a:cubicBezTo>
                <a:cubicBezTo>
                  <a:pt x="324" y="142"/>
                  <a:pt x="324" y="142"/>
                  <a:pt x="324" y="142"/>
                </a:cubicBezTo>
                <a:cubicBezTo>
                  <a:pt x="336" y="142"/>
                  <a:pt x="349" y="144"/>
                  <a:pt x="360" y="148"/>
                </a:cubicBezTo>
                <a:cubicBezTo>
                  <a:pt x="360" y="148"/>
                  <a:pt x="360" y="148"/>
                  <a:pt x="360" y="148"/>
                </a:cubicBezTo>
                <a:cubicBezTo>
                  <a:pt x="372" y="152"/>
                  <a:pt x="383" y="159"/>
                  <a:pt x="391" y="169"/>
                </a:cubicBezTo>
                <a:cubicBezTo>
                  <a:pt x="391" y="169"/>
                  <a:pt x="391" y="169"/>
                  <a:pt x="391" y="169"/>
                </a:cubicBezTo>
                <a:cubicBezTo>
                  <a:pt x="398" y="177"/>
                  <a:pt x="402" y="186"/>
                  <a:pt x="405" y="198"/>
                </a:cubicBezTo>
                <a:cubicBezTo>
                  <a:pt x="405" y="198"/>
                  <a:pt x="405" y="198"/>
                  <a:pt x="405" y="198"/>
                </a:cubicBezTo>
                <a:cubicBezTo>
                  <a:pt x="407" y="209"/>
                  <a:pt x="408" y="222"/>
                  <a:pt x="408" y="238"/>
                </a:cubicBezTo>
                <a:cubicBezTo>
                  <a:pt x="408" y="238"/>
                  <a:pt x="408" y="238"/>
                  <a:pt x="408" y="238"/>
                </a:cubicBezTo>
                <a:cubicBezTo>
                  <a:pt x="408" y="241"/>
                  <a:pt x="408" y="244"/>
                  <a:pt x="408" y="246"/>
                </a:cubicBezTo>
                <a:cubicBezTo>
                  <a:pt x="408" y="246"/>
                  <a:pt x="408" y="246"/>
                  <a:pt x="408" y="246"/>
                </a:cubicBezTo>
                <a:cubicBezTo>
                  <a:pt x="408" y="283"/>
                  <a:pt x="408" y="283"/>
                  <a:pt x="408" y="283"/>
                </a:cubicBezTo>
                <a:cubicBezTo>
                  <a:pt x="408" y="286"/>
                  <a:pt x="407" y="290"/>
                  <a:pt x="404" y="292"/>
                </a:cubicBezTo>
                <a:cubicBezTo>
                  <a:pt x="404" y="292"/>
                  <a:pt x="404" y="292"/>
                  <a:pt x="404" y="292"/>
                </a:cubicBezTo>
                <a:cubicBezTo>
                  <a:pt x="402" y="295"/>
                  <a:pt x="398" y="296"/>
                  <a:pt x="395" y="296"/>
                </a:cubicBezTo>
                <a:cubicBezTo>
                  <a:pt x="395" y="296"/>
                  <a:pt x="395" y="296"/>
                  <a:pt x="395" y="296"/>
                </a:cubicBezTo>
                <a:cubicBezTo>
                  <a:pt x="310" y="296"/>
                  <a:pt x="310" y="296"/>
                  <a:pt x="310" y="296"/>
                </a:cubicBezTo>
                <a:cubicBezTo>
                  <a:pt x="303" y="296"/>
                  <a:pt x="297" y="290"/>
                  <a:pt x="297" y="283"/>
                </a:cubicBezTo>
                <a:cubicBezTo>
                  <a:pt x="297" y="283"/>
                  <a:pt x="297" y="283"/>
                  <a:pt x="297" y="283"/>
                </a:cubicBezTo>
                <a:cubicBezTo>
                  <a:pt x="297" y="255"/>
                  <a:pt x="297" y="255"/>
                  <a:pt x="297" y="255"/>
                </a:cubicBezTo>
                <a:cubicBezTo>
                  <a:pt x="275" y="255"/>
                  <a:pt x="275" y="255"/>
                  <a:pt x="275" y="255"/>
                </a:cubicBezTo>
                <a:cubicBezTo>
                  <a:pt x="275" y="394"/>
                  <a:pt x="275" y="394"/>
                  <a:pt x="275" y="394"/>
                </a:cubicBezTo>
                <a:cubicBezTo>
                  <a:pt x="275" y="398"/>
                  <a:pt x="274" y="401"/>
                  <a:pt x="271" y="404"/>
                </a:cubicBezTo>
                <a:cubicBezTo>
                  <a:pt x="271" y="404"/>
                  <a:pt x="271" y="404"/>
                  <a:pt x="271" y="404"/>
                </a:cubicBezTo>
                <a:cubicBezTo>
                  <a:pt x="269" y="406"/>
                  <a:pt x="266" y="408"/>
                  <a:pt x="262" y="408"/>
                </a:cubicBezTo>
                <a:cubicBezTo>
                  <a:pt x="262" y="408"/>
                  <a:pt x="262" y="408"/>
                  <a:pt x="262" y="408"/>
                </a:cubicBezTo>
                <a:cubicBezTo>
                  <a:pt x="162" y="408"/>
                  <a:pt x="162" y="408"/>
                  <a:pt x="162" y="40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4" name="Freeform 616"/>
          <p:cNvSpPr>
            <a:spLocks/>
          </p:cNvSpPr>
          <p:nvPr userDrawn="1"/>
        </p:nvSpPr>
        <p:spPr bwMode="auto">
          <a:xfrm>
            <a:off x="11096544" y="3043346"/>
            <a:ext cx="496888" cy="409574"/>
          </a:xfrm>
          <a:custGeom>
            <a:avLst/>
            <a:gdLst/>
            <a:ahLst/>
            <a:cxnLst>
              <a:cxn ang="0">
                <a:pos x="439" y="11"/>
              </a:cxn>
              <a:cxn ang="0">
                <a:pos x="318" y="78"/>
              </a:cxn>
              <a:cxn ang="0">
                <a:pos x="230" y="141"/>
              </a:cxn>
              <a:cxn ang="0">
                <a:pos x="191" y="159"/>
              </a:cxn>
              <a:cxn ang="0">
                <a:pos x="162" y="198"/>
              </a:cxn>
              <a:cxn ang="0">
                <a:pos x="248" y="168"/>
              </a:cxn>
              <a:cxn ang="0">
                <a:pos x="361" y="95"/>
              </a:cxn>
              <a:cxn ang="0">
                <a:pos x="376" y="202"/>
              </a:cxn>
              <a:cxn ang="0">
                <a:pos x="29" y="214"/>
              </a:cxn>
              <a:cxn ang="0">
                <a:pos x="88" y="178"/>
              </a:cxn>
              <a:cxn ang="0">
                <a:pos x="63" y="129"/>
              </a:cxn>
              <a:cxn ang="0">
                <a:pos x="89" y="56"/>
              </a:cxn>
              <a:cxn ang="0">
                <a:pos x="301" y="35"/>
              </a:cxn>
            </a:cxnLst>
            <a:rect l="0" t="0" r="r" b="b"/>
            <a:pathLst>
              <a:path w="439" h="363">
                <a:moveTo>
                  <a:pt x="439" y="11"/>
                </a:moveTo>
                <a:cubicBezTo>
                  <a:pt x="439" y="11"/>
                  <a:pt x="372" y="42"/>
                  <a:pt x="318" y="78"/>
                </a:cubicBezTo>
                <a:cubicBezTo>
                  <a:pt x="276" y="106"/>
                  <a:pt x="239" y="135"/>
                  <a:pt x="230" y="141"/>
                </a:cubicBezTo>
                <a:cubicBezTo>
                  <a:pt x="221" y="144"/>
                  <a:pt x="205" y="145"/>
                  <a:pt x="191" y="159"/>
                </a:cubicBezTo>
                <a:cubicBezTo>
                  <a:pt x="181" y="169"/>
                  <a:pt x="176" y="191"/>
                  <a:pt x="162" y="198"/>
                </a:cubicBezTo>
                <a:cubicBezTo>
                  <a:pt x="208" y="217"/>
                  <a:pt x="241" y="170"/>
                  <a:pt x="248" y="168"/>
                </a:cubicBezTo>
                <a:cubicBezTo>
                  <a:pt x="255" y="165"/>
                  <a:pt x="358" y="97"/>
                  <a:pt x="361" y="95"/>
                </a:cubicBezTo>
                <a:cubicBezTo>
                  <a:pt x="409" y="136"/>
                  <a:pt x="376" y="202"/>
                  <a:pt x="376" y="202"/>
                </a:cubicBezTo>
                <a:cubicBezTo>
                  <a:pt x="313" y="330"/>
                  <a:pt x="0" y="363"/>
                  <a:pt x="29" y="214"/>
                </a:cubicBezTo>
                <a:cubicBezTo>
                  <a:pt x="35" y="194"/>
                  <a:pt x="56" y="182"/>
                  <a:pt x="88" y="178"/>
                </a:cubicBezTo>
                <a:cubicBezTo>
                  <a:pt x="121" y="174"/>
                  <a:pt x="125" y="131"/>
                  <a:pt x="63" y="129"/>
                </a:cubicBezTo>
                <a:cubicBezTo>
                  <a:pt x="22" y="128"/>
                  <a:pt x="68" y="77"/>
                  <a:pt x="89" y="56"/>
                </a:cubicBezTo>
                <a:cubicBezTo>
                  <a:pt x="135" y="11"/>
                  <a:pt x="214" y="0"/>
                  <a:pt x="301" y="35"/>
                </a:cubicBezTo>
              </a:path>
            </a:pathLst>
          </a:custGeom>
          <a:noFill/>
          <a:ln w="30163" cap="rnd">
            <a:solidFill>
              <a:srgbClr val="00953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5" name="Freeform 624"/>
          <p:cNvSpPr>
            <a:spLocks/>
          </p:cNvSpPr>
          <p:nvPr userDrawn="1"/>
        </p:nvSpPr>
        <p:spPr bwMode="auto">
          <a:xfrm>
            <a:off x="11115594" y="2407661"/>
            <a:ext cx="458788" cy="468313"/>
          </a:xfrm>
          <a:custGeom>
            <a:avLst/>
            <a:gdLst/>
            <a:ahLst/>
            <a:cxnLst>
              <a:cxn ang="0">
                <a:pos x="198" y="5"/>
              </a:cxn>
              <a:cxn ang="0">
                <a:pos x="186" y="41"/>
              </a:cxn>
              <a:cxn ang="0">
                <a:pos x="145" y="74"/>
              </a:cxn>
              <a:cxn ang="0">
                <a:pos x="112" y="60"/>
              </a:cxn>
              <a:cxn ang="0">
                <a:pos x="80" y="70"/>
              </a:cxn>
              <a:cxn ang="0">
                <a:pos x="79" y="108"/>
              </a:cxn>
              <a:cxn ang="0">
                <a:pos x="61" y="93"/>
              </a:cxn>
              <a:cxn ang="0">
                <a:pos x="1" y="110"/>
              </a:cxn>
              <a:cxn ang="0">
                <a:pos x="22" y="165"/>
              </a:cxn>
              <a:cxn ang="0">
                <a:pos x="96" y="286"/>
              </a:cxn>
              <a:cxn ang="0">
                <a:pos x="79" y="344"/>
              </a:cxn>
              <a:cxn ang="0">
                <a:pos x="247" y="406"/>
              </a:cxn>
              <a:cxn ang="0">
                <a:pos x="258" y="390"/>
              </a:cxn>
              <a:cxn ang="0">
                <a:pos x="284" y="355"/>
              </a:cxn>
              <a:cxn ang="0">
                <a:pos x="355" y="372"/>
              </a:cxn>
              <a:cxn ang="0">
                <a:pos x="400" y="318"/>
              </a:cxn>
              <a:cxn ang="0">
                <a:pos x="363" y="228"/>
              </a:cxn>
              <a:cxn ang="0">
                <a:pos x="345" y="259"/>
              </a:cxn>
              <a:cxn ang="0">
                <a:pos x="346" y="349"/>
              </a:cxn>
              <a:cxn ang="0">
                <a:pos x="282" y="330"/>
              </a:cxn>
              <a:cxn ang="0">
                <a:pos x="232" y="380"/>
              </a:cxn>
              <a:cxn ang="0">
                <a:pos x="105" y="348"/>
              </a:cxn>
              <a:cxn ang="0">
                <a:pos x="123" y="263"/>
              </a:cxn>
              <a:cxn ang="0">
                <a:pos x="28" y="141"/>
              </a:cxn>
              <a:cxn ang="0">
                <a:pos x="56" y="119"/>
              </a:cxn>
              <a:cxn ang="0">
                <a:pos x="80" y="133"/>
              </a:cxn>
              <a:cxn ang="0">
                <a:pos x="123" y="117"/>
              </a:cxn>
              <a:cxn ang="0">
                <a:pos x="119" y="105"/>
              </a:cxn>
              <a:cxn ang="0">
                <a:pos x="128" y="94"/>
              </a:cxn>
              <a:cxn ang="0">
                <a:pos x="167" y="87"/>
              </a:cxn>
              <a:cxn ang="0">
                <a:pos x="211" y="42"/>
              </a:cxn>
              <a:cxn ang="0">
                <a:pos x="211" y="32"/>
              </a:cxn>
              <a:cxn ang="0">
                <a:pos x="221" y="25"/>
              </a:cxn>
              <a:cxn ang="0">
                <a:pos x="368" y="157"/>
              </a:cxn>
              <a:cxn ang="0">
                <a:pos x="320" y="228"/>
              </a:cxn>
              <a:cxn ang="0">
                <a:pos x="333" y="241"/>
              </a:cxn>
              <a:cxn ang="0">
                <a:pos x="386" y="178"/>
              </a:cxn>
              <a:cxn ang="0">
                <a:pos x="403" y="103"/>
              </a:cxn>
              <a:cxn ang="0">
                <a:pos x="393" y="87"/>
              </a:cxn>
              <a:cxn ang="0">
                <a:pos x="225" y="0"/>
              </a:cxn>
            </a:cxnLst>
            <a:rect l="0" t="0" r="r" b="b"/>
            <a:pathLst>
              <a:path w="406" h="414">
                <a:moveTo>
                  <a:pt x="225" y="0"/>
                </a:moveTo>
                <a:cubicBezTo>
                  <a:pt x="222" y="0"/>
                  <a:pt x="207" y="1"/>
                  <a:pt x="198" y="5"/>
                </a:cubicBezTo>
                <a:cubicBezTo>
                  <a:pt x="184" y="10"/>
                  <a:pt x="185" y="24"/>
                  <a:pt x="186" y="33"/>
                </a:cubicBezTo>
                <a:cubicBezTo>
                  <a:pt x="186" y="36"/>
                  <a:pt x="186" y="38"/>
                  <a:pt x="186" y="41"/>
                </a:cubicBezTo>
                <a:cubicBezTo>
                  <a:pt x="185" y="44"/>
                  <a:pt x="179" y="52"/>
                  <a:pt x="172" y="52"/>
                </a:cubicBezTo>
                <a:cubicBezTo>
                  <a:pt x="156" y="51"/>
                  <a:pt x="149" y="65"/>
                  <a:pt x="145" y="74"/>
                </a:cubicBezTo>
                <a:cubicBezTo>
                  <a:pt x="143" y="73"/>
                  <a:pt x="141" y="72"/>
                  <a:pt x="138" y="71"/>
                </a:cubicBezTo>
                <a:cubicBezTo>
                  <a:pt x="130" y="68"/>
                  <a:pt x="120" y="63"/>
                  <a:pt x="112" y="60"/>
                </a:cubicBezTo>
                <a:cubicBezTo>
                  <a:pt x="103" y="57"/>
                  <a:pt x="88" y="51"/>
                  <a:pt x="82" y="63"/>
                </a:cubicBezTo>
                <a:cubicBezTo>
                  <a:pt x="81" y="65"/>
                  <a:pt x="80" y="67"/>
                  <a:pt x="80" y="70"/>
                </a:cubicBezTo>
                <a:cubicBezTo>
                  <a:pt x="80" y="76"/>
                  <a:pt x="84" y="86"/>
                  <a:pt x="93" y="107"/>
                </a:cubicBezTo>
                <a:cubicBezTo>
                  <a:pt x="89" y="108"/>
                  <a:pt x="84" y="108"/>
                  <a:pt x="79" y="108"/>
                </a:cubicBezTo>
                <a:cubicBezTo>
                  <a:pt x="77" y="106"/>
                  <a:pt x="75" y="102"/>
                  <a:pt x="73" y="100"/>
                </a:cubicBezTo>
                <a:cubicBezTo>
                  <a:pt x="72" y="97"/>
                  <a:pt x="68" y="93"/>
                  <a:pt x="61" y="93"/>
                </a:cubicBezTo>
                <a:cubicBezTo>
                  <a:pt x="53" y="93"/>
                  <a:pt x="35" y="97"/>
                  <a:pt x="31" y="98"/>
                </a:cubicBezTo>
                <a:cubicBezTo>
                  <a:pt x="8" y="103"/>
                  <a:pt x="4" y="105"/>
                  <a:pt x="1" y="110"/>
                </a:cubicBezTo>
                <a:cubicBezTo>
                  <a:pt x="0" y="112"/>
                  <a:pt x="0" y="114"/>
                  <a:pt x="0" y="116"/>
                </a:cubicBezTo>
                <a:cubicBezTo>
                  <a:pt x="0" y="130"/>
                  <a:pt x="1" y="163"/>
                  <a:pt x="22" y="165"/>
                </a:cubicBezTo>
                <a:cubicBezTo>
                  <a:pt x="30" y="166"/>
                  <a:pt x="65" y="182"/>
                  <a:pt x="76" y="198"/>
                </a:cubicBezTo>
                <a:cubicBezTo>
                  <a:pt x="90" y="219"/>
                  <a:pt x="103" y="243"/>
                  <a:pt x="96" y="286"/>
                </a:cubicBezTo>
                <a:cubicBezTo>
                  <a:pt x="89" y="329"/>
                  <a:pt x="79" y="344"/>
                  <a:pt x="78" y="344"/>
                </a:cubicBezTo>
                <a:cubicBezTo>
                  <a:pt x="79" y="344"/>
                  <a:pt x="79" y="344"/>
                  <a:pt x="79" y="344"/>
                </a:cubicBezTo>
                <a:cubicBezTo>
                  <a:pt x="74" y="349"/>
                  <a:pt x="75" y="357"/>
                  <a:pt x="81" y="361"/>
                </a:cubicBezTo>
                <a:cubicBezTo>
                  <a:pt x="83" y="363"/>
                  <a:pt x="148" y="414"/>
                  <a:pt x="247" y="406"/>
                </a:cubicBezTo>
                <a:cubicBezTo>
                  <a:pt x="251" y="405"/>
                  <a:pt x="254" y="403"/>
                  <a:pt x="256" y="400"/>
                </a:cubicBezTo>
                <a:cubicBezTo>
                  <a:pt x="259" y="397"/>
                  <a:pt x="259" y="393"/>
                  <a:pt x="258" y="390"/>
                </a:cubicBezTo>
                <a:cubicBezTo>
                  <a:pt x="257" y="386"/>
                  <a:pt x="255" y="373"/>
                  <a:pt x="261" y="365"/>
                </a:cubicBezTo>
                <a:cubicBezTo>
                  <a:pt x="265" y="359"/>
                  <a:pt x="273" y="356"/>
                  <a:pt x="284" y="355"/>
                </a:cubicBezTo>
                <a:cubicBezTo>
                  <a:pt x="307" y="353"/>
                  <a:pt x="314" y="359"/>
                  <a:pt x="321" y="365"/>
                </a:cubicBezTo>
                <a:cubicBezTo>
                  <a:pt x="328" y="371"/>
                  <a:pt x="338" y="379"/>
                  <a:pt x="355" y="372"/>
                </a:cubicBezTo>
                <a:cubicBezTo>
                  <a:pt x="382" y="362"/>
                  <a:pt x="402" y="336"/>
                  <a:pt x="402" y="335"/>
                </a:cubicBezTo>
                <a:cubicBezTo>
                  <a:pt x="406" y="330"/>
                  <a:pt x="405" y="322"/>
                  <a:pt x="400" y="318"/>
                </a:cubicBezTo>
                <a:cubicBezTo>
                  <a:pt x="399" y="317"/>
                  <a:pt x="362" y="287"/>
                  <a:pt x="372" y="243"/>
                </a:cubicBezTo>
                <a:cubicBezTo>
                  <a:pt x="374" y="236"/>
                  <a:pt x="370" y="230"/>
                  <a:pt x="363" y="228"/>
                </a:cubicBezTo>
                <a:cubicBezTo>
                  <a:pt x="357" y="226"/>
                  <a:pt x="350" y="230"/>
                  <a:pt x="348" y="237"/>
                </a:cubicBezTo>
                <a:cubicBezTo>
                  <a:pt x="346" y="245"/>
                  <a:pt x="345" y="252"/>
                  <a:pt x="345" y="259"/>
                </a:cubicBezTo>
                <a:cubicBezTo>
                  <a:pt x="345" y="292"/>
                  <a:pt x="363" y="316"/>
                  <a:pt x="375" y="328"/>
                </a:cubicBezTo>
                <a:cubicBezTo>
                  <a:pt x="368" y="335"/>
                  <a:pt x="358" y="344"/>
                  <a:pt x="346" y="349"/>
                </a:cubicBezTo>
                <a:cubicBezTo>
                  <a:pt x="342" y="351"/>
                  <a:pt x="342" y="351"/>
                  <a:pt x="337" y="346"/>
                </a:cubicBezTo>
                <a:cubicBezTo>
                  <a:pt x="328" y="339"/>
                  <a:pt x="315" y="328"/>
                  <a:pt x="282" y="330"/>
                </a:cubicBezTo>
                <a:cubicBezTo>
                  <a:pt x="263" y="331"/>
                  <a:pt x="249" y="338"/>
                  <a:pt x="241" y="350"/>
                </a:cubicBezTo>
                <a:cubicBezTo>
                  <a:pt x="234" y="360"/>
                  <a:pt x="232" y="371"/>
                  <a:pt x="232" y="380"/>
                </a:cubicBezTo>
                <a:cubicBezTo>
                  <a:pt x="232" y="380"/>
                  <a:pt x="232" y="381"/>
                  <a:pt x="232" y="381"/>
                </a:cubicBezTo>
                <a:cubicBezTo>
                  <a:pt x="169" y="383"/>
                  <a:pt x="123" y="359"/>
                  <a:pt x="105" y="348"/>
                </a:cubicBezTo>
                <a:cubicBezTo>
                  <a:pt x="109" y="337"/>
                  <a:pt x="116" y="319"/>
                  <a:pt x="121" y="290"/>
                </a:cubicBezTo>
                <a:cubicBezTo>
                  <a:pt x="122" y="280"/>
                  <a:pt x="123" y="272"/>
                  <a:pt x="123" y="263"/>
                </a:cubicBezTo>
                <a:cubicBezTo>
                  <a:pt x="123" y="223"/>
                  <a:pt x="106" y="199"/>
                  <a:pt x="96" y="184"/>
                </a:cubicBezTo>
                <a:cubicBezTo>
                  <a:pt x="82" y="163"/>
                  <a:pt x="45" y="145"/>
                  <a:pt x="28" y="141"/>
                </a:cubicBezTo>
                <a:cubicBezTo>
                  <a:pt x="27" y="138"/>
                  <a:pt x="26" y="132"/>
                  <a:pt x="25" y="125"/>
                </a:cubicBezTo>
                <a:cubicBezTo>
                  <a:pt x="33" y="123"/>
                  <a:pt x="48" y="120"/>
                  <a:pt x="56" y="119"/>
                </a:cubicBezTo>
                <a:cubicBezTo>
                  <a:pt x="62" y="129"/>
                  <a:pt x="67" y="135"/>
                  <a:pt x="75" y="134"/>
                </a:cubicBezTo>
                <a:cubicBezTo>
                  <a:pt x="76" y="134"/>
                  <a:pt x="80" y="133"/>
                  <a:pt x="80" y="133"/>
                </a:cubicBezTo>
                <a:cubicBezTo>
                  <a:pt x="110" y="131"/>
                  <a:pt x="116" y="130"/>
                  <a:pt x="121" y="124"/>
                </a:cubicBezTo>
                <a:cubicBezTo>
                  <a:pt x="122" y="122"/>
                  <a:pt x="123" y="119"/>
                  <a:pt x="123" y="117"/>
                </a:cubicBezTo>
                <a:cubicBezTo>
                  <a:pt x="123" y="115"/>
                  <a:pt x="123" y="114"/>
                  <a:pt x="122" y="112"/>
                </a:cubicBezTo>
                <a:cubicBezTo>
                  <a:pt x="119" y="105"/>
                  <a:pt x="119" y="105"/>
                  <a:pt x="119" y="105"/>
                </a:cubicBezTo>
                <a:cubicBezTo>
                  <a:pt x="116" y="98"/>
                  <a:pt x="113" y="92"/>
                  <a:pt x="111" y="87"/>
                </a:cubicBezTo>
                <a:cubicBezTo>
                  <a:pt x="117" y="89"/>
                  <a:pt x="124" y="92"/>
                  <a:pt x="128" y="94"/>
                </a:cubicBezTo>
                <a:cubicBezTo>
                  <a:pt x="145" y="101"/>
                  <a:pt x="147" y="103"/>
                  <a:pt x="152" y="102"/>
                </a:cubicBezTo>
                <a:cubicBezTo>
                  <a:pt x="161" y="102"/>
                  <a:pt x="164" y="94"/>
                  <a:pt x="167" y="87"/>
                </a:cubicBezTo>
                <a:cubicBezTo>
                  <a:pt x="168" y="85"/>
                  <a:pt x="170" y="79"/>
                  <a:pt x="172" y="77"/>
                </a:cubicBezTo>
                <a:cubicBezTo>
                  <a:pt x="192" y="77"/>
                  <a:pt x="209" y="59"/>
                  <a:pt x="211" y="42"/>
                </a:cubicBezTo>
                <a:cubicBezTo>
                  <a:pt x="211" y="41"/>
                  <a:pt x="211" y="40"/>
                  <a:pt x="211" y="38"/>
                </a:cubicBezTo>
                <a:cubicBezTo>
                  <a:pt x="211" y="36"/>
                  <a:pt x="211" y="34"/>
                  <a:pt x="211" y="32"/>
                </a:cubicBezTo>
                <a:cubicBezTo>
                  <a:pt x="210" y="30"/>
                  <a:pt x="210" y="28"/>
                  <a:pt x="210" y="27"/>
                </a:cubicBezTo>
                <a:cubicBezTo>
                  <a:pt x="213" y="26"/>
                  <a:pt x="217" y="26"/>
                  <a:pt x="221" y="25"/>
                </a:cubicBezTo>
                <a:cubicBezTo>
                  <a:pt x="237" y="40"/>
                  <a:pt x="296" y="90"/>
                  <a:pt x="375" y="109"/>
                </a:cubicBezTo>
                <a:cubicBezTo>
                  <a:pt x="372" y="121"/>
                  <a:pt x="368" y="140"/>
                  <a:pt x="368" y="157"/>
                </a:cubicBezTo>
                <a:cubicBezTo>
                  <a:pt x="368" y="157"/>
                  <a:pt x="368" y="158"/>
                  <a:pt x="368" y="159"/>
                </a:cubicBezTo>
                <a:cubicBezTo>
                  <a:pt x="353" y="167"/>
                  <a:pt x="321" y="190"/>
                  <a:pt x="320" y="228"/>
                </a:cubicBezTo>
                <a:cubicBezTo>
                  <a:pt x="320" y="228"/>
                  <a:pt x="320" y="228"/>
                  <a:pt x="320" y="228"/>
                </a:cubicBezTo>
                <a:cubicBezTo>
                  <a:pt x="320" y="235"/>
                  <a:pt x="326" y="241"/>
                  <a:pt x="333" y="241"/>
                </a:cubicBezTo>
                <a:cubicBezTo>
                  <a:pt x="339" y="241"/>
                  <a:pt x="345" y="235"/>
                  <a:pt x="345" y="228"/>
                </a:cubicBezTo>
                <a:cubicBezTo>
                  <a:pt x="345" y="195"/>
                  <a:pt x="386" y="178"/>
                  <a:pt x="386" y="178"/>
                </a:cubicBezTo>
                <a:cubicBezTo>
                  <a:pt x="391" y="175"/>
                  <a:pt x="394" y="170"/>
                  <a:pt x="394" y="164"/>
                </a:cubicBezTo>
                <a:cubicBezTo>
                  <a:pt x="391" y="146"/>
                  <a:pt x="399" y="114"/>
                  <a:pt x="403" y="103"/>
                </a:cubicBezTo>
                <a:cubicBezTo>
                  <a:pt x="404" y="100"/>
                  <a:pt x="403" y="96"/>
                  <a:pt x="402" y="93"/>
                </a:cubicBezTo>
                <a:cubicBezTo>
                  <a:pt x="400" y="90"/>
                  <a:pt x="397" y="88"/>
                  <a:pt x="393" y="87"/>
                </a:cubicBezTo>
                <a:cubicBezTo>
                  <a:pt x="303" y="70"/>
                  <a:pt x="235" y="4"/>
                  <a:pt x="235" y="4"/>
                </a:cubicBezTo>
                <a:cubicBezTo>
                  <a:pt x="232" y="1"/>
                  <a:pt x="229" y="0"/>
                  <a:pt x="225" y="0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6" name="Freeform 664"/>
          <p:cNvSpPr>
            <a:spLocks noEditPoints="1"/>
          </p:cNvSpPr>
          <p:nvPr userDrawn="1"/>
        </p:nvSpPr>
        <p:spPr bwMode="auto">
          <a:xfrm>
            <a:off x="11088607" y="1205312"/>
            <a:ext cx="512763" cy="433388"/>
          </a:xfrm>
          <a:custGeom>
            <a:avLst/>
            <a:gdLst/>
            <a:ahLst/>
            <a:cxnLst>
              <a:cxn ang="0">
                <a:pos x="443" y="0"/>
              </a:cxn>
              <a:cxn ang="0">
                <a:pos x="217" y="90"/>
              </a:cxn>
              <a:cxn ang="0">
                <a:pos x="215" y="97"/>
              </a:cxn>
              <a:cxn ang="0">
                <a:pos x="215" y="336"/>
              </a:cxn>
              <a:cxn ang="0">
                <a:pos x="27" y="275"/>
              </a:cxn>
              <a:cxn ang="0">
                <a:pos x="27" y="28"/>
              </a:cxn>
              <a:cxn ang="0">
                <a:pos x="191" y="77"/>
              </a:cxn>
              <a:cxn ang="0">
                <a:pos x="210" y="75"/>
              </a:cxn>
              <a:cxn ang="0">
                <a:pos x="207" y="56"/>
              </a:cxn>
              <a:cxn ang="0">
                <a:pos x="14" y="0"/>
              </a:cxn>
              <a:cxn ang="0">
                <a:pos x="4" y="4"/>
              </a:cxn>
              <a:cxn ang="0">
                <a:pos x="0" y="14"/>
              </a:cxn>
              <a:cxn ang="0">
                <a:pos x="0" y="287"/>
              </a:cxn>
              <a:cxn ang="0">
                <a:pos x="13" y="301"/>
              </a:cxn>
              <a:cxn ang="0">
                <a:pos x="217" y="378"/>
              </a:cxn>
              <a:cxn ang="0">
                <a:pos x="218" y="379"/>
              </a:cxn>
              <a:cxn ang="0">
                <a:pos x="219" y="381"/>
              </a:cxn>
              <a:cxn ang="0">
                <a:pos x="220" y="382"/>
              </a:cxn>
              <a:cxn ang="0">
                <a:pos x="221" y="382"/>
              </a:cxn>
              <a:cxn ang="0">
                <a:pos x="222" y="383"/>
              </a:cxn>
              <a:cxn ang="0">
                <a:pos x="224" y="384"/>
              </a:cxn>
              <a:cxn ang="0">
                <a:pos x="225" y="384"/>
              </a:cxn>
              <a:cxn ang="0">
                <a:pos x="228" y="384"/>
              </a:cxn>
              <a:cxn ang="0">
                <a:pos x="228" y="384"/>
              </a:cxn>
              <a:cxn ang="0">
                <a:pos x="228" y="384"/>
              </a:cxn>
              <a:cxn ang="0">
                <a:pos x="232" y="384"/>
              </a:cxn>
              <a:cxn ang="0">
                <a:pos x="232" y="384"/>
              </a:cxn>
              <a:cxn ang="0">
                <a:pos x="234" y="383"/>
              </a:cxn>
              <a:cxn ang="0">
                <a:pos x="235" y="383"/>
              </a:cxn>
              <a:cxn ang="0">
                <a:pos x="237" y="381"/>
              </a:cxn>
              <a:cxn ang="0">
                <a:pos x="237" y="381"/>
              </a:cxn>
              <a:cxn ang="0">
                <a:pos x="239" y="379"/>
              </a:cxn>
              <a:cxn ang="0">
                <a:pos x="240" y="378"/>
              </a:cxn>
              <a:cxn ang="0">
                <a:pos x="443" y="301"/>
              </a:cxn>
              <a:cxn ang="0">
                <a:pos x="456" y="287"/>
              </a:cxn>
              <a:cxn ang="0">
                <a:pos x="456" y="14"/>
              </a:cxn>
              <a:cxn ang="0">
                <a:pos x="452" y="4"/>
              </a:cxn>
              <a:cxn ang="0">
                <a:pos x="443" y="0"/>
              </a:cxn>
              <a:cxn ang="0">
                <a:pos x="430" y="28"/>
              </a:cxn>
              <a:cxn ang="0">
                <a:pos x="430" y="275"/>
              </a:cxn>
              <a:cxn ang="0">
                <a:pos x="242" y="336"/>
              </a:cxn>
              <a:cxn ang="0">
                <a:pos x="242" y="102"/>
              </a:cxn>
              <a:cxn ang="0">
                <a:pos x="430" y="28"/>
              </a:cxn>
            </a:cxnLst>
            <a:rect l="0" t="0" r="r" b="b"/>
            <a:pathLst>
              <a:path w="456" h="384">
                <a:moveTo>
                  <a:pt x="443" y="0"/>
                </a:moveTo>
                <a:cubicBezTo>
                  <a:pt x="436" y="0"/>
                  <a:pt x="273" y="5"/>
                  <a:pt x="217" y="90"/>
                </a:cubicBezTo>
                <a:cubicBezTo>
                  <a:pt x="216" y="92"/>
                  <a:pt x="215" y="95"/>
                  <a:pt x="215" y="97"/>
                </a:cubicBezTo>
                <a:cubicBezTo>
                  <a:pt x="215" y="97"/>
                  <a:pt x="215" y="283"/>
                  <a:pt x="215" y="336"/>
                </a:cubicBezTo>
                <a:cubicBezTo>
                  <a:pt x="159" y="288"/>
                  <a:pt x="62" y="277"/>
                  <a:pt x="27" y="275"/>
                </a:cubicBezTo>
                <a:cubicBezTo>
                  <a:pt x="27" y="253"/>
                  <a:pt x="27" y="52"/>
                  <a:pt x="27" y="28"/>
                </a:cubicBezTo>
                <a:cubicBezTo>
                  <a:pt x="59" y="30"/>
                  <a:pt x="141" y="40"/>
                  <a:pt x="191" y="77"/>
                </a:cubicBezTo>
                <a:cubicBezTo>
                  <a:pt x="197" y="82"/>
                  <a:pt x="205" y="81"/>
                  <a:pt x="210" y="75"/>
                </a:cubicBezTo>
                <a:cubicBezTo>
                  <a:pt x="214" y="69"/>
                  <a:pt x="213" y="61"/>
                  <a:pt x="207" y="56"/>
                </a:cubicBezTo>
                <a:cubicBezTo>
                  <a:pt x="137" y="3"/>
                  <a:pt x="19" y="0"/>
                  <a:pt x="14" y="0"/>
                </a:cubicBezTo>
                <a:cubicBezTo>
                  <a:pt x="10" y="0"/>
                  <a:pt x="7" y="1"/>
                  <a:pt x="4" y="4"/>
                </a:cubicBezTo>
                <a:cubicBezTo>
                  <a:pt x="2" y="6"/>
                  <a:pt x="0" y="10"/>
                  <a:pt x="0" y="14"/>
                </a:cubicBezTo>
                <a:cubicBezTo>
                  <a:pt x="0" y="287"/>
                  <a:pt x="0" y="287"/>
                  <a:pt x="0" y="287"/>
                </a:cubicBezTo>
                <a:cubicBezTo>
                  <a:pt x="0" y="294"/>
                  <a:pt x="6" y="300"/>
                  <a:pt x="13" y="301"/>
                </a:cubicBezTo>
                <a:cubicBezTo>
                  <a:pt x="15" y="301"/>
                  <a:pt x="169" y="305"/>
                  <a:pt x="217" y="378"/>
                </a:cubicBezTo>
                <a:cubicBezTo>
                  <a:pt x="217" y="379"/>
                  <a:pt x="218" y="379"/>
                  <a:pt x="218" y="379"/>
                </a:cubicBezTo>
                <a:cubicBezTo>
                  <a:pt x="218" y="380"/>
                  <a:pt x="219" y="380"/>
                  <a:pt x="219" y="381"/>
                </a:cubicBezTo>
                <a:cubicBezTo>
                  <a:pt x="219" y="381"/>
                  <a:pt x="220" y="381"/>
                  <a:pt x="220" y="382"/>
                </a:cubicBezTo>
                <a:cubicBezTo>
                  <a:pt x="221" y="382"/>
                  <a:pt x="221" y="382"/>
                  <a:pt x="221" y="382"/>
                </a:cubicBezTo>
                <a:cubicBezTo>
                  <a:pt x="221" y="382"/>
                  <a:pt x="221" y="382"/>
                  <a:pt x="222" y="383"/>
                </a:cubicBezTo>
                <a:cubicBezTo>
                  <a:pt x="222" y="383"/>
                  <a:pt x="223" y="383"/>
                  <a:pt x="224" y="384"/>
                </a:cubicBezTo>
                <a:cubicBezTo>
                  <a:pt x="224" y="384"/>
                  <a:pt x="224" y="384"/>
                  <a:pt x="225" y="384"/>
                </a:cubicBezTo>
                <a:cubicBezTo>
                  <a:pt x="226" y="384"/>
                  <a:pt x="227" y="384"/>
                  <a:pt x="228" y="384"/>
                </a:cubicBezTo>
                <a:cubicBezTo>
                  <a:pt x="228" y="384"/>
                  <a:pt x="228" y="384"/>
                  <a:pt x="228" y="384"/>
                </a:cubicBezTo>
                <a:cubicBezTo>
                  <a:pt x="228" y="384"/>
                  <a:pt x="228" y="384"/>
                  <a:pt x="228" y="384"/>
                </a:cubicBezTo>
                <a:cubicBezTo>
                  <a:pt x="230" y="384"/>
                  <a:pt x="231" y="384"/>
                  <a:pt x="232" y="384"/>
                </a:cubicBezTo>
                <a:cubicBezTo>
                  <a:pt x="232" y="384"/>
                  <a:pt x="232" y="384"/>
                  <a:pt x="232" y="384"/>
                </a:cubicBezTo>
                <a:cubicBezTo>
                  <a:pt x="233" y="384"/>
                  <a:pt x="234" y="383"/>
                  <a:pt x="234" y="383"/>
                </a:cubicBezTo>
                <a:cubicBezTo>
                  <a:pt x="235" y="383"/>
                  <a:pt x="235" y="383"/>
                  <a:pt x="235" y="383"/>
                </a:cubicBezTo>
                <a:cubicBezTo>
                  <a:pt x="236" y="382"/>
                  <a:pt x="236" y="382"/>
                  <a:pt x="237" y="381"/>
                </a:cubicBezTo>
                <a:cubicBezTo>
                  <a:pt x="237" y="381"/>
                  <a:pt x="237" y="381"/>
                  <a:pt x="237" y="381"/>
                </a:cubicBezTo>
                <a:cubicBezTo>
                  <a:pt x="238" y="380"/>
                  <a:pt x="239" y="379"/>
                  <a:pt x="239" y="379"/>
                </a:cubicBezTo>
                <a:cubicBezTo>
                  <a:pt x="239" y="379"/>
                  <a:pt x="239" y="378"/>
                  <a:pt x="240" y="378"/>
                </a:cubicBezTo>
                <a:cubicBezTo>
                  <a:pt x="287" y="305"/>
                  <a:pt x="442" y="301"/>
                  <a:pt x="443" y="301"/>
                </a:cubicBezTo>
                <a:cubicBezTo>
                  <a:pt x="450" y="300"/>
                  <a:pt x="456" y="294"/>
                  <a:pt x="456" y="287"/>
                </a:cubicBezTo>
                <a:cubicBezTo>
                  <a:pt x="456" y="14"/>
                  <a:pt x="456" y="14"/>
                  <a:pt x="456" y="14"/>
                </a:cubicBezTo>
                <a:cubicBezTo>
                  <a:pt x="456" y="10"/>
                  <a:pt x="455" y="6"/>
                  <a:pt x="452" y="4"/>
                </a:cubicBezTo>
                <a:cubicBezTo>
                  <a:pt x="450" y="1"/>
                  <a:pt x="446" y="0"/>
                  <a:pt x="443" y="0"/>
                </a:cubicBezTo>
                <a:close/>
                <a:moveTo>
                  <a:pt x="430" y="28"/>
                </a:moveTo>
                <a:cubicBezTo>
                  <a:pt x="430" y="52"/>
                  <a:pt x="430" y="253"/>
                  <a:pt x="430" y="275"/>
                </a:cubicBezTo>
                <a:cubicBezTo>
                  <a:pt x="395" y="277"/>
                  <a:pt x="298" y="288"/>
                  <a:pt x="242" y="336"/>
                </a:cubicBezTo>
                <a:cubicBezTo>
                  <a:pt x="242" y="284"/>
                  <a:pt x="242" y="109"/>
                  <a:pt x="242" y="102"/>
                </a:cubicBezTo>
                <a:cubicBezTo>
                  <a:pt x="283" y="44"/>
                  <a:pt x="391" y="30"/>
                  <a:pt x="430" y="2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7" name="Freeform 668"/>
          <p:cNvSpPr>
            <a:spLocks/>
          </p:cNvSpPr>
          <p:nvPr userDrawn="1"/>
        </p:nvSpPr>
        <p:spPr bwMode="auto">
          <a:xfrm>
            <a:off x="11159251" y="1815211"/>
            <a:ext cx="371475" cy="377825"/>
          </a:xfrm>
          <a:custGeom>
            <a:avLst/>
            <a:gdLst/>
            <a:ahLst/>
            <a:cxnLst>
              <a:cxn ang="0">
                <a:pos x="212" y="60"/>
              </a:cxn>
              <a:cxn ang="0">
                <a:pos x="37" y="15"/>
              </a:cxn>
              <a:cxn ang="0">
                <a:pos x="0" y="57"/>
              </a:cxn>
              <a:cxn ang="0">
                <a:pos x="9" y="69"/>
              </a:cxn>
              <a:cxn ang="0">
                <a:pos x="135" y="139"/>
              </a:cxn>
              <a:cxn ang="0">
                <a:pos x="31" y="210"/>
              </a:cxn>
              <a:cxn ang="0">
                <a:pos x="7" y="222"/>
              </a:cxn>
              <a:cxn ang="0">
                <a:pos x="24" y="240"/>
              </a:cxn>
              <a:cxn ang="0">
                <a:pos x="60" y="250"/>
              </a:cxn>
              <a:cxn ang="0">
                <a:pos x="162" y="145"/>
              </a:cxn>
              <a:cxn ang="0">
                <a:pos x="165" y="135"/>
              </a:cxn>
              <a:cxn ang="0">
                <a:pos x="53" y="56"/>
              </a:cxn>
              <a:cxn ang="0">
                <a:pos x="36" y="51"/>
              </a:cxn>
              <a:cxn ang="0">
                <a:pos x="212" y="86"/>
              </a:cxn>
              <a:cxn ang="0">
                <a:pos x="273" y="34"/>
              </a:cxn>
              <a:cxn ang="0">
                <a:pos x="304" y="38"/>
              </a:cxn>
              <a:cxn ang="0">
                <a:pos x="251" y="109"/>
              </a:cxn>
              <a:cxn ang="0">
                <a:pos x="248" y="122"/>
              </a:cxn>
              <a:cxn ang="0">
                <a:pos x="283" y="297"/>
              </a:cxn>
              <a:cxn ang="0">
                <a:pos x="278" y="280"/>
              </a:cxn>
              <a:cxn ang="0">
                <a:pos x="198" y="169"/>
              </a:cxn>
              <a:cxn ang="0">
                <a:pos x="86" y="260"/>
              </a:cxn>
              <a:cxn ang="0">
                <a:pos x="83" y="274"/>
              </a:cxn>
              <a:cxn ang="0">
                <a:pos x="94" y="309"/>
              </a:cxn>
              <a:cxn ang="0">
                <a:pos x="94" y="327"/>
              </a:cxn>
              <a:cxn ang="0">
                <a:pos x="121" y="316"/>
              </a:cxn>
              <a:cxn ang="0">
                <a:pos x="124" y="302"/>
              </a:cxn>
              <a:cxn ang="0">
                <a:pos x="194" y="199"/>
              </a:cxn>
              <a:cxn ang="0">
                <a:pos x="264" y="324"/>
              </a:cxn>
              <a:cxn ang="0">
                <a:pos x="285" y="330"/>
              </a:cxn>
              <a:cxn ang="0">
                <a:pos x="322" y="288"/>
              </a:cxn>
              <a:cxn ang="0">
                <a:pos x="273" y="122"/>
              </a:cxn>
              <a:cxn ang="0">
                <a:pos x="329" y="39"/>
              </a:cxn>
              <a:cxn ang="0">
                <a:pos x="256" y="17"/>
              </a:cxn>
            </a:cxnLst>
            <a:rect l="0" t="0" r="r" b="b"/>
            <a:pathLst>
              <a:path w="329" h="334">
                <a:moveTo>
                  <a:pt x="256" y="17"/>
                </a:moveTo>
                <a:cubicBezTo>
                  <a:pt x="256" y="17"/>
                  <a:pt x="220" y="52"/>
                  <a:pt x="212" y="60"/>
                </a:cubicBezTo>
                <a:cubicBezTo>
                  <a:pt x="199" y="56"/>
                  <a:pt x="49" y="12"/>
                  <a:pt x="49" y="12"/>
                </a:cubicBezTo>
                <a:cubicBezTo>
                  <a:pt x="45" y="10"/>
                  <a:pt x="40" y="12"/>
                  <a:pt x="37" y="15"/>
                </a:cubicBezTo>
                <a:cubicBezTo>
                  <a:pt x="4" y="49"/>
                  <a:pt x="4" y="49"/>
                  <a:pt x="4" y="49"/>
                </a:cubicBezTo>
                <a:cubicBezTo>
                  <a:pt x="1" y="51"/>
                  <a:pt x="0" y="54"/>
                  <a:pt x="0" y="57"/>
                </a:cubicBezTo>
                <a:cubicBezTo>
                  <a:pt x="0" y="58"/>
                  <a:pt x="0" y="59"/>
                  <a:pt x="0" y="61"/>
                </a:cubicBezTo>
                <a:cubicBezTo>
                  <a:pt x="2" y="65"/>
                  <a:pt x="5" y="68"/>
                  <a:pt x="9" y="69"/>
                </a:cubicBezTo>
                <a:cubicBezTo>
                  <a:pt x="9" y="69"/>
                  <a:pt x="38" y="76"/>
                  <a:pt x="41" y="77"/>
                </a:cubicBezTo>
                <a:cubicBezTo>
                  <a:pt x="45" y="79"/>
                  <a:pt x="117" y="127"/>
                  <a:pt x="135" y="139"/>
                </a:cubicBezTo>
                <a:cubicBezTo>
                  <a:pt x="121" y="155"/>
                  <a:pt x="71" y="213"/>
                  <a:pt x="62" y="224"/>
                </a:cubicBezTo>
                <a:cubicBezTo>
                  <a:pt x="51" y="219"/>
                  <a:pt x="31" y="210"/>
                  <a:pt x="31" y="210"/>
                </a:cubicBezTo>
                <a:cubicBezTo>
                  <a:pt x="27" y="208"/>
                  <a:pt x="21" y="209"/>
                  <a:pt x="17" y="212"/>
                </a:cubicBezTo>
                <a:cubicBezTo>
                  <a:pt x="7" y="222"/>
                  <a:pt x="7" y="222"/>
                  <a:pt x="7" y="222"/>
                </a:cubicBezTo>
                <a:cubicBezTo>
                  <a:pt x="2" y="227"/>
                  <a:pt x="2" y="235"/>
                  <a:pt x="7" y="240"/>
                </a:cubicBezTo>
                <a:cubicBezTo>
                  <a:pt x="12" y="245"/>
                  <a:pt x="20" y="245"/>
                  <a:pt x="24" y="240"/>
                </a:cubicBezTo>
                <a:cubicBezTo>
                  <a:pt x="24" y="240"/>
                  <a:pt x="27" y="238"/>
                  <a:pt x="29" y="236"/>
                </a:cubicBezTo>
                <a:cubicBezTo>
                  <a:pt x="38" y="240"/>
                  <a:pt x="60" y="250"/>
                  <a:pt x="60" y="250"/>
                </a:cubicBezTo>
                <a:cubicBezTo>
                  <a:pt x="65" y="253"/>
                  <a:pt x="71" y="251"/>
                  <a:pt x="74" y="247"/>
                </a:cubicBezTo>
                <a:cubicBezTo>
                  <a:pt x="162" y="145"/>
                  <a:pt x="162" y="145"/>
                  <a:pt x="162" y="145"/>
                </a:cubicBezTo>
                <a:cubicBezTo>
                  <a:pt x="164" y="143"/>
                  <a:pt x="165" y="140"/>
                  <a:pt x="165" y="137"/>
                </a:cubicBezTo>
                <a:cubicBezTo>
                  <a:pt x="165" y="136"/>
                  <a:pt x="165" y="136"/>
                  <a:pt x="165" y="135"/>
                </a:cubicBezTo>
                <a:cubicBezTo>
                  <a:pt x="165" y="132"/>
                  <a:pt x="163" y="129"/>
                  <a:pt x="160" y="127"/>
                </a:cubicBezTo>
                <a:cubicBezTo>
                  <a:pt x="53" y="56"/>
                  <a:pt x="53" y="56"/>
                  <a:pt x="53" y="56"/>
                </a:cubicBezTo>
                <a:cubicBezTo>
                  <a:pt x="52" y="55"/>
                  <a:pt x="51" y="54"/>
                  <a:pt x="49" y="54"/>
                </a:cubicBezTo>
                <a:cubicBezTo>
                  <a:pt x="49" y="54"/>
                  <a:pt x="43" y="52"/>
                  <a:pt x="36" y="51"/>
                </a:cubicBezTo>
                <a:cubicBezTo>
                  <a:pt x="43" y="44"/>
                  <a:pt x="46" y="41"/>
                  <a:pt x="49" y="37"/>
                </a:cubicBezTo>
                <a:cubicBezTo>
                  <a:pt x="62" y="41"/>
                  <a:pt x="212" y="86"/>
                  <a:pt x="212" y="86"/>
                </a:cubicBezTo>
                <a:cubicBezTo>
                  <a:pt x="216" y="87"/>
                  <a:pt x="221" y="86"/>
                  <a:pt x="224" y="83"/>
                </a:cubicBezTo>
                <a:cubicBezTo>
                  <a:pt x="273" y="34"/>
                  <a:pt x="273" y="34"/>
                  <a:pt x="273" y="34"/>
                </a:cubicBezTo>
                <a:cubicBezTo>
                  <a:pt x="277" y="30"/>
                  <a:pt x="296" y="28"/>
                  <a:pt x="303" y="31"/>
                </a:cubicBezTo>
                <a:cubicBezTo>
                  <a:pt x="304" y="32"/>
                  <a:pt x="304" y="35"/>
                  <a:pt x="304" y="38"/>
                </a:cubicBezTo>
                <a:cubicBezTo>
                  <a:pt x="304" y="47"/>
                  <a:pt x="302" y="58"/>
                  <a:pt x="300" y="61"/>
                </a:cubicBezTo>
                <a:cubicBezTo>
                  <a:pt x="251" y="109"/>
                  <a:pt x="251" y="109"/>
                  <a:pt x="251" y="109"/>
                </a:cubicBezTo>
                <a:cubicBezTo>
                  <a:pt x="248" y="112"/>
                  <a:pt x="247" y="115"/>
                  <a:pt x="247" y="118"/>
                </a:cubicBezTo>
                <a:cubicBezTo>
                  <a:pt x="247" y="119"/>
                  <a:pt x="247" y="120"/>
                  <a:pt x="248" y="122"/>
                </a:cubicBezTo>
                <a:cubicBezTo>
                  <a:pt x="248" y="122"/>
                  <a:pt x="292" y="271"/>
                  <a:pt x="296" y="284"/>
                </a:cubicBezTo>
                <a:cubicBezTo>
                  <a:pt x="293" y="288"/>
                  <a:pt x="290" y="291"/>
                  <a:pt x="283" y="297"/>
                </a:cubicBezTo>
                <a:cubicBezTo>
                  <a:pt x="281" y="291"/>
                  <a:pt x="280" y="284"/>
                  <a:pt x="280" y="284"/>
                </a:cubicBezTo>
                <a:cubicBezTo>
                  <a:pt x="279" y="283"/>
                  <a:pt x="279" y="282"/>
                  <a:pt x="278" y="280"/>
                </a:cubicBezTo>
                <a:cubicBezTo>
                  <a:pt x="207" y="174"/>
                  <a:pt x="207" y="174"/>
                  <a:pt x="207" y="174"/>
                </a:cubicBezTo>
                <a:cubicBezTo>
                  <a:pt x="205" y="171"/>
                  <a:pt x="202" y="169"/>
                  <a:pt x="198" y="169"/>
                </a:cubicBezTo>
                <a:cubicBezTo>
                  <a:pt x="195" y="168"/>
                  <a:pt x="191" y="169"/>
                  <a:pt x="189" y="171"/>
                </a:cubicBezTo>
                <a:cubicBezTo>
                  <a:pt x="86" y="260"/>
                  <a:pt x="86" y="260"/>
                  <a:pt x="86" y="260"/>
                </a:cubicBezTo>
                <a:cubicBezTo>
                  <a:pt x="84" y="262"/>
                  <a:pt x="82" y="265"/>
                  <a:pt x="82" y="269"/>
                </a:cubicBezTo>
                <a:cubicBezTo>
                  <a:pt x="82" y="271"/>
                  <a:pt x="83" y="272"/>
                  <a:pt x="83" y="274"/>
                </a:cubicBezTo>
                <a:cubicBezTo>
                  <a:pt x="83" y="274"/>
                  <a:pt x="93" y="295"/>
                  <a:pt x="98" y="305"/>
                </a:cubicBezTo>
                <a:cubicBezTo>
                  <a:pt x="96" y="307"/>
                  <a:pt x="94" y="309"/>
                  <a:pt x="94" y="309"/>
                </a:cubicBezTo>
                <a:cubicBezTo>
                  <a:pt x="91" y="312"/>
                  <a:pt x="90" y="315"/>
                  <a:pt x="90" y="318"/>
                </a:cubicBezTo>
                <a:cubicBezTo>
                  <a:pt x="90" y="321"/>
                  <a:pt x="91" y="324"/>
                  <a:pt x="94" y="327"/>
                </a:cubicBezTo>
                <a:cubicBezTo>
                  <a:pt x="99" y="331"/>
                  <a:pt x="106" y="331"/>
                  <a:pt x="111" y="327"/>
                </a:cubicBezTo>
                <a:cubicBezTo>
                  <a:pt x="121" y="316"/>
                  <a:pt x="121" y="316"/>
                  <a:pt x="121" y="316"/>
                </a:cubicBezTo>
                <a:cubicBezTo>
                  <a:pt x="124" y="314"/>
                  <a:pt x="125" y="311"/>
                  <a:pt x="125" y="308"/>
                </a:cubicBezTo>
                <a:cubicBezTo>
                  <a:pt x="125" y="306"/>
                  <a:pt x="125" y="304"/>
                  <a:pt x="124" y="302"/>
                </a:cubicBezTo>
                <a:cubicBezTo>
                  <a:pt x="124" y="302"/>
                  <a:pt x="114" y="282"/>
                  <a:pt x="110" y="272"/>
                </a:cubicBezTo>
                <a:cubicBezTo>
                  <a:pt x="120" y="263"/>
                  <a:pt x="179" y="212"/>
                  <a:pt x="194" y="199"/>
                </a:cubicBezTo>
                <a:cubicBezTo>
                  <a:pt x="206" y="217"/>
                  <a:pt x="254" y="289"/>
                  <a:pt x="256" y="292"/>
                </a:cubicBezTo>
                <a:cubicBezTo>
                  <a:pt x="257" y="296"/>
                  <a:pt x="264" y="324"/>
                  <a:pt x="264" y="324"/>
                </a:cubicBezTo>
                <a:cubicBezTo>
                  <a:pt x="266" y="329"/>
                  <a:pt x="269" y="332"/>
                  <a:pt x="273" y="333"/>
                </a:cubicBezTo>
                <a:cubicBezTo>
                  <a:pt x="277" y="334"/>
                  <a:pt x="282" y="333"/>
                  <a:pt x="285" y="330"/>
                </a:cubicBezTo>
                <a:cubicBezTo>
                  <a:pt x="319" y="296"/>
                  <a:pt x="319" y="296"/>
                  <a:pt x="319" y="296"/>
                </a:cubicBezTo>
                <a:cubicBezTo>
                  <a:pt x="321" y="294"/>
                  <a:pt x="322" y="291"/>
                  <a:pt x="322" y="288"/>
                </a:cubicBezTo>
                <a:cubicBezTo>
                  <a:pt x="322" y="287"/>
                  <a:pt x="322" y="285"/>
                  <a:pt x="322" y="284"/>
                </a:cubicBezTo>
                <a:cubicBezTo>
                  <a:pt x="322" y="284"/>
                  <a:pt x="277" y="134"/>
                  <a:pt x="273" y="122"/>
                </a:cubicBezTo>
                <a:cubicBezTo>
                  <a:pt x="282" y="113"/>
                  <a:pt x="317" y="78"/>
                  <a:pt x="317" y="78"/>
                </a:cubicBezTo>
                <a:cubicBezTo>
                  <a:pt x="324" y="71"/>
                  <a:pt x="329" y="54"/>
                  <a:pt x="329" y="39"/>
                </a:cubicBezTo>
                <a:cubicBezTo>
                  <a:pt x="329" y="28"/>
                  <a:pt x="326" y="18"/>
                  <a:pt x="321" y="13"/>
                </a:cubicBezTo>
                <a:cubicBezTo>
                  <a:pt x="308" y="0"/>
                  <a:pt x="268" y="4"/>
                  <a:pt x="256" y="1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33" name="Freeform 9"/>
          <p:cNvSpPr>
            <a:spLocks/>
          </p:cNvSpPr>
          <p:nvPr userDrawn="1"/>
        </p:nvSpPr>
        <p:spPr bwMode="auto">
          <a:xfrm>
            <a:off x="447676" y="5857905"/>
            <a:ext cx="69731" cy="331422"/>
          </a:xfrm>
          <a:custGeom>
            <a:avLst/>
            <a:gdLst/>
            <a:ahLst/>
            <a:cxnLst>
              <a:cxn ang="0">
                <a:pos x="59" y="400"/>
              </a:cxn>
              <a:cxn ang="0">
                <a:pos x="50" y="380"/>
              </a:cxn>
              <a:cxn ang="0">
                <a:pos x="50" y="247"/>
              </a:cxn>
              <a:cxn ang="0">
                <a:pos x="34" y="213"/>
              </a:cxn>
              <a:cxn ang="0">
                <a:pos x="50" y="180"/>
              </a:cxn>
              <a:cxn ang="0">
                <a:pos x="50" y="46"/>
              </a:cxn>
              <a:cxn ang="0">
                <a:pos x="59" y="26"/>
              </a:cxn>
              <a:cxn ang="0">
                <a:pos x="72" y="13"/>
              </a:cxn>
              <a:cxn ang="0">
                <a:pos x="59" y="0"/>
              </a:cxn>
              <a:cxn ang="0">
                <a:pos x="23" y="46"/>
              </a:cxn>
              <a:cxn ang="0">
                <a:pos x="23" y="180"/>
              </a:cxn>
              <a:cxn ang="0">
                <a:pos x="6" y="202"/>
              </a:cxn>
              <a:cxn ang="0">
                <a:pos x="0" y="213"/>
              </a:cxn>
              <a:cxn ang="0">
                <a:pos x="6" y="224"/>
              </a:cxn>
              <a:cxn ang="0">
                <a:pos x="23" y="247"/>
              </a:cxn>
              <a:cxn ang="0">
                <a:pos x="23" y="380"/>
              </a:cxn>
              <a:cxn ang="0">
                <a:pos x="59" y="427"/>
              </a:cxn>
              <a:cxn ang="0">
                <a:pos x="72" y="414"/>
              </a:cxn>
              <a:cxn ang="0">
                <a:pos x="59" y="400"/>
              </a:cxn>
            </a:cxnLst>
            <a:rect l="0" t="0" r="r" b="b"/>
            <a:pathLst>
              <a:path w="72" h="427">
                <a:moveTo>
                  <a:pt x="59" y="400"/>
                </a:moveTo>
                <a:cubicBezTo>
                  <a:pt x="56" y="400"/>
                  <a:pt x="50" y="393"/>
                  <a:pt x="50" y="380"/>
                </a:cubicBezTo>
                <a:cubicBezTo>
                  <a:pt x="50" y="247"/>
                  <a:pt x="50" y="247"/>
                  <a:pt x="50" y="247"/>
                </a:cubicBezTo>
                <a:cubicBezTo>
                  <a:pt x="50" y="233"/>
                  <a:pt x="42" y="221"/>
                  <a:pt x="34" y="213"/>
                </a:cubicBezTo>
                <a:cubicBezTo>
                  <a:pt x="42" y="205"/>
                  <a:pt x="50" y="194"/>
                  <a:pt x="50" y="180"/>
                </a:cubicBezTo>
                <a:cubicBezTo>
                  <a:pt x="50" y="46"/>
                  <a:pt x="50" y="46"/>
                  <a:pt x="50" y="46"/>
                </a:cubicBezTo>
                <a:cubicBezTo>
                  <a:pt x="50" y="34"/>
                  <a:pt x="56" y="26"/>
                  <a:pt x="59" y="26"/>
                </a:cubicBezTo>
                <a:cubicBezTo>
                  <a:pt x="66" y="26"/>
                  <a:pt x="72" y="20"/>
                  <a:pt x="72" y="13"/>
                </a:cubicBezTo>
                <a:cubicBezTo>
                  <a:pt x="72" y="6"/>
                  <a:pt x="66" y="0"/>
                  <a:pt x="59" y="0"/>
                </a:cubicBezTo>
                <a:cubicBezTo>
                  <a:pt x="39" y="0"/>
                  <a:pt x="23" y="20"/>
                  <a:pt x="23" y="46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88"/>
                  <a:pt x="12" y="199"/>
                  <a:pt x="6" y="202"/>
                </a:cubicBezTo>
                <a:cubicBezTo>
                  <a:pt x="3" y="205"/>
                  <a:pt x="0" y="209"/>
                  <a:pt x="0" y="213"/>
                </a:cubicBezTo>
                <a:cubicBezTo>
                  <a:pt x="0" y="218"/>
                  <a:pt x="3" y="222"/>
                  <a:pt x="6" y="224"/>
                </a:cubicBezTo>
                <a:cubicBezTo>
                  <a:pt x="12" y="228"/>
                  <a:pt x="23" y="238"/>
                  <a:pt x="23" y="247"/>
                </a:cubicBezTo>
                <a:cubicBezTo>
                  <a:pt x="23" y="380"/>
                  <a:pt x="23" y="380"/>
                  <a:pt x="23" y="380"/>
                </a:cubicBezTo>
                <a:cubicBezTo>
                  <a:pt x="23" y="407"/>
                  <a:pt x="39" y="427"/>
                  <a:pt x="59" y="427"/>
                </a:cubicBezTo>
                <a:cubicBezTo>
                  <a:pt x="66" y="427"/>
                  <a:pt x="72" y="421"/>
                  <a:pt x="72" y="414"/>
                </a:cubicBezTo>
                <a:cubicBezTo>
                  <a:pt x="72" y="406"/>
                  <a:pt x="66" y="400"/>
                  <a:pt x="59" y="400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37" name="Freeform 13"/>
          <p:cNvSpPr>
            <a:spLocks/>
          </p:cNvSpPr>
          <p:nvPr userDrawn="1"/>
        </p:nvSpPr>
        <p:spPr bwMode="auto">
          <a:xfrm>
            <a:off x="611747" y="5857905"/>
            <a:ext cx="72465" cy="331422"/>
          </a:xfrm>
          <a:custGeom>
            <a:avLst/>
            <a:gdLst/>
            <a:ahLst/>
            <a:cxnLst>
              <a:cxn ang="0">
                <a:pos x="72" y="214"/>
              </a:cxn>
              <a:cxn ang="0">
                <a:pos x="66" y="202"/>
              </a:cxn>
              <a:cxn ang="0">
                <a:pos x="50" y="180"/>
              </a:cxn>
              <a:cxn ang="0">
                <a:pos x="50" y="46"/>
              </a:cxn>
              <a:cxn ang="0">
                <a:pos x="14" y="0"/>
              </a:cxn>
              <a:cxn ang="0">
                <a:pos x="0" y="13"/>
              </a:cxn>
              <a:cxn ang="0">
                <a:pos x="14" y="26"/>
              </a:cxn>
              <a:cxn ang="0">
                <a:pos x="23" y="46"/>
              </a:cxn>
              <a:cxn ang="0">
                <a:pos x="23" y="180"/>
              </a:cxn>
              <a:cxn ang="0">
                <a:pos x="39" y="213"/>
              </a:cxn>
              <a:cxn ang="0">
                <a:pos x="23" y="247"/>
              </a:cxn>
              <a:cxn ang="0">
                <a:pos x="23" y="380"/>
              </a:cxn>
              <a:cxn ang="0">
                <a:pos x="14" y="400"/>
              </a:cxn>
              <a:cxn ang="0">
                <a:pos x="0" y="414"/>
              </a:cxn>
              <a:cxn ang="0">
                <a:pos x="14" y="427"/>
              </a:cxn>
              <a:cxn ang="0">
                <a:pos x="50" y="380"/>
              </a:cxn>
              <a:cxn ang="0">
                <a:pos x="50" y="247"/>
              </a:cxn>
              <a:cxn ang="0">
                <a:pos x="66" y="224"/>
              </a:cxn>
              <a:cxn ang="0">
                <a:pos x="65" y="225"/>
              </a:cxn>
              <a:cxn ang="0">
                <a:pos x="72" y="214"/>
              </a:cxn>
            </a:cxnLst>
            <a:rect l="0" t="0" r="r" b="b"/>
            <a:pathLst>
              <a:path w="73" h="427">
                <a:moveTo>
                  <a:pt x="72" y="214"/>
                </a:moveTo>
                <a:cubicBezTo>
                  <a:pt x="73" y="209"/>
                  <a:pt x="70" y="205"/>
                  <a:pt x="66" y="202"/>
                </a:cubicBezTo>
                <a:cubicBezTo>
                  <a:pt x="61" y="199"/>
                  <a:pt x="50" y="188"/>
                  <a:pt x="50" y="180"/>
                </a:cubicBezTo>
                <a:cubicBezTo>
                  <a:pt x="50" y="46"/>
                  <a:pt x="50" y="46"/>
                  <a:pt x="50" y="46"/>
                </a:cubicBezTo>
                <a:cubicBezTo>
                  <a:pt x="50" y="20"/>
                  <a:pt x="34" y="0"/>
                  <a:pt x="14" y="0"/>
                </a:cubicBezTo>
                <a:cubicBezTo>
                  <a:pt x="6" y="0"/>
                  <a:pt x="0" y="6"/>
                  <a:pt x="0" y="13"/>
                </a:cubicBezTo>
                <a:cubicBezTo>
                  <a:pt x="0" y="20"/>
                  <a:pt x="6" y="26"/>
                  <a:pt x="14" y="26"/>
                </a:cubicBezTo>
                <a:cubicBezTo>
                  <a:pt x="17" y="26"/>
                  <a:pt x="23" y="34"/>
                  <a:pt x="23" y="46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94"/>
                  <a:pt x="31" y="205"/>
                  <a:pt x="39" y="213"/>
                </a:cubicBezTo>
                <a:cubicBezTo>
                  <a:pt x="31" y="221"/>
                  <a:pt x="23" y="233"/>
                  <a:pt x="23" y="247"/>
                </a:cubicBezTo>
                <a:cubicBezTo>
                  <a:pt x="23" y="380"/>
                  <a:pt x="23" y="380"/>
                  <a:pt x="23" y="380"/>
                </a:cubicBezTo>
                <a:cubicBezTo>
                  <a:pt x="23" y="393"/>
                  <a:pt x="17" y="400"/>
                  <a:pt x="14" y="400"/>
                </a:cubicBezTo>
                <a:cubicBezTo>
                  <a:pt x="6" y="400"/>
                  <a:pt x="0" y="406"/>
                  <a:pt x="0" y="414"/>
                </a:cubicBezTo>
                <a:cubicBezTo>
                  <a:pt x="0" y="421"/>
                  <a:pt x="6" y="427"/>
                  <a:pt x="14" y="427"/>
                </a:cubicBezTo>
                <a:cubicBezTo>
                  <a:pt x="34" y="427"/>
                  <a:pt x="50" y="407"/>
                  <a:pt x="50" y="380"/>
                </a:cubicBezTo>
                <a:cubicBezTo>
                  <a:pt x="50" y="247"/>
                  <a:pt x="50" y="247"/>
                  <a:pt x="50" y="247"/>
                </a:cubicBezTo>
                <a:cubicBezTo>
                  <a:pt x="50" y="238"/>
                  <a:pt x="61" y="228"/>
                  <a:pt x="66" y="224"/>
                </a:cubicBezTo>
                <a:cubicBezTo>
                  <a:pt x="66" y="225"/>
                  <a:pt x="65" y="225"/>
                  <a:pt x="65" y="225"/>
                </a:cubicBezTo>
                <a:cubicBezTo>
                  <a:pt x="69" y="223"/>
                  <a:pt x="72" y="219"/>
                  <a:pt x="72" y="21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1" name="Freeform 17"/>
          <p:cNvSpPr>
            <a:spLocks noEditPoints="1"/>
          </p:cNvSpPr>
          <p:nvPr userDrawn="1"/>
        </p:nvSpPr>
        <p:spPr bwMode="auto">
          <a:xfrm>
            <a:off x="887413" y="6024563"/>
            <a:ext cx="174625" cy="92075"/>
          </a:xfrm>
          <a:custGeom>
            <a:avLst/>
            <a:gdLst/>
            <a:ahLst/>
            <a:cxnLst>
              <a:cxn ang="0">
                <a:pos x="149" y="6"/>
              </a:cxn>
              <a:cxn ang="0">
                <a:pos x="149" y="6"/>
              </a:cxn>
              <a:cxn ang="0">
                <a:pos x="149" y="6"/>
              </a:cxn>
              <a:cxn ang="0">
                <a:pos x="152" y="60"/>
              </a:cxn>
              <a:cxn ang="0">
                <a:pos x="153" y="53"/>
              </a:cxn>
              <a:cxn ang="0">
                <a:pos x="153" y="23"/>
              </a:cxn>
              <a:cxn ang="0">
                <a:pos x="153" y="14"/>
              </a:cxn>
              <a:cxn ang="0">
                <a:pos x="149" y="6"/>
              </a:cxn>
              <a:cxn ang="0">
                <a:pos x="140" y="2"/>
              </a:cxn>
              <a:cxn ang="0">
                <a:pos x="132" y="2"/>
              </a:cxn>
              <a:cxn ang="0">
                <a:pos x="103" y="3"/>
              </a:cxn>
              <a:cxn ang="0">
                <a:pos x="96" y="4"/>
              </a:cxn>
              <a:cxn ang="0">
                <a:pos x="88" y="16"/>
              </a:cxn>
              <a:cxn ang="0">
                <a:pos x="102" y="25"/>
              </a:cxn>
              <a:cxn ang="0">
                <a:pos x="114" y="24"/>
              </a:cxn>
              <a:cxn ang="0">
                <a:pos x="98" y="39"/>
              </a:cxn>
              <a:cxn ang="0">
                <a:pos x="77" y="48"/>
              </a:cxn>
              <a:cxn ang="0">
                <a:pos x="28" y="12"/>
              </a:cxn>
              <a:cxn ang="0">
                <a:pos x="12" y="1"/>
              </a:cxn>
              <a:cxn ang="0">
                <a:pos x="1" y="17"/>
              </a:cxn>
              <a:cxn ang="0">
                <a:pos x="82" y="75"/>
              </a:cxn>
              <a:cxn ang="0">
                <a:pos x="112" y="62"/>
              </a:cxn>
              <a:cxn ang="0">
                <a:pos x="132" y="43"/>
              </a:cxn>
              <a:cxn ang="0">
                <a:pos x="131" y="54"/>
              </a:cxn>
              <a:cxn ang="0">
                <a:pos x="140" y="68"/>
              </a:cxn>
              <a:cxn ang="0">
                <a:pos x="152" y="60"/>
              </a:cxn>
            </a:cxnLst>
            <a:rect l="0" t="0" r="r" b="b"/>
            <a:pathLst>
              <a:path w="154" h="81">
                <a:moveTo>
                  <a:pt x="149" y="6"/>
                </a:moveTo>
                <a:cubicBezTo>
                  <a:pt x="149" y="6"/>
                  <a:pt x="149" y="6"/>
                  <a:pt x="149" y="6"/>
                </a:cubicBezTo>
                <a:cubicBezTo>
                  <a:pt x="149" y="6"/>
                  <a:pt x="149" y="6"/>
                  <a:pt x="149" y="6"/>
                </a:cubicBezTo>
                <a:close/>
                <a:moveTo>
                  <a:pt x="152" y="60"/>
                </a:moveTo>
                <a:cubicBezTo>
                  <a:pt x="153" y="53"/>
                  <a:pt x="153" y="53"/>
                  <a:pt x="153" y="53"/>
                </a:cubicBezTo>
                <a:cubicBezTo>
                  <a:pt x="153" y="23"/>
                  <a:pt x="153" y="23"/>
                  <a:pt x="153" y="23"/>
                </a:cubicBezTo>
                <a:cubicBezTo>
                  <a:pt x="154" y="19"/>
                  <a:pt x="154" y="17"/>
                  <a:pt x="153" y="14"/>
                </a:cubicBezTo>
                <a:cubicBezTo>
                  <a:pt x="153" y="12"/>
                  <a:pt x="151" y="9"/>
                  <a:pt x="149" y="6"/>
                </a:cubicBezTo>
                <a:cubicBezTo>
                  <a:pt x="146" y="3"/>
                  <a:pt x="143" y="2"/>
                  <a:pt x="140" y="2"/>
                </a:cubicBezTo>
                <a:cubicBezTo>
                  <a:pt x="138" y="1"/>
                  <a:pt x="135" y="1"/>
                  <a:pt x="132" y="2"/>
                </a:cubicBezTo>
                <a:cubicBezTo>
                  <a:pt x="103" y="3"/>
                  <a:pt x="103" y="3"/>
                  <a:pt x="103" y="3"/>
                </a:cubicBezTo>
                <a:cubicBezTo>
                  <a:pt x="96" y="4"/>
                  <a:pt x="96" y="4"/>
                  <a:pt x="96" y="4"/>
                </a:cubicBezTo>
                <a:cubicBezTo>
                  <a:pt x="96" y="4"/>
                  <a:pt x="86" y="4"/>
                  <a:pt x="88" y="16"/>
                </a:cubicBezTo>
                <a:cubicBezTo>
                  <a:pt x="89" y="24"/>
                  <a:pt x="94" y="26"/>
                  <a:pt x="102" y="25"/>
                </a:cubicBezTo>
                <a:cubicBezTo>
                  <a:pt x="105" y="25"/>
                  <a:pt x="109" y="25"/>
                  <a:pt x="114" y="24"/>
                </a:cubicBezTo>
                <a:cubicBezTo>
                  <a:pt x="107" y="32"/>
                  <a:pt x="98" y="39"/>
                  <a:pt x="98" y="39"/>
                </a:cubicBezTo>
                <a:cubicBezTo>
                  <a:pt x="92" y="44"/>
                  <a:pt x="85" y="47"/>
                  <a:pt x="77" y="48"/>
                </a:cubicBezTo>
                <a:cubicBezTo>
                  <a:pt x="54" y="52"/>
                  <a:pt x="32" y="36"/>
                  <a:pt x="28" y="12"/>
                </a:cubicBezTo>
                <a:cubicBezTo>
                  <a:pt x="26" y="5"/>
                  <a:pt x="20" y="0"/>
                  <a:pt x="12" y="1"/>
                </a:cubicBezTo>
                <a:cubicBezTo>
                  <a:pt x="5" y="3"/>
                  <a:pt x="0" y="9"/>
                  <a:pt x="1" y="17"/>
                </a:cubicBezTo>
                <a:cubicBezTo>
                  <a:pt x="7" y="55"/>
                  <a:pt x="44" y="81"/>
                  <a:pt x="82" y="75"/>
                </a:cubicBezTo>
                <a:cubicBezTo>
                  <a:pt x="93" y="73"/>
                  <a:pt x="103" y="68"/>
                  <a:pt x="112" y="62"/>
                </a:cubicBezTo>
                <a:cubicBezTo>
                  <a:pt x="112" y="62"/>
                  <a:pt x="124" y="53"/>
                  <a:pt x="132" y="43"/>
                </a:cubicBezTo>
                <a:cubicBezTo>
                  <a:pt x="132" y="47"/>
                  <a:pt x="131" y="50"/>
                  <a:pt x="131" y="54"/>
                </a:cubicBezTo>
                <a:cubicBezTo>
                  <a:pt x="130" y="62"/>
                  <a:pt x="132" y="67"/>
                  <a:pt x="140" y="68"/>
                </a:cubicBezTo>
                <a:cubicBezTo>
                  <a:pt x="152" y="69"/>
                  <a:pt x="152" y="60"/>
                  <a:pt x="152" y="60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5" name="Freeform 21"/>
          <p:cNvSpPr>
            <a:spLocks noEditPoints="1"/>
          </p:cNvSpPr>
          <p:nvPr userDrawn="1"/>
        </p:nvSpPr>
        <p:spPr bwMode="auto">
          <a:xfrm>
            <a:off x="1243013" y="6003926"/>
            <a:ext cx="160337" cy="117475"/>
          </a:xfrm>
          <a:custGeom>
            <a:avLst/>
            <a:gdLst/>
            <a:ahLst/>
            <a:cxnLst>
              <a:cxn ang="0">
                <a:pos x="132" y="35"/>
              </a:cxn>
              <a:cxn ang="0">
                <a:pos x="107" y="12"/>
              </a:cxn>
              <a:cxn ang="0">
                <a:pos x="102" y="8"/>
              </a:cxn>
              <a:cxn ang="0">
                <a:pos x="86" y="11"/>
              </a:cxn>
              <a:cxn ang="0">
                <a:pos x="90" y="29"/>
              </a:cxn>
              <a:cxn ang="0">
                <a:pos x="100" y="38"/>
              </a:cxn>
              <a:cxn ang="0">
                <a:pos x="14" y="38"/>
              </a:cxn>
              <a:cxn ang="0">
                <a:pos x="0" y="51"/>
              </a:cxn>
              <a:cxn ang="0">
                <a:pos x="0" y="53"/>
              </a:cxn>
              <a:cxn ang="0">
                <a:pos x="14" y="65"/>
              </a:cxn>
              <a:cxn ang="0">
                <a:pos x="100" y="65"/>
              </a:cxn>
              <a:cxn ang="0">
                <a:pos x="90" y="74"/>
              </a:cxn>
              <a:cxn ang="0">
                <a:pos x="86" y="92"/>
              </a:cxn>
              <a:cxn ang="0">
                <a:pos x="102" y="95"/>
              </a:cxn>
              <a:cxn ang="0">
                <a:pos x="108" y="90"/>
              </a:cxn>
              <a:cxn ang="0">
                <a:pos x="132" y="68"/>
              </a:cxn>
              <a:cxn ang="0">
                <a:pos x="138" y="62"/>
              </a:cxn>
              <a:cxn ang="0">
                <a:pos x="141" y="52"/>
              </a:cxn>
              <a:cxn ang="0">
                <a:pos x="138" y="42"/>
              </a:cxn>
              <a:cxn ang="0">
                <a:pos x="132" y="35"/>
              </a:cxn>
              <a:cxn ang="0">
                <a:pos x="141" y="52"/>
              </a:cxn>
              <a:cxn ang="0">
                <a:pos x="141" y="52"/>
              </a:cxn>
              <a:cxn ang="0">
                <a:pos x="141" y="52"/>
              </a:cxn>
              <a:cxn ang="0">
                <a:pos x="141" y="52"/>
              </a:cxn>
            </a:cxnLst>
            <a:rect l="0" t="0" r="r" b="b"/>
            <a:pathLst>
              <a:path w="141" h="103">
                <a:moveTo>
                  <a:pt x="132" y="35"/>
                </a:moveTo>
                <a:cubicBezTo>
                  <a:pt x="107" y="12"/>
                  <a:pt x="107" y="12"/>
                  <a:pt x="107" y="12"/>
                </a:cubicBezTo>
                <a:cubicBezTo>
                  <a:pt x="102" y="8"/>
                  <a:pt x="102" y="8"/>
                  <a:pt x="102" y="8"/>
                </a:cubicBezTo>
                <a:cubicBezTo>
                  <a:pt x="102" y="8"/>
                  <a:pt x="94" y="0"/>
                  <a:pt x="86" y="11"/>
                </a:cubicBezTo>
                <a:cubicBezTo>
                  <a:pt x="80" y="18"/>
                  <a:pt x="83" y="23"/>
                  <a:pt x="90" y="29"/>
                </a:cubicBezTo>
                <a:cubicBezTo>
                  <a:pt x="92" y="31"/>
                  <a:pt x="96" y="35"/>
                  <a:pt x="100" y="38"/>
                </a:cubicBezTo>
                <a:cubicBezTo>
                  <a:pt x="14" y="38"/>
                  <a:pt x="14" y="38"/>
                  <a:pt x="14" y="38"/>
                </a:cubicBezTo>
                <a:cubicBezTo>
                  <a:pt x="4" y="38"/>
                  <a:pt x="0" y="43"/>
                  <a:pt x="0" y="51"/>
                </a:cubicBezTo>
                <a:cubicBezTo>
                  <a:pt x="0" y="53"/>
                  <a:pt x="0" y="53"/>
                  <a:pt x="0" y="53"/>
                </a:cubicBezTo>
                <a:cubicBezTo>
                  <a:pt x="0" y="60"/>
                  <a:pt x="4" y="65"/>
                  <a:pt x="14" y="65"/>
                </a:cubicBezTo>
                <a:cubicBezTo>
                  <a:pt x="100" y="65"/>
                  <a:pt x="100" y="65"/>
                  <a:pt x="100" y="65"/>
                </a:cubicBezTo>
                <a:cubicBezTo>
                  <a:pt x="96" y="68"/>
                  <a:pt x="93" y="71"/>
                  <a:pt x="90" y="74"/>
                </a:cubicBezTo>
                <a:cubicBezTo>
                  <a:pt x="83" y="80"/>
                  <a:pt x="81" y="85"/>
                  <a:pt x="86" y="92"/>
                </a:cubicBezTo>
                <a:cubicBezTo>
                  <a:pt x="94" y="103"/>
                  <a:pt x="102" y="95"/>
                  <a:pt x="102" y="95"/>
                </a:cubicBezTo>
                <a:cubicBezTo>
                  <a:pt x="108" y="90"/>
                  <a:pt x="108" y="90"/>
                  <a:pt x="108" y="90"/>
                </a:cubicBezTo>
                <a:cubicBezTo>
                  <a:pt x="132" y="68"/>
                  <a:pt x="132" y="68"/>
                  <a:pt x="132" y="68"/>
                </a:cubicBezTo>
                <a:cubicBezTo>
                  <a:pt x="135" y="66"/>
                  <a:pt x="137" y="64"/>
                  <a:pt x="138" y="62"/>
                </a:cubicBezTo>
                <a:cubicBezTo>
                  <a:pt x="140" y="59"/>
                  <a:pt x="141" y="56"/>
                  <a:pt x="141" y="52"/>
                </a:cubicBezTo>
                <a:cubicBezTo>
                  <a:pt x="141" y="48"/>
                  <a:pt x="140" y="44"/>
                  <a:pt x="138" y="42"/>
                </a:cubicBezTo>
                <a:cubicBezTo>
                  <a:pt x="137" y="39"/>
                  <a:pt x="135" y="38"/>
                  <a:pt x="132" y="35"/>
                </a:cubicBezTo>
                <a:close/>
                <a:moveTo>
                  <a:pt x="141" y="52"/>
                </a:moveTo>
                <a:cubicBezTo>
                  <a:pt x="141" y="52"/>
                  <a:pt x="141" y="52"/>
                  <a:pt x="141" y="52"/>
                </a:cubicBezTo>
                <a:cubicBezTo>
                  <a:pt x="141" y="52"/>
                  <a:pt x="141" y="52"/>
                  <a:pt x="141" y="52"/>
                </a:cubicBezTo>
                <a:cubicBezTo>
                  <a:pt x="141" y="52"/>
                  <a:pt x="141" y="52"/>
                  <a:pt x="141" y="5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9" name="Freeform 25"/>
          <p:cNvSpPr>
            <a:spLocks/>
          </p:cNvSpPr>
          <p:nvPr userDrawn="1"/>
        </p:nvSpPr>
        <p:spPr bwMode="auto">
          <a:xfrm>
            <a:off x="1579563" y="5995988"/>
            <a:ext cx="171450" cy="147637"/>
          </a:xfrm>
          <a:custGeom>
            <a:avLst/>
            <a:gdLst/>
            <a:ahLst/>
            <a:cxnLst>
              <a:cxn ang="0">
                <a:pos x="143" y="34"/>
              </a:cxn>
              <a:cxn ang="0">
                <a:pos x="138" y="30"/>
              </a:cxn>
              <a:cxn ang="0">
                <a:pos x="118" y="8"/>
              </a:cxn>
              <a:cxn ang="0">
                <a:pos x="112" y="2"/>
              </a:cxn>
              <a:cxn ang="0">
                <a:pos x="103" y="0"/>
              </a:cxn>
              <a:cxn ang="0">
                <a:pos x="94" y="2"/>
              </a:cxn>
              <a:cxn ang="0">
                <a:pos x="88" y="8"/>
              </a:cxn>
              <a:cxn ang="0">
                <a:pos x="69" y="30"/>
              </a:cxn>
              <a:cxn ang="0">
                <a:pos x="64" y="35"/>
              </a:cxn>
              <a:cxn ang="0">
                <a:pos x="67" y="49"/>
              </a:cxn>
              <a:cxn ang="0">
                <a:pos x="84" y="45"/>
              </a:cxn>
              <a:cxn ang="0">
                <a:pos x="91" y="37"/>
              </a:cxn>
              <a:cxn ang="0">
                <a:pos x="90" y="58"/>
              </a:cxn>
              <a:cxn ang="0">
                <a:pos x="82" y="79"/>
              </a:cxn>
              <a:cxn ang="0">
                <a:pos x="22" y="89"/>
              </a:cxn>
              <a:cxn ang="0">
                <a:pos x="4" y="92"/>
              </a:cxn>
              <a:cxn ang="0">
                <a:pos x="7" y="110"/>
              </a:cxn>
              <a:cxn ang="0">
                <a:pos x="104" y="94"/>
              </a:cxn>
              <a:cxn ang="0">
                <a:pos x="116" y="64"/>
              </a:cxn>
              <a:cxn ang="0">
                <a:pos x="117" y="37"/>
              </a:cxn>
              <a:cxn ang="0">
                <a:pos x="124" y="45"/>
              </a:cxn>
              <a:cxn ang="0">
                <a:pos x="140" y="49"/>
              </a:cxn>
              <a:cxn ang="0">
                <a:pos x="143" y="34"/>
              </a:cxn>
            </a:cxnLst>
            <a:rect l="0" t="0" r="r" b="b"/>
            <a:pathLst>
              <a:path w="150" h="132">
                <a:moveTo>
                  <a:pt x="143" y="34"/>
                </a:moveTo>
                <a:cubicBezTo>
                  <a:pt x="138" y="30"/>
                  <a:pt x="138" y="30"/>
                  <a:pt x="138" y="30"/>
                </a:cubicBezTo>
                <a:cubicBezTo>
                  <a:pt x="118" y="8"/>
                  <a:pt x="118" y="8"/>
                  <a:pt x="118" y="8"/>
                </a:cubicBezTo>
                <a:cubicBezTo>
                  <a:pt x="116" y="5"/>
                  <a:pt x="114" y="3"/>
                  <a:pt x="112" y="2"/>
                </a:cubicBezTo>
                <a:cubicBezTo>
                  <a:pt x="110" y="0"/>
                  <a:pt x="107" y="0"/>
                  <a:pt x="103" y="0"/>
                </a:cubicBezTo>
                <a:cubicBezTo>
                  <a:pt x="99" y="0"/>
                  <a:pt x="96" y="0"/>
                  <a:pt x="94" y="2"/>
                </a:cubicBezTo>
                <a:cubicBezTo>
                  <a:pt x="92" y="4"/>
                  <a:pt x="90" y="6"/>
                  <a:pt x="88" y="8"/>
                </a:cubicBezTo>
                <a:cubicBezTo>
                  <a:pt x="69" y="30"/>
                  <a:pt x="69" y="30"/>
                  <a:pt x="69" y="30"/>
                </a:cubicBezTo>
                <a:cubicBezTo>
                  <a:pt x="64" y="35"/>
                  <a:pt x="64" y="35"/>
                  <a:pt x="64" y="35"/>
                </a:cubicBezTo>
                <a:cubicBezTo>
                  <a:pt x="64" y="35"/>
                  <a:pt x="58" y="42"/>
                  <a:pt x="67" y="49"/>
                </a:cubicBezTo>
                <a:cubicBezTo>
                  <a:pt x="74" y="54"/>
                  <a:pt x="78" y="52"/>
                  <a:pt x="84" y="45"/>
                </a:cubicBezTo>
                <a:cubicBezTo>
                  <a:pt x="86" y="43"/>
                  <a:pt x="88" y="40"/>
                  <a:pt x="91" y="37"/>
                </a:cubicBezTo>
                <a:cubicBezTo>
                  <a:pt x="91" y="47"/>
                  <a:pt x="90" y="58"/>
                  <a:pt x="90" y="58"/>
                </a:cubicBezTo>
                <a:cubicBezTo>
                  <a:pt x="89" y="65"/>
                  <a:pt x="87" y="72"/>
                  <a:pt x="82" y="79"/>
                </a:cubicBezTo>
                <a:cubicBezTo>
                  <a:pt x="69" y="98"/>
                  <a:pt x="42" y="102"/>
                  <a:pt x="22" y="89"/>
                </a:cubicBezTo>
                <a:cubicBezTo>
                  <a:pt x="17" y="84"/>
                  <a:pt x="8" y="86"/>
                  <a:pt x="4" y="92"/>
                </a:cubicBezTo>
                <a:cubicBezTo>
                  <a:pt x="0" y="98"/>
                  <a:pt x="1" y="106"/>
                  <a:pt x="7" y="110"/>
                </a:cubicBezTo>
                <a:cubicBezTo>
                  <a:pt x="38" y="132"/>
                  <a:pt x="82" y="125"/>
                  <a:pt x="104" y="94"/>
                </a:cubicBezTo>
                <a:cubicBezTo>
                  <a:pt x="111" y="85"/>
                  <a:pt x="115" y="75"/>
                  <a:pt x="116" y="64"/>
                </a:cubicBezTo>
                <a:cubicBezTo>
                  <a:pt x="116" y="64"/>
                  <a:pt x="118" y="49"/>
                  <a:pt x="117" y="37"/>
                </a:cubicBezTo>
                <a:cubicBezTo>
                  <a:pt x="119" y="40"/>
                  <a:pt x="121" y="42"/>
                  <a:pt x="124" y="45"/>
                </a:cubicBezTo>
                <a:cubicBezTo>
                  <a:pt x="129" y="52"/>
                  <a:pt x="134" y="54"/>
                  <a:pt x="140" y="49"/>
                </a:cubicBezTo>
                <a:cubicBezTo>
                  <a:pt x="150" y="42"/>
                  <a:pt x="143" y="34"/>
                  <a:pt x="143" y="3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53" name="Freeform 29"/>
          <p:cNvSpPr>
            <a:spLocks/>
          </p:cNvSpPr>
          <p:nvPr userDrawn="1"/>
        </p:nvSpPr>
        <p:spPr bwMode="auto">
          <a:xfrm>
            <a:off x="1920875" y="5983287"/>
            <a:ext cx="171450" cy="150813"/>
          </a:xfrm>
          <a:custGeom>
            <a:avLst/>
            <a:gdLst/>
            <a:ahLst/>
            <a:cxnLst>
              <a:cxn ang="0">
                <a:pos x="140" y="84"/>
              </a:cxn>
              <a:cxn ang="0">
                <a:pos x="124" y="87"/>
              </a:cxn>
              <a:cxn ang="0">
                <a:pos x="117" y="96"/>
              </a:cxn>
              <a:cxn ang="0">
                <a:pos x="116" y="68"/>
              </a:cxn>
              <a:cxn ang="0">
                <a:pos x="104" y="38"/>
              </a:cxn>
              <a:cxn ang="0">
                <a:pos x="7" y="23"/>
              </a:cxn>
              <a:cxn ang="0">
                <a:pos x="4" y="41"/>
              </a:cxn>
              <a:cxn ang="0">
                <a:pos x="22" y="44"/>
              </a:cxn>
              <a:cxn ang="0">
                <a:pos x="82" y="54"/>
              </a:cxn>
              <a:cxn ang="0">
                <a:pos x="90" y="75"/>
              </a:cxn>
              <a:cxn ang="0">
                <a:pos x="91" y="96"/>
              </a:cxn>
              <a:cxn ang="0">
                <a:pos x="84" y="87"/>
              </a:cxn>
              <a:cxn ang="0">
                <a:pos x="67" y="84"/>
              </a:cxn>
              <a:cxn ang="0">
                <a:pos x="64" y="98"/>
              </a:cxn>
              <a:cxn ang="0">
                <a:pos x="69" y="103"/>
              </a:cxn>
              <a:cxn ang="0">
                <a:pos x="88" y="125"/>
              </a:cxn>
              <a:cxn ang="0">
                <a:pos x="94" y="131"/>
              </a:cxn>
              <a:cxn ang="0">
                <a:pos x="103" y="133"/>
              </a:cxn>
              <a:cxn ang="0">
                <a:pos x="112" y="131"/>
              </a:cxn>
              <a:cxn ang="0">
                <a:pos x="118" y="125"/>
              </a:cxn>
              <a:cxn ang="0">
                <a:pos x="138" y="103"/>
              </a:cxn>
              <a:cxn ang="0">
                <a:pos x="143" y="98"/>
              </a:cxn>
              <a:cxn ang="0">
                <a:pos x="140" y="84"/>
              </a:cxn>
            </a:cxnLst>
            <a:rect l="0" t="0" r="r" b="b"/>
            <a:pathLst>
              <a:path w="150" h="133">
                <a:moveTo>
                  <a:pt x="140" y="84"/>
                </a:moveTo>
                <a:cubicBezTo>
                  <a:pt x="134" y="79"/>
                  <a:pt x="129" y="81"/>
                  <a:pt x="124" y="87"/>
                </a:cubicBezTo>
                <a:cubicBezTo>
                  <a:pt x="121" y="90"/>
                  <a:pt x="119" y="93"/>
                  <a:pt x="117" y="96"/>
                </a:cubicBezTo>
                <a:cubicBezTo>
                  <a:pt x="118" y="83"/>
                  <a:pt x="116" y="68"/>
                  <a:pt x="116" y="68"/>
                </a:cubicBezTo>
                <a:cubicBezTo>
                  <a:pt x="115" y="58"/>
                  <a:pt x="111" y="48"/>
                  <a:pt x="104" y="38"/>
                </a:cubicBezTo>
                <a:cubicBezTo>
                  <a:pt x="82" y="7"/>
                  <a:pt x="38" y="0"/>
                  <a:pt x="7" y="23"/>
                </a:cubicBezTo>
                <a:cubicBezTo>
                  <a:pt x="1" y="27"/>
                  <a:pt x="0" y="35"/>
                  <a:pt x="4" y="41"/>
                </a:cubicBezTo>
                <a:cubicBezTo>
                  <a:pt x="8" y="47"/>
                  <a:pt x="17" y="48"/>
                  <a:pt x="22" y="44"/>
                </a:cubicBezTo>
                <a:cubicBezTo>
                  <a:pt x="42" y="30"/>
                  <a:pt x="69" y="35"/>
                  <a:pt x="82" y="54"/>
                </a:cubicBezTo>
                <a:cubicBezTo>
                  <a:pt x="87" y="60"/>
                  <a:pt x="89" y="67"/>
                  <a:pt x="90" y="75"/>
                </a:cubicBezTo>
                <a:cubicBezTo>
                  <a:pt x="90" y="75"/>
                  <a:pt x="91" y="86"/>
                  <a:pt x="91" y="96"/>
                </a:cubicBezTo>
                <a:cubicBezTo>
                  <a:pt x="88" y="93"/>
                  <a:pt x="86" y="90"/>
                  <a:pt x="84" y="87"/>
                </a:cubicBezTo>
                <a:cubicBezTo>
                  <a:pt x="78" y="81"/>
                  <a:pt x="74" y="79"/>
                  <a:pt x="67" y="84"/>
                </a:cubicBezTo>
                <a:cubicBezTo>
                  <a:pt x="58" y="91"/>
                  <a:pt x="64" y="98"/>
                  <a:pt x="64" y="98"/>
                </a:cubicBezTo>
                <a:cubicBezTo>
                  <a:pt x="69" y="103"/>
                  <a:pt x="69" y="103"/>
                  <a:pt x="69" y="103"/>
                </a:cubicBezTo>
                <a:cubicBezTo>
                  <a:pt x="88" y="125"/>
                  <a:pt x="88" y="125"/>
                  <a:pt x="88" y="125"/>
                </a:cubicBezTo>
                <a:cubicBezTo>
                  <a:pt x="90" y="127"/>
                  <a:pt x="92" y="129"/>
                  <a:pt x="94" y="131"/>
                </a:cubicBezTo>
                <a:cubicBezTo>
                  <a:pt x="96" y="132"/>
                  <a:pt x="99" y="133"/>
                  <a:pt x="103" y="133"/>
                </a:cubicBezTo>
                <a:cubicBezTo>
                  <a:pt x="107" y="133"/>
                  <a:pt x="110" y="132"/>
                  <a:pt x="112" y="131"/>
                </a:cubicBezTo>
                <a:cubicBezTo>
                  <a:pt x="114" y="129"/>
                  <a:pt x="116" y="127"/>
                  <a:pt x="118" y="125"/>
                </a:cubicBezTo>
                <a:cubicBezTo>
                  <a:pt x="138" y="103"/>
                  <a:pt x="138" y="103"/>
                  <a:pt x="138" y="103"/>
                </a:cubicBezTo>
                <a:cubicBezTo>
                  <a:pt x="143" y="98"/>
                  <a:pt x="143" y="98"/>
                  <a:pt x="143" y="98"/>
                </a:cubicBezTo>
                <a:cubicBezTo>
                  <a:pt x="143" y="98"/>
                  <a:pt x="150" y="91"/>
                  <a:pt x="140" y="8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056" name="Group 32"/>
          <p:cNvGrpSpPr>
            <a:grpSpLocks noChangeAspect="1"/>
          </p:cNvGrpSpPr>
          <p:nvPr userDrawn="1"/>
        </p:nvGrpSpPr>
        <p:grpSpPr bwMode="auto">
          <a:xfrm>
            <a:off x="2262188" y="6015043"/>
            <a:ext cx="142875" cy="96838"/>
            <a:chOff x="1425" y="3789"/>
            <a:chExt cx="90" cy="61"/>
          </a:xfrm>
          <a:solidFill>
            <a:srgbClr val="009530"/>
          </a:solidFill>
        </p:grpSpPr>
        <p:sp>
          <p:nvSpPr>
            <p:cNvPr id="1057" name="Freeform 33"/>
            <p:cNvSpPr>
              <a:spLocks/>
            </p:cNvSpPr>
            <p:nvPr userDrawn="1"/>
          </p:nvSpPr>
          <p:spPr bwMode="auto">
            <a:xfrm>
              <a:off x="1425" y="3789"/>
              <a:ext cx="90" cy="20"/>
            </a:xfrm>
            <a:custGeom>
              <a:avLst/>
              <a:gdLst/>
              <a:ahLst/>
              <a:cxnLst>
                <a:cxn ang="0">
                  <a:pos x="49" y="28"/>
                </a:cxn>
                <a:cxn ang="0">
                  <a:pos x="16" y="28"/>
                </a:cxn>
                <a:cxn ang="0">
                  <a:pos x="0" y="15"/>
                </a:cxn>
                <a:cxn ang="0">
                  <a:pos x="0" y="13"/>
                </a:cxn>
                <a:cxn ang="0">
                  <a:pos x="16" y="0"/>
                </a:cxn>
                <a:cxn ang="0">
                  <a:pos x="49" y="0"/>
                </a:cxn>
                <a:cxn ang="0">
                  <a:pos x="78" y="0"/>
                </a:cxn>
                <a:cxn ang="0">
                  <a:pos x="111" y="0"/>
                </a:cxn>
                <a:cxn ang="0">
                  <a:pos x="126" y="13"/>
                </a:cxn>
                <a:cxn ang="0">
                  <a:pos x="126" y="15"/>
                </a:cxn>
                <a:cxn ang="0">
                  <a:pos x="111" y="28"/>
                </a:cxn>
                <a:cxn ang="0">
                  <a:pos x="78" y="28"/>
                </a:cxn>
                <a:cxn ang="0">
                  <a:pos x="49" y="28"/>
                </a:cxn>
              </a:cxnLst>
              <a:rect l="0" t="0" r="r" b="b"/>
              <a:pathLst>
                <a:path w="126" h="28">
                  <a:moveTo>
                    <a:pt x="49" y="28"/>
                  </a:moveTo>
                  <a:cubicBezTo>
                    <a:pt x="16" y="28"/>
                    <a:pt x="16" y="28"/>
                    <a:pt x="16" y="28"/>
                  </a:cubicBezTo>
                  <a:cubicBezTo>
                    <a:pt x="5" y="28"/>
                    <a:pt x="0" y="22"/>
                    <a:pt x="0" y="15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5"/>
                    <a:pt x="5" y="0"/>
                    <a:pt x="16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78" y="0"/>
                    <a:pt x="78" y="0"/>
                    <a:pt x="78" y="0"/>
                  </a:cubicBezTo>
                  <a:cubicBezTo>
                    <a:pt x="111" y="0"/>
                    <a:pt x="111" y="0"/>
                    <a:pt x="111" y="0"/>
                  </a:cubicBezTo>
                  <a:cubicBezTo>
                    <a:pt x="122" y="0"/>
                    <a:pt x="126" y="5"/>
                    <a:pt x="126" y="13"/>
                  </a:cubicBezTo>
                  <a:cubicBezTo>
                    <a:pt x="126" y="15"/>
                    <a:pt x="126" y="15"/>
                    <a:pt x="126" y="15"/>
                  </a:cubicBezTo>
                  <a:cubicBezTo>
                    <a:pt x="126" y="22"/>
                    <a:pt x="122" y="28"/>
                    <a:pt x="111" y="28"/>
                  </a:cubicBezTo>
                  <a:cubicBezTo>
                    <a:pt x="78" y="28"/>
                    <a:pt x="78" y="28"/>
                    <a:pt x="78" y="28"/>
                  </a:cubicBezTo>
                  <a:lnTo>
                    <a:pt x="49" y="2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58" name="Freeform 34"/>
            <p:cNvSpPr>
              <a:spLocks/>
            </p:cNvSpPr>
            <p:nvPr userDrawn="1"/>
          </p:nvSpPr>
          <p:spPr bwMode="auto">
            <a:xfrm>
              <a:off x="1425" y="3830"/>
              <a:ext cx="90" cy="20"/>
            </a:xfrm>
            <a:custGeom>
              <a:avLst/>
              <a:gdLst/>
              <a:ahLst/>
              <a:cxnLst>
                <a:cxn ang="0">
                  <a:pos x="49" y="28"/>
                </a:cxn>
                <a:cxn ang="0">
                  <a:pos x="16" y="28"/>
                </a:cxn>
                <a:cxn ang="0">
                  <a:pos x="0" y="15"/>
                </a:cxn>
                <a:cxn ang="0">
                  <a:pos x="0" y="13"/>
                </a:cxn>
                <a:cxn ang="0">
                  <a:pos x="16" y="0"/>
                </a:cxn>
                <a:cxn ang="0">
                  <a:pos x="49" y="0"/>
                </a:cxn>
                <a:cxn ang="0">
                  <a:pos x="78" y="0"/>
                </a:cxn>
                <a:cxn ang="0">
                  <a:pos x="111" y="0"/>
                </a:cxn>
                <a:cxn ang="0">
                  <a:pos x="126" y="13"/>
                </a:cxn>
                <a:cxn ang="0">
                  <a:pos x="126" y="15"/>
                </a:cxn>
                <a:cxn ang="0">
                  <a:pos x="111" y="28"/>
                </a:cxn>
                <a:cxn ang="0">
                  <a:pos x="78" y="28"/>
                </a:cxn>
                <a:cxn ang="0">
                  <a:pos x="49" y="28"/>
                </a:cxn>
              </a:cxnLst>
              <a:rect l="0" t="0" r="r" b="b"/>
              <a:pathLst>
                <a:path w="126" h="28">
                  <a:moveTo>
                    <a:pt x="49" y="28"/>
                  </a:moveTo>
                  <a:cubicBezTo>
                    <a:pt x="16" y="28"/>
                    <a:pt x="16" y="28"/>
                    <a:pt x="16" y="28"/>
                  </a:cubicBezTo>
                  <a:cubicBezTo>
                    <a:pt x="5" y="28"/>
                    <a:pt x="0" y="22"/>
                    <a:pt x="0" y="15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5"/>
                    <a:pt x="5" y="0"/>
                    <a:pt x="16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78" y="0"/>
                    <a:pt x="78" y="0"/>
                    <a:pt x="78" y="0"/>
                  </a:cubicBezTo>
                  <a:cubicBezTo>
                    <a:pt x="111" y="0"/>
                    <a:pt x="111" y="0"/>
                    <a:pt x="111" y="0"/>
                  </a:cubicBezTo>
                  <a:cubicBezTo>
                    <a:pt x="122" y="0"/>
                    <a:pt x="126" y="5"/>
                    <a:pt x="126" y="13"/>
                  </a:cubicBezTo>
                  <a:cubicBezTo>
                    <a:pt x="126" y="15"/>
                    <a:pt x="126" y="15"/>
                    <a:pt x="126" y="15"/>
                  </a:cubicBezTo>
                  <a:cubicBezTo>
                    <a:pt x="126" y="22"/>
                    <a:pt x="122" y="28"/>
                    <a:pt x="111" y="28"/>
                  </a:cubicBezTo>
                  <a:cubicBezTo>
                    <a:pt x="78" y="28"/>
                    <a:pt x="78" y="28"/>
                    <a:pt x="78" y="28"/>
                  </a:cubicBezTo>
                  <a:lnTo>
                    <a:pt x="49" y="2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062" name="Freeform 38"/>
          <p:cNvSpPr>
            <a:spLocks/>
          </p:cNvSpPr>
          <p:nvPr userDrawn="1"/>
        </p:nvSpPr>
        <p:spPr bwMode="auto">
          <a:xfrm>
            <a:off x="2584450" y="6048375"/>
            <a:ext cx="141288" cy="31750"/>
          </a:xfrm>
          <a:custGeom>
            <a:avLst/>
            <a:gdLst/>
            <a:ahLst/>
            <a:cxnLst>
              <a:cxn ang="0">
                <a:pos x="49" y="28"/>
              </a:cxn>
              <a:cxn ang="0">
                <a:pos x="16" y="28"/>
              </a:cxn>
              <a:cxn ang="0">
                <a:pos x="0" y="15"/>
              </a:cxn>
              <a:cxn ang="0">
                <a:pos x="0" y="13"/>
              </a:cxn>
              <a:cxn ang="0">
                <a:pos x="16" y="0"/>
              </a:cxn>
              <a:cxn ang="0">
                <a:pos x="49" y="0"/>
              </a:cxn>
              <a:cxn ang="0">
                <a:pos x="78" y="0"/>
              </a:cxn>
              <a:cxn ang="0">
                <a:pos x="111" y="0"/>
              </a:cxn>
              <a:cxn ang="0">
                <a:pos x="126" y="13"/>
              </a:cxn>
              <a:cxn ang="0">
                <a:pos x="126" y="15"/>
              </a:cxn>
              <a:cxn ang="0">
                <a:pos x="111" y="28"/>
              </a:cxn>
              <a:cxn ang="0">
                <a:pos x="78" y="28"/>
              </a:cxn>
              <a:cxn ang="0">
                <a:pos x="49" y="28"/>
              </a:cxn>
            </a:cxnLst>
            <a:rect l="0" t="0" r="r" b="b"/>
            <a:pathLst>
              <a:path w="126" h="28">
                <a:moveTo>
                  <a:pt x="49" y="28"/>
                </a:moveTo>
                <a:cubicBezTo>
                  <a:pt x="16" y="28"/>
                  <a:pt x="16" y="28"/>
                  <a:pt x="16" y="28"/>
                </a:cubicBezTo>
                <a:cubicBezTo>
                  <a:pt x="5" y="28"/>
                  <a:pt x="0" y="23"/>
                  <a:pt x="0" y="15"/>
                </a:cubicBezTo>
                <a:cubicBezTo>
                  <a:pt x="0" y="13"/>
                  <a:pt x="0" y="13"/>
                  <a:pt x="0" y="13"/>
                </a:cubicBezTo>
                <a:cubicBezTo>
                  <a:pt x="0" y="6"/>
                  <a:pt x="5" y="0"/>
                  <a:pt x="16" y="0"/>
                </a:cubicBezTo>
                <a:cubicBezTo>
                  <a:pt x="49" y="0"/>
                  <a:pt x="49" y="0"/>
                  <a:pt x="49" y="0"/>
                </a:cubicBezTo>
                <a:cubicBezTo>
                  <a:pt x="78" y="0"/>
                  <a:pt x="78" y="0"/>
                  <a:pt x="78" y="0"/>
                </a:cubicBezTo>
                <a:cubicBezTo>
                  <a:pt x="111" y="0"/>
                  <a:pt x="111" y="0"/>
                  <a:pt x="111" y="0"/>
                </a:cubicBezTo>
                <a:cubicBezTo>
                  <a:pt x="122" y="0"/>
                  <a:pt x="126" y="6"/>
                  <a:pt x="126" y="13"/>
                </a:cubicBezTo>
                <a:cubicBezTo>
                  <a:pt x="126" y="15"/>
                  <a:pt x="126" y="15"/>
                  <a:pt x="126" y="15"/>
                </a:cubicBezTo>
                <a:cubicBezTo>
                  <a:pt x="126" y="23"/>
                  <a:pt x="122" y="28"/>
                  <a:pt x="111" y="28"/>
                </a:cubicBezTo>
                <a:cubicBezTo>
                  <a:pt x="78" y="28"/>
                  <a:pt x="78" y="28"/>
                  <a:pt x="78" y="28"/>
                </a:cubicBezTo>
                <a:lnTo>
                  <a:pt x="49" y="28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66" name="Freeform 42"/>
          <p:cNvSpPr>
            <a:spLocks/>
          </p:cNvSpPr>
          <p:nvPr userDrawn="1"/>
        </p:nvSpPr>
        <p:spPr bwMode="auto">
          <a:xfrm>
            <a:off x="2901950" y="5992813"/>
            <a:ext cx="142875" cy="144462"/>
          </a:xfrm>
          <a:custGeom>
            <a:avLst/>
            <a:gdLst/>
            <a:ahLst/>
            <a:cxnLst>
              <a:cxn ang="0">
                <a:pos x="16" y="76"/>
              </a:cxn>
              <a:cxn ang="0">
                <a:pos x="0" y="63"/>
              </a:cxn>
              <a:cxn ang="0">
                <a:pos x="0" y="61"/>
              </a:cxn>
              <a:cxn ang="0">
                <a:pos x="16" y="49"/>
              </a:cxn>
              <a:cxn ang="0">
                <a:pos x="49" y="49"/>
              </a:cxn>
              <a:cxn ang="0">
                <a:pos x="49" y="15"/>
              </a:cxn>
              <a:cxn ang="0">
                <a:pos x="62" y="0"/>
              </a:cxn>
              <a:cxn ang="0">
                <a:pos x="65" y="0"/>
              </a:cxn>
              <a:cxn ang="0">
                <a:pos x="78" y="15"/>
              </a:cxn>
              <a:cxn ang="0">
                <a:pos x="78" y="49"/>
              </a:cxn>
              <a:cxn ang="0">
                <a:pos x="111" y="49"/>
              </a:cxn>
              <a:cxn ang="0">
                <a:pos x="126" y="61"/>
              </a:cxn>
              <a:cxn ang="0">
                <a:pos x="126" y="63"/>
              </a:cxn>
              <a:cxn ang="0">
                <a:pos x="111" y="76"/>
              </a:cxn>
              <a:cxn ang="0">
                <a:pos x="78" y="76"/>
              </a:cxn>
              <a:cxn ang="0">
                <a:pos x="78" y="112"/>
              </a:cxn>
              <a:cxn ang="0">
                <a:pos x="65" y="127"/>
              </a:cxn>
              <a:cxn ang="0">
                <a:pos x="62" y="127"/>
              </a:cxn>
              <a:cxn ang="0">
                <a:pos x="49" y="112"/>
              </a:cxn>
              <a:cxn ang="0">
                <a:pos x="49" y="76"/>
              </a:cxn>
              <a:cxn ang="0">
                <a:pos x="16" y="76"/>
              </a:cxn>
            </a:cxnLst>
            <a:rect l="0" t="0" r="r" b="b"/>
            <a:pathLst>
              <a:path w="126" h="127">
                <a:moveTo>
                  <a:pt x="16" y="76"/>
                </a:moveTo>
                <a:cubicBezTo>
                  <a:pt x="5" y="76"/>
                  <a:pt x="0" y="71"/>
                  <a:pt x="0" y="63"/>
                </a:cubicBezTo>
                <a:cubicBezTo>
                  <a:pt x="0" y="61"/>
                  <a:pt x="0" y="61"/>
                  <a:pt x="0" y="61"/>
                </a:cubicBezTo>
                <a:cubicBezTo>
                  <a:pt x="0" y="54"/>
                  <a:pt x="5" y="49"/>
                  <a:pt x="16" y="49"/>
                </a:cubicBezTo>
                <a:cubicBezTo>
                  <a:pt x="49" y="49"/>
                  <a:pt x="49" y="49"/>
                  <a:pt x="49" y="49"/>
                </a:cubicBezTo>
                <a:cubicBezTo>
                  <a:pt x="49" y="15"/>
                  <a:pt x="49" y="15"/>
                  <a:pt x="49" y="15"/>
                </a:cubicBezTo>
                <a:cubicBezTo>
                  <a:pt x="49" y="4"/>
                  <a:pt x="54" y="0"/>
                  <a:pt x="62" y="0"/>
                </a:cubicBezTo>
                <a:cubicBezTo>
                  <a:pt x="65" y="0"/>
                  <a:pt x="65" y="0"/>
                  <a:pt x="65" y="0"/>
                </a:cubicBezTo>
                <a:cubicBezTo>
                  <a:pt x="72" y="0"/>
                  <a:pt x="78" y="4"/>
                  <a:pt x="78" y="15"/>
                </a:cubicBezTo>
                <a:cubicBezTo>
                  <a:pt x="78" y="49"/>
                  <a:pt x="78" y="49"/>
                  <a:pt x="78" y="49"/>
                </a:cubicBezTo>
                <a:cubicBezTo>
                  <a:pt x="111" y="49"/>
                  <a:pt x="111" y="49"/>
                  <a:pt x="111" y="49"/>
                </a:cubicBezTo>
                <a:cubicBezTo>
                  <a:pt x="122" y="49"/>
                  <a:pt x="126" y="54"/>
                  <a:pt x="126" y="61"/>
                </a:cubicBezTo>
                <a:cubicBezTo>
                  <a:pt x="126" y="63"/>
                  <a:pt x="126" y="63"/>
                  <a:pt x="126" y="63"/>
                </a:cubicBezTo>
                <a:cubicBezTo>
                  <a:pt x="126" y="71"/>
                  <a:pt x="122" y="76"/>
                  <a:pt x="111" y="76"/>
                </a:cubicBezTo>
                <a:cubicBezTo>
                  <a:pt x="78" y="76"/>
                  <a:pt x="78" y="76"/>
                  <a:pt x="78" y="76"/>
                </a:cubicBezTo>
                <a:cubicBezTo>
                  <a:pt x="78" y="112"/>
                  <a:pt x="78" y="112"/>
                  <a:pt x="78" y="112"/>
                </a:cubicBezTo>
                <a:cubicBezTo>
                  <a:pt x="78" y="122"/>
                  <a:pt x="72" y="127"/>
                  <a:pt x="65" y="127"/>
                </a:cubicBezTo>
                <a:cubicBezTo>
                  <a:pt x="62" y="127"/>
                  <a:pt x="62" y="127"/>
                  <a:pt x="62" y="127"/>
                </a:cubicBezTo>
                <a:cubicBezTo>
                  <a:pt x="54" y="127"/>
                  <a:pt x="49" y="122"/>
                  <a:pt x="49" y="112"/>
                </a:cubicBezTo>
                <a:cubicBezTo>
                  <a:pt x="49" y="76"/>
                  <a:pt x="49" y="76"/>
                  <a:pt x="49" y="76"/>
                </a:cubicBezTo>
                <a:lnTo>
                  <a:pt x="16" y="76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069" name="Group 45"/>
          <p:cNvGrpSpPr>
            <a:grpSpLocks noChangeAspect="1"/>
          </p:cNvGrpSpPr>
          <p:nvPr userDrawn="1"/>
        </p:nvGrpSpPr>
        <p:grpSpPr bwMode="auto">
          <a:xfrm>
            <a:off x="3222624" y="5999160"/>
            <a:ext cx="134937" cy="131762"/>
            <a:chOff x="2030" y="3779"/>
            <a:chExt cx="85" cy="83"/>
          </a:xfrm>
          <a:solidFill>
            <a:srgbClr val="009530"/>
          </a:solidFill>
        </p:grpSpPr>
        <p:sp>
          <p:nvSpPr>
            <p:cNvPr id="1070" name="Freeform 46"/>
            <p:cNvSpPr>
              <a:spLocks noEditPoints="1"/>
            </p:cNvSpPr>
            <p:nvPr userDrawn="1"/>
          </p:nvSpPr>
          <p:spPr bwMode="auto">
            <a:xfrm>
              <a:off x="2030" y="3780"/>
              <a:ext cx="85" cy="82"/>
            </a:xfrm>
            <a:custGeom>
              <a:avLst/>
              <a:gdLst/>
              <a:ahLst/>
              <a:cxnLst>
                <a:cxn ang="0">
                  <a:pos x="28" y="54"/>
                </a:cxn>
                <a:cxn ang="0">
                  <a:pos x="16" y="52"/>
                </a:cxn>
                <a:cxn ang="0">
                  <a:pos x="7" y="46"/>
                </a:cxn>
                <a:cxn ang="0">
                  <a:pos x="2" y="38"/>
                </a:cxn>
                <a:cxn ang="0">
                  <a:pos x="0" y="27"/>
                </a:cxn>
                <a:cxn ang="0">
                  <a:pos x="0" y="26"/>
                </a:cxn>
                <a:cxn ang="0">
                  <a:pos x="2" y="15"/>
                </a:cxn>
                <a:cxn ang="0">
                  <a:pos x="8" y="7"/>
                </a:cxn>
                <a:cxn ang="0">
                  <a:pos x="16" y="2"/>
                </a:cxn>
                <a:cxn ang="0">
                  <a:pos x="28" y="0"/>
                </a:cxn>
                <a:cxn ang="0">
                  <a:pos x="39" y="2"/>
                </a:cxn>
                <a:cxn ang="0">
                  <a:pos x="48" y="7"/>
                </a:cxn>
                <a:cxn ang="0">
                  <a:pos x="53" y="15"/>
                </a:cxn>
                <a:cxn ang="0">
                  <a:pos x="55" y="26"/>
                </a:cxn>
                <a:cxn ang="0">
                  <a:pos x="55" y="27"/>
                </a:cxn>
                <a:cxn ang="0">
                  <a:pos x="53" y="38"/>
                </a:cxn>
                <a:cxn ang="0">
                  <a:pos x="48" y="46"/>
                </a:cxn>
                <a:cxn ang="0">
                  <a:pos x="39" y="52"/>
                </a:cxn>
                <a:cxn ang="0">
                  <a:pos x="28" y="54"/>
                </a:cxn>
                <a:cxn ang="0">
                  <a:pos x="28" y="41"/>
                </a:cxn>
                <a:cxn ang="0">
                  <a:pos x="36" y="37"/>
                </a:cxn>
                <a:cxn ang="0">
                  <a:pos x="39" y="28"/>
                </a:cxn>
                <a:cxn ang="0">
                  <a:pos x="39" y="25"/>
                </a:cxn>
                <a:cxn ang="0">
                  <a:pos x="36" y="16"/>
                </a:cxn>
                <a:cxn ang="0">
                  <a:pos x="28" y="13"/>
                </a:cxn>
                <a:cxn ang="0">
                  <a:pos x="19" y="16"/>
                </a:cxn>
                <a:cxn ang="0">
                  <a:pos x="16" y="25"/>
                </a:cxn>
                <a:cxn ang="0">
                  <a:pos x="16" y="28"/>
                </a:cxn>
                <a:cxn ang="0">
                  <a:pos x="20" y="37"/>
                </a:cxn>
                <a:cxn ang="0">
                  <a:pos x="28" y="41"/>
                </a:cxn>
                <a:cxn ang="0">
                  <a:pos x="91" y="113"/>
                </a:cxn>
                <a:cxn ang="0">
                  <a:pos x="80" y="111"/>
                </a:cxn>
                <a:cxn ang="0">
                  <a:pos x="71" y="106"/>
                </a:cxn>
                <a:cxn ang="0">
                  <a:pos x="65" y="97"/>
                </a:cxn>
                <a:cxn ang="0">
                  <a:pos x="63" y="87"/>
                </a:cxn>
                <a:cxn ang="0">
                  <a:pos x="63" y="85"/>
                </a:cxn>
                <a:cxn ang="0">
                  <a:pos x="65" y="75"/>
                </a:cxn>
                <a:cxn ang="0">
                  <a:pos x="71" y="66"/>
                </a:cxn>
                <a:cxn ang="0">
                  <a:pos x="80" y="61"/>
                </a:cxn>
                <a:cxn ang="0">
                  <a:pos x="91" y="59"/>
                </a:cxn>
                <a:cxn ang="0">
                  <a:pos x="102" y="61"/>
                </a:cxn>
                <a:cxn ang="0">
                  <a:pos x="111" y="66"/>
                </a:cxn>
                <a:cxn ang="0">
                  <a:pos x="117" y="75"/>
                </a:cxn>
                <a:cxn ang="0">
                  <a:pos x="119" y="85"/>
                </a:cxn>
                <a:cxn ang="0">
                  <a:pos x="119" y="87"/>
                </a:cxn>
                <a:cxn ang="0">
                  <a:pos x="117" y="97"/>
                </a:cxn>
                <a:cxn ang="0">
                  <a:pos x="111" y="106"/>
                </a:cxn>
                <a:cxn ang="0">
                  <a:pos x="102" y="111"/>
                </a:cxn>
                <a:cxn ang="0">
                  <a:pos x="91" y="113"/>
                </a:cxn>
                <a:cxn ang="0">
                  <a:pos x="91" y="100"/>
                </a:cxn>
                <a:cxn ang="0">
                  <a:pos x="99" y="96"/>
                </a:cxn>
                <a:cxn ang="0">
                  <a:pos x="102" y="87"/>
                </a:cxn>
                <a:cxn ang="0">
                  <a:pos x="102" y="85"/>
                </a:cxn>
                <a:cxn ang="0">
                  <a:pos x="99" y="75"/>
                </a:cxn>
                <a:cxn ang="0">
                  <a:pos x="91" y="72"/>
                </a:cxn>
                <a:cxn ang="0">
                  <a:pos x="83" y="75"/>
                </a:cxn>
                <a:cxn ang="0">
                  <a:pos x="80" y="85"/>
                </a:cxn>
                <a:cxn ang="0">
                  <a:pos x="80" y="87"/>
                </a:cxn>
                <a:cxn ang="0">
                  <a:pos x="83" y="96"/>
                </a:cxn>
                <a:cxn ang="0">
                  <a:pos x="91" y="100"/>
                </a:cxn>
              </a:cxnLst>
              <a:rect l="0" t="0" r="r" b="b"/>
              <a:pathLst>
                <a:path w="119" h="113">
                  <a:moveTo>
                    <a:pt x="28" y="54"/>
                  </a:moveTo>
                  <a:cubicBezTo>
                    <a:pt x="23" y="54"/>
                    <a:pt x="20" y="53"/>
                    <a:pt x="16" y="52"/>
                  </a:cubicBezTo>
                  <a:cubicBezTo>
                    <a:pt x="13" y="50"/>
                    <a:pt x="10" y="49"/>
                    <a:pt x="7" y="46"/>
                  </a:cubicBezTo>
                  <a:cubicBezTo>
                    <a:pt x="5" y="44"/>
                    <a:pt x="3" y="41"/>
                    <a:pt x="2" y="38"/>
                  </a:cubicBezTo>
                  <a:cubicBezTo>
                    <a:pt x="0" y="35"/>
                    <a:pt x="0" y="31"/>
                    <a:pt x="0" y="27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22"/>
                    <a:pt x="0" y="19"/>
                    <a:pt x="2" y="15"/>
                  </a:cubicBezTo>
                  <a:cubicBezTo>
                    <a:pt x="3" y="12"/>
                    <a:pt x="5" y="9"/>
                    <a:pt x="8" y="7"/>
                  </a:cubicBezTo>
                  <a:cubicBezTo>
                    <a:pt x="10" y="5"/>
                    <a:pt x="13" y="3"/>
                    <a:pt x="16" y="2"/>
                  </a:cubicBezTo>
                  <a:cubicBezTo>
                    <a:pt x="20" y="0"/>
                    <a:pt x="24" y="0"/>
                    <a:pt x="28" y="0"/>
                  </a:cubicBezTo>
                  <a:cubicBezTo>
                    <a:pt x="32" y="0"/>
                    <a:pt x="36" y="0"/>
                    <a:pt x="39" y="2"/>
                  </a:cubicBezTo>
                  <a:cubicBezTo>
                    <a:pt x="42" y="3"/>
                    <a:pt x="45" y="5"/>
                    <a:pt x="48" y="7"/>
                  </a:cubicBezTo>
                  <a:cubicBezTo>
                    <a:pt x="50" y="9"/>
                    <a:pt x="52" y="12"/>
                    <a:pt x="53" y="15"/>
                  </a:cubicBezTo>
                  <a:cubicBezTo>
                    <a:pt x="55" y="19"/>
                    <a:pt x="55" y="22"/>
                    <a:pt x="55" y="26"/>
                  </a:cubicBezTo>
                  <a:cubicBezTo>
                    <a:pt x="55" y="27"/>
                    <a:pt x="55" y="27"/>
                    <a:pt x="55" y="27"/>
                  </a:cubicBezTo>
                  <a:cubicBezTo>
                    <a:pt x="55" y="31"/>
                    <a:pt x="55" y="35"/>
                    <a:pt x="53" y="38"/>
                  </a:cubicBezTo>
                  <a:cubicBezTo>
                    <a:pt x="52" y="41"/>
                    <a:pt x="50" y="44"/>
                    <a:pt x="48" y="46"/>
                  </a:cubicBezTo>
                  <a:cubicBezTo>
                    <a:pt x="45" y="49"/>
                    <a:pt x="42" y="50"/>
                    <a:pt x="39" y="52"/>
                  </a:cubicBezTo>
                  <a:cubicBezTo>
                    <a:pt x="35" y="53"/>
                    <a:pt x="32" y="54"/>
                    <a:pt x="28" y="54"/>
                  </a:cubicBezTo>
                  <a:close/>
                  <a:moveTo>
                    <a:pt x="28" y="41"/>
                  </a:moveTo>
                  <a:cubicBezTo>
                    <a:pt x="31" y="41"/>
                    <a:pt x="34" y="39"/>
                    <a:pt x="36" y="37"/>
                  </a:cubicBezTo>
                  <a:cubicBezTo>
                    <a:pt x="38" y="35"/>
                    <a:pt x="39" y="32"/>
                    <a:pt x="39" y="28"/>
                  </a:cubicBezTo>
                  <a:cubicBezTo>
                    <a:pt x="39" y="25"/>
                    <a:pt x="39" y="25"/>
                    <a:pt x="39" y="25"/>
                  </a:cubicBezTo>
                  <a:cubicBezTo>
                    <a:pt x="39" y="21"/>
                    <a:pt x="38" y="18"/>
                    <a:pt x="36" y="16"/>
                  </a:cubicBezTo>
                  <a:cubicBezTo>
                    <a:pt x="34" y="14"/>
                    <a:pt x="31" y="13"/>
                    <a:pt x="28" y="13"/>
                  </a:cubicBezTo>
                  <a:cubicBezTo>
                    <a:pt x="24" y="13"/>
                    <a:pt x="22" y="14"/>
                    <a:pt x="19" y="16"/>
                  </a:cubicBezTo>
                  <a:cubicBezTo>
                    <a:pt x="17" y="18"/>
                    <a:pt x="16" y="21"/>
                    <a:pt x="16" y="25"/>
                  </a:cubicBezTo>
                  <a:cubicBezTo>
                    <a:pt x="16" y="28"/>
                    <a:pt x="16" y="28"/>
                    <a:pt x="16" y="28"/>
                  </a:cubicBezTo>
                  <a:cubicBezTo>
                    <a:pt x="16" y="32"/>
                    <a:pt x="17" y="35"/>
                    <a:pt x="20" y="37"/>
                  </a:cubicBezTo>
                  <a:cubicBezTo>
                    <a:pt x="22" y="39"/>
                    <a:pt x="24" y="41"/>
                    <a:pt x="28" y="41"/>
                  </a:cubicBezTo>
                  <a:close/>
                  <a:moveTo>
                    <a:pt x="91" y="113"/>
                  </a:moveTo>
                  <a:cubicBezTo>
                    <a:pt x="87" y="113"/>
                    <a:pt x="83" y="112"/>
                    <a:pt x="80" y="111"/>
                  </a:cubicBezTo>
                  <a:cubicBezTo>
                    <a:pt x="76" y="110"/>
                    <a:pt x="73" y="108"/>
                    <a:pt x="71" y="106"/>
                  </a:cubicBezTo>
                  <a:cubicBezTo>
                    <a:pt x="69" y="103"/>
                    <a:pt x="67" y="101"/>
                    <a:pt x="65" y="97"/>
                  </a:cubicBezTo>
                  <a:cubicBezTo>
                    <a:pt x="64" y="94"/>
                    <a:pt x="63" y="91"/>
                    <a:pt x="63" y="87"/>
                  </a:cubicBezTo>
                  <a:cubicBezTo>
                    <a:pt x="63" y="85"/>
                    <a:pt x="63" y="85"/>
                    <a:pt x="63" y="85"/>
                  </a:cubicBezTo>
                  <a:cubicBezTo>
                    <a:pt x="63" y="82"/>
                    <a:pt x="64" y="78"/>
                    <a:pt x="65" y="75"/>
                  </a:cubicBezTo>
                  <a:cubicBezTo>
                    <a:pt x="67" y="72"/>
                    <a:pt x="69" y="69"/>
                    <a:pt x="71" y="66"/>
                  </a:cubicBezTo>
                  <a:cubicBezTo>
                    <a:pt x="74" y="64"/>
                    <a:pt x="77" y="62"/>
                    <a:pt x="80" y="61"/>
                  </a:cubicBezTo>
                  <a:cubicBezTo>
                    <a:pt x="83" y="60"/>
                    <a:pt x="87" y="59"/>
                    <a:pt x="91" y="59"/>
                  </a:cubicBezTo>
                  <a:cubicBezTo>
                    <a:pt x="95" y="59"/>
                    <a:pt x="99" y="60"/>
                    <a:pt x="102" y="61"/>
                  </a:cubicBezTo>
                  <a:cubicBezTo>
                    <a:pt x="106" y="62"/>
                    <a:pt x="109" y="64"/>
                    <a:pt x="111" y="66"/>
                  </a:cubicBezTo>
                  <a:cubicBezTo>
                    <a:pt x="114" y="69"/>
                    <a:pt x="116" y="71"/>
                    <a:pt x="117" y="75"/>
                  </a:cubicBezTo>
                  <a:cubicBezTo>
                    <a:pt x="118" y="78"/>
                    <a:pt x="119" y="81"/>
                    <a:pt x="119" y="85"/>
                  </a:cubicBezTo>
                  <a:cubicBezTo>
                    <a:pt x="119" y="87"/>
                    <a:pt x="119" y="87"/>
                    <a:pt x="119" y="87"/>
                  </a:cubicBezTo>
                  <a:cubicBezTo>
                    <a:pt x="119" y="90"/>
                    <a:pt x="118" y="94"/>
                    <a:pt x="117" y="97"/>
                  </a:cubicBezTo>
                  <a:cubicBezTo>
                    <a:pt x="116" y="100"/>
                    <a:pt x="114" y="103"/>
                    <a:pt x="111" y="106"/>
                  </a:cubicBezTo>
                  <a:cubicBezTo>
                    <a:pt x="109" y="108"/>
                    <a:pt x="106" y="110"/>
                    <a:pt x="102" y="111"/>
                  </a:cubicBezTo>
                  <a:cubicBezTo>
                    <a:pt x="99" y="112"/>
                    <a:pt x="95" y="113"/>
                    <a:pt x="91" y="113"/>
                  </a:cubicBezTo>
                  <a:close/>
                  <a:moveTo>
                    <a:pt x="91" y="100"/>
                  </a:moveTo>
                  <a:cubicBezTo>
                    <a:pt x="94" y="100"/>
                    <a:pt x="97" y="99"/>
                    <a:pt x="99" y="96"/>
                  </a:cubicBezTo>
                  <a:cubicBezTo>
                    <a:pt x="101" y="94"/>
                    <a:pt x="102" y="91"/>
                    <a:pt x="102" y="87"/>
                  </a:cubicBezTo>
                  <a:cubicBezTo>
                    <a:pt x="102" y="85"/>
                    <a:pt x="102" y="85"/>
                    <a:pt x="102" y="85"/>
                  </a:cubicBezTo>
                  <a:cubicBezTo>
                    <a:pt x="102" y="81"/>
                    <a:pt x="101" y="78"/>
                    <a:pt x="99" y="75"/>
                  </a:cubicBezTo>
                  <a:cubicBezTo>
                    <a:pt x="97" y="73"/>
                    <a:pt x="94" y="72"/>
                    <a:pt x="91" y="72"/>
                  </a:cubicBezTo>
                  <a:cubicBezTo>
                    <a:pt x="88" y="72"/>
                    <a:pt x="85" y="73"/>
                    <a:pt x="83" y="75"/>
                  </a:cubicBezTo>
                  <a:cubicBezTo>
                    <a:pt x="81" y="78"/>
                    <a:pt x="80" y="81"/>
                    <a:pt x="80" y="85"/>
                  </a:cubicBezTo>
                  <a:cubicBezTo>
                    <a:pt x="80" y="87"/>
                    <a:pt x="80" y="87"/>
                    <a:pt x="80" y="87"/>
                  </a:cubicBezTo>
                  <a:cubicBezTo>
                    <a:pt x="80" y="91"/>
                    <a:pt x="81" y="94"/>
                    <a:pt x="83" y="96"/>
                  </a:cubicBezTo>
                  <a:cubicBezTo>
                    <a:pt x="85" y="99"/>
                    <a:pt x="88" y="100"/>
                    <a:pt x="91" y="10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1" name="Freeform 47"/>
            <p:cNvSpPr>
              <a:spLocks/>
            </p:cNvSpPr>
            <p:nvPr userDrawn="1"/>
          </p:nvSpPr>
          <p:spPr bwMode="auto">
            <a:xfrm>
              <a:off x="2036" y="3779"/>
              <a:ext cx="74" cy="83"/>
            </a:xfrm>
            <a:custGeom>
              <a:avLst/>
              <a:gdLst/>
              <a:ahLst/>
              <a:cxnLst>
                <a:cxn ang="0">
                  <a:pos x="35" y="90"/>
                </a:cxn>
                <a:cxn ang="0">
                  <a:pos x="17" y="111"/>
                </a:cxn>
                <a:cxn ang="0">
                  <a:pos x="10" y="116"/>
                </a:cxn>
                <a:cxn ang="0">
                  <a:pos x="4" y="113"/>
                </a:cxn>
                <a:cxn ang="0">
                  <a:pos x="3" y="113"/>
                </a:cxn>
                <a:cxn ang="0">
                  <a:pos x="0" y="107"/>
                </a:cxn>
                <a:cxn ang="0">
                  <a:pos x="4" y="99"/>
                </a:cxn>
                <a:cxn ang="0">
                  <a:pos x="16" y="85"/>
                </a:cxn>
                <a:cxn ang="0">
                  <a:pos x="19" y="82"/>
                </a:cxn>
                <a:cxn ang="0">
                  <a:pos x="66" y="29"/>
                </a:cxn>
                <a:cxn ang="0">
                  <a:pos x="67" y="27"/>
                </a:cxn>
                <a:cxn ang="0">
                  <a:pos x="86" y="5"/>
                </a:cxn>
                <a:cxn ang="0">
                  <a:pos x="99" y="3"/>
                </a:cxn>
                <a:cxn ang="0">
                  <a:pos x="100" y="4"/>
                </a:cxn>
                <a:cxn ang="0">
                  <a:pos x="100" y="17"/>
                </a:cxn>
                <a:cxn ang="0">
                  <a:pos x="80" y="39"/>
                </a:cxn>
                <a:cxn ang="0">
                  <a:pos x="76" y="44"/>
                </a:cxn>
                <a:cxn ang="0">
                  <a:pos x="35" y="91"/>
                </a:cxn>
              </a:cxnLst>
              <a:rect l="0" t="0" r="r" b="b"/>
              <a:pathLst>
                <a:path w="104" h="116">
                  <a:moveTo>
                    <a:pt x="35" y="90"/>
                  </a:moveTo>
                  <a:cubicBezTo>
                    <a:pt x="17" y="111"/>
                    <a:pt x="17" y="111"/>
                    <a:pt x="17" y="111"/>
                  </a:cubicBezTo>
                  <a:cubicBezTo>
                    <a:pt x="15" y="114"/>
                    <a:pt x="12" y="115"/>
                    <a:pt x="10" y="116"/>
                  </a:cubicBezTo>
                  <a:cubicBezTo>
                    <a:pt x="8" y="116"/>
                    <a:pt x="6" y="115"/>
                    <a:pt x="4" y="113"/>
                  </a:cubicBezTo>
                  <a:cubicBezTo>
                    <a:pt x="3" y="113"/>
                    <a:pt x="3" y="113"/>
                    <a:pt x="3" y="113"/>
                  </a:cubicBezTo>
                  <a:cubicBezTo>
                    <a:pt x="1" y="111"/>
                    <a:pt x="0" y="109"/>
                    <a:pt x="0" y="107"/>
                  </a:cubicBezTo>
                  <a:cubicBezTo>
                    <a:pt x="0" y="105"/>
                    <a:pt x="1" y="102"/>
                    <a:pt x="4" y="99"/>
                  </a:cubicBezTo>
                  <a:cubicBezTo>
                    <a:pt x="16" y="85"/>
                    <a:pt x="16" y="85"/>
                    <a:pt x="16" y="85"/>
                  </a:cubicBezTo>
                  <a:cubicBezTo>
                    <a:pt x="16" y="85"/>
                    <a:pt x="16" y="85"/>
                    <a:pt x="19" y="82"/>
                  </a:cubicBezTo>
                  <a:cubicBezTo>
                    <a:pt x="66" y="29"/>
                    <a:pt x="66" y="29"/>
                    <a:pt x="66" y="29"/>
                  </a:cubicBezTo>
                  <a:cubicBezTo>
                    <a:pt x="68" y="26"/>
                    <a:pt x="67" y="27"/>
                    <a:pt x="67" y="27"/>
                  </a:cubicBezTo>
                  <a:cubicBezTo>
                    <a:pt x="86" y="5"/>
                    <a:pt x="86" y="5"/>
                    <a:pt x="86" y="5"/>
                  </a:cubicBezTo>
                  <a:cubicBezTo>
                    <a:pt x="91" y="0"/>
                    <a:pt x="95" y="0"/>
                    <a:pt x="99" y="3"/>
                  </a:cubicBezTo>
                  <a:cubicBezTo>
                    <a:pt x="100" y="4"/>
                    <a:pt x="100" y="4"/>
                    <a:pt x="100" y="4"/>
                  </a:cubicBezTo>
                  <a:cubicBezTo>
                    <a:pt x="104" y="7"/>
                    <a:pt x="104" y="11"/>
                    <a:pt x="100" y="17"/>
                  </a:cubicBezTo>
                  <a:cubicBezTo>
                    <a:pt x="80" y="39"/>
                    <a:pt x="80" y="39"/>
                    <a:pt x="80" y="39"/>
                  </a:cubicBezTo>
                  <a:cubicBezTo>
                    <a:pt x="76" y="44"/>
                    <a:pt x="76" y="44"/>
                    <a:pt x="76" y="44"/>
                  </a:cubicBezTo>
                  <a:cubicBezTo>
                    <a:pt x="35" y="91"/>
                    <a:pt x="35" y="91"/>
                    <a:pt x="35" y="91"/>
                  </a:cubicBezTo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074" name="Group 50"/>
          <p:cNvGrpSpPr>
            <a:grpSpLocks noChangeAspect="1"/>
          </p:cNvGrpSpPr>
          <p:nvPr userDrawn="1"/>
        </p:nvGrpSpPr>
        <p:grpSpPr bwMode="auto">
          <a:xfrm>
            <a:off x="3535351" y="5994402"/>
            <a:ext cx="136525" cy="141288"/>
            <a:chOff x="2227" y="3776"/>
            <a:chExt cx="86" cy="89"/>
          </a:xfrm>
          <a:solidFill>
            <a:srgbClr val="009530"/>
          </a:solidFill>
        </p:grpSpPr>
        <p:sp>
          <p:nvSpPr>
            <p:cNvPr id="1075" name="Freeform 51"/>
            <p:cNvSpPr>
              <a:spLocks/>
            </p:cNvSpPr>
            <p:nvPr userDrawn="1"/>
          </p:nvSpPr>
          <p:spPr bwMode="auto">
            <a:xfrm>
              <a:off x="2227" y="3811"/>
              <a:ext cx="86" cy="19"/>
            </a:xfrm>
            <a:custGeom>
              <a:avLst/>
              <a:gdLst/>
              <a:ahLst/>
              <a:cxnLst>
                <a:cxn ang="0">
                  <a:pos x="46" y="26"/>
                </a:cxn>
                <a:cxn ang="0">
                  <a:pos x="15" y="26"/>
                </a:cxn>
                <a:cxn ang="0">
                  <a:pos x="0" y="14"/>
                </a:cxn>
                <a:cxn ang="0">
                  <a:pos x="0" y="12"/>
                </a:cxn>
                <a:cxn ang="0">
                  <a:pos x="15" y="0"/>
                </a:cxn>
                <a:cxn ang="0">
                  <a:pos x="46" y="0"/>
                </a:cxn>
                <a:cxn ang="0">
                  <a:pos x="74" y="0"/>
                </a:cxn>
                <a:cxn ang="0">
                  <a:pos x="106" y="0"/>
                </a:cxn>
                <a:cxn ang="0">
                  <a:pos x="121" y="12"/>
                </a:cxn>
                <a:cxn ang="0">
                  <a:pos x="121" y="14"/>
                </a:cxn>
                <a:cxn ang="0">
                  <a:pos x="106" y="26"/>
                </a:cxn>
                <a:cxn ang="0">
                  <a:pos x="74" y="26"/>
                </a:cxn>
                <a:cxn ang="0">
                  <a:pos x="46" y="26"/>
                </a:cxn>
              </a:cxnLst>
              <a:rect l="0" t="0" r="r" b="b"/>
              <a:pathLst>
                <a:path w="121" h="26">
                  <a:moveTo>
                    <a:pt x="46" y="26"/>
                  </a:moveTo>
                  <a:cubicBezTo>
                    <a:pt x="15" y="26"/>
                    <a:pt x="15" y="26"/>
                    <a:pt x="15" y="26"/>
                  </a:cubicBezTo>
                  <a:cubicBezTo>
                    <a:pt x="5" y="26"/>
                    <a:pt x="0" y="21"/>
                    <a:pt x="0" y="14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5"/>
                    <a:pt x="5" y="0"/>
                    <a:pt x="15" y="0"/>
                  </a:cubicBezTo>
                  <a:cubicBezTo>
                    <a:pt x="46" y="0"/>
                    <a:pt x="46" y="0"/>
                    <a:pt x="46" y="0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106" y="0"/>
                    <a:pt x="106" y="0"/>
                    <a:pt x="106" y="0"/>
                  </a:cubicBezTo>
                  <a:cubicBezTo>
                    <a:pt x="116" y="0"/>
                    <a:pt x="121" y="5"/>
                    <a:pt x="121" y="12"/>
                  </a:cubicBezTo>
                  <a:cubicBezTo>
                    <a:pt x="121" y="14"/>
                    <a:pt x="121" y="14"/>
                    <a:pt x="121" y="14"/>
                  </a:cubicBezTo>
                  <a:cubicBezTo>
                    <a:pt x="121" y="21"/>
                    <a:pt x="116" y="26"/>
                    <a:pt x="106" y="26"/>
                  </a:cubicBezTo>
                  <a:cubicBezTo>
                    <a:pt x="74" y="26"/>
                    <a:pt x="74" y="26"/>
                    <a:pt x="74" y="26"/>
                  </a:cubicBezTo>
                  <a:lnTo>
                    <a:pt x="46" y="26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6" name="Oval 52"/>
            <p:cNvSpPr>
              <a:spLocks noChangeArrowheads="1"/>
            </p:cNvSpPr>
            <p:nvPr userDrawn="1"/>
          </p:nvSpPr>
          <p:spPr bwMode="auto">
            <a:xfrm>
              <a:off x="2260" y="3776"/>
              <a:ext cx="21" cy="21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7" name="Oval 53"/>
            <p:cNvSpPr>
              <a:spLocks noChangeArrowheads="1"/>
            </p:cNvSpPr>
            <p:nvPr userDrawn="1"/>
          </p:nvSpPr>
          <p:spPr bwMode="auto">
            <a:xfrm>
              <a:off x="2260" y="3845"/>
              <a:ext cx="21" cy="20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081" name="Freeform 57"/>
          <p:cNvSpPr>
            <a:spLocks/>
          </p:cNvSpPr>
          <p:nvPr userDrawn="1"/>
        </p:nvSpPr>
        <p:spPr bwMode="auto">
          <a:xfrm>
            <a:off x="3856038" y="5995988"/>
            <a:ext cx="109537" cy="138112"/>
          </a:xfrm>
          <a:custGeom>
            <a:avLst/>
            <a:gdLst/>
            <a:ahLst/>
            <a:cxnLst>
              <a:cxn ang="0">
                <a:pos x="11" y="73"/>
              </a:cxn>
              <a:cxn ang="0">
                <a:pos x="4" y="70"/>
              </a:cxn>
              <a:cxn ang="0">
                <a:pos x="1" y="65"/>
              </a:cxn>
              <a:cxn ang="0">
                <a:pos x="1" y="63"/>
              </a:cxn>
              <a:cxn ang="0">
                <a:pos x="4" y="58"/>
              </a:cxn>
              <a:cxn ang="0">
                <a:pos x="11" y="55"/>
              </a:cxn>
              <a:cxn ang="0">
                <a:pos x="29" y="55"/>
              </a:cxn>
              <a:cxn ang="0">
                <a:pos x="24" y="49"/>
              </a:cxn>
              <a:cxn ang="0">
                <a:pos x="20" y="41"/>
              </a:cxn>
              <a:cxn ang="0">
                <a:pos x="14" y="34"/>
              </a:cxn>
              <a:cxn ang="0">
                <a:pos x="0" y="12"/>
              </a:cxn>
              <a:cxn ang="0">
                <a:pos x="1" y="9"/>
              </a:cxn>
              <a:cxn ang="0">
                <a:pos x="3" y="6"/>
              </a:cxn>
              <a:cxn ang="0">
                <a:pos x="8" y="2"/>
              </a:cxn>
              <a:cxn ang="0">
                <a:pos x="16" y="1"/>
              </a:cxn>
              <a:cxn ang="0">
                <a:pos x="23" y="3"/>
              </a:cxn>
              <a:cxn ang="0">
                <a:pos x="28" y="10"/>
              </a:cxn>
              <a:cxn ang="0">
                <a:pos x="49" y="48"/>
              </a:cxn>
              <a:cxn ang="0">
                <a:pos x="69" y="10"/>
              </a:cxn>
              <a:cxn ang="0">
                <a:pos x="75" y="3"/>
              </a:cxn>
              <a:cxn ang="0">
                <a:pos x="82" y="0"/>
              </a:cxn>
              <a:cxn ang="0">
                <a:pos x="89" y="2"/>
              </a:cxn>
              <a:cxn ang="0">
                <a:pos x="94" y="6"/>
              </a:cxn>
              <a:cxn ang="0">
                <a:pos x="96" y="9"/>
              </a:cxn>
              <a:cxn ang="0">
                <a:pos x="96" y="12"/>
              </a:cxn>
              <a:cxn ang="0">
                <a:pos x="68" y="55"/>
              </a:cxn>
              <a:cxn ang="0">
                <a:pos x="86" y="55"/>
              </a:cxn>
              <a:cxn ang="0">
                <a:pos x="93" y="58"/>
              </a:cxn>
              <a:cxn ang="0">
                <a:pos x="95" y="63"/>
              </a:cxn>
              <a:cxn ang="0">
                <a:pos x="95" y="65"/>
              </a:cxn>
              <a:cxn ang="0">
                <a:pos x="93" y="70"/>
              </a:cxn>
              <a:cxn ang="0">
                <a:pos x="86" y="73"/>
              </a:cxn>
              <a:cxn ang="0">
                <a:pos x="60" y="73"/>
              </a:cxn>
              <a:cxn ang="0">
                <a:pos x="60" y="82"/>
              </a:cxn>
              <a:cxn ang="0">
                <a:pos x="86" y="82"/>
              </a:cxn>
              <a:cxn ang="0">
                <a:pos x="93" y="84"/>
              </a:cxn>
              <a:cxn ang="0">
                <a:pos x="95" y="90"/>
              </a:cxn>
              <a:cxn ang="0">
                <a:pos x="95" y="92"/>
              </a:cxn>
              <a:cxn ang="0">
                <a:pos x="93" y="97"/>
              </a:cxn>
              <a:cxn ang="0">
                <a:pos x="86" y="100"/>
              </a:cxn>
              <a:cxn ang="0">
                <a:pos x="60" y="100"/>
              </a:cxn>
              <a:cxn ang="0">
                <a:pos x="60" y="108"/>
              </a:cxn>
              <a:cxn ang="0">
                <a:pos x="58" y="117"/>
              </a:cxn>
              <a:cxn ang="0">
                <a:pos x="50" y="120"/>
              </a:cxn>
              <a:cxn ang="0">
                <a:pos x="47" y="120"/>
              </a:cxn>
              <a:cxn ang="0">
                <a:pos x="39" y="117"/>
              </a:cxn>
              <a:cxn ang="0">
                <a:pos x="37" y="108"/>
              </a:cxn>
              <a:cxn ang="0">
                <a:pos x="37" y="100"/>
              </a:cxn>
              <a:cxn ang="0">
                <a:pos x="11" y="100"/>
              </a:cxn>
              <a:cxn ang="0">
                <a:pos x="4" y="97"/>
              </a:cxn>
              <a:cxn ang="0">
                <a:pos x="1" y="92"/>
              </a:cxn>
              <a:cxn ang="0">
                <a:pos x="1" y="90"/>
              </a:cxn>
              <a:cxn ang="0">
                <a:pos x="4" y="84"/>
              </a:cxn>
              <a:cxn ang="0">
                <a:pos x="11" y="82"/>
              </a:cxn>
              <a:cxn ang="0">
                <a:pos x="37" y="82"/>
              </a:cxn>
              <a:cxn ang="0">
                <a:pos x="37" y="73"/>
              </a:cxn>
              <a:cxn ang="0">
                <a:pos x="11" y="73"/>
              </a:cxn>
            </a:cxnLst>
            <a:rect l="0" t="0" r="r" b="b"/>
            <a:pathLst>
              <a:path w="97" h="120">
                <a:moveTo>
                  <a:pt x="11" y="73"/>
                </a:moveTo>
                <a:cubicBezTo>
                  <a:pt x="8" y="73"/>
                  <a:pt x="5" y="72"/>
                  <a:pt x="4" y="70"/>
                </a:cubicBezTo>
                <a:cubicBezTo>
                  <a:pt x="2" y="69"/>
                  <a:pt x="1" y="67"/>
                  <a:pt x="1" y="65"/>
                </a:cubicBezTo>
                <a:cubicBezTo>
                  <a:pt x="1" y="63"/>
                  <a:pt x="1" y="63"/>
                  <a:pt x="1" y="63"/>
                </a:cubicBezTo>
                <a:cubicBezTo>
                  <a:pt x="1" y="61"/>
                  <a:pt x="2" y="59"/>
                  <a:pt x="4" y="58"/>
                </a:cubicBezTo>
                <a:cubicBezTo>
                  <a:pt x="5" y="56"/>
                  <a:pt x="8" y="55"/>
                  <a:pt x="11" y="55"/>
                </a:cubicBezTo>
                <a:cubicBezTo>
                  <a:pt x="29" y="55"/>
                  <a:pt x="29" y="55"/>
                  <a:pt x="29" y="55"/>
                </a:cubicBezTo>
                <a:cubicBezTo>
                  <a:pt x="27" y="53"/>
                  <a:pt x="26" y="51"/>
                  <a:pt x="24" y="49"/>
                </a:cubicBezTo>
                <a:cubicBezTo>
                  <a:pt x="23" y="46"/>
                  <a:pt x="21" y="44"/>
                  <a:pt x="20" y="41"/>
                </a:cubicBezTo>
                <a:cubicBezTo>
                  <a:pt x="18" y="39"/>
                  <a:pt x="16" y="36"/>
                  <a:pt x="14" y="34"/>
                </a:cubicBezTo>
                <a:cubicBezTo>
                  <a:pt x="0" y="12"/>
                  <a:pt x="0" y="12"/>
                  <a:pt x="0" y="12"/>
                </a:cubicBezTo>
                <a:cubicBezTo>
                  <a:pt x="0" y="11"/>
                  <a:pt x="0" y="11"/>
                  <a:pt x="1" y="9"/>
                </a:cubicBezTo>
                <a:cubicBezTo>
                  <a:pt x="1" y="8"/>
                  <a:pt x="2" y="7"/>
                  <a:pt x="3" y="6"/>
                </a:cubicBezTo>
                <a:cubicBezTo>
                  <a:pt x="4" y="4"/>
                  <a:pt x="6" y="3"/>
                  <a:pt x="8" y="2"/>
                </a:cubicBezTo>
                <a:cubicBezTo>
                  <a:pt x="10" y="1"/>
                  <a:pt x="13" y="1"/>
                  <a:pt x="16" y="1"/>
                </a:cubicBezTo>
                <a:cubicBezTo>
                  <a:pt x="18" y="1"/>
                  <a:pt x="21" y="1"/>
                  <a:pt x="23" y="3"/>
                </a:cubicBezTo>
                <a:cubicBezTo>
                  <a:pt x="25" y="4"/>
                  <a:pt x="27" y="7"/>
                  <a:pt x="28" y="10"/>
                </a:cubicBezTo>
                <a:cubicBezTo>
                  <a:pt x="49" y="48"/>
                  <a:pt x="49" y="48"/>
                  <a:pt x="49" y="48"/>
                </a:cubicBezTo>
                <a:cubicBezTo>
                  <a:pt x="69" y="10"/>
                  <a:pt x="69" y="10"/>
                  <a:pt x="69" y="10"/>
                </a:cubicBezTo>
                <a:cubicBezTo>
                  <a:pt x="71" y="6"/>
                  <a:pt x="73" y="4"/>
                  <a:pt x="75" y="3"/>
                </a:cubicBezTo>
                <a:cubicBezTo>
                  <a:pt x="77" y="1"/>
                  <a:pt x="80" y="0"/>
                  <a:pt x="82" y="0"/>
                </a:cubicBezTo>
                <a:cubicBezTo>
                  <a:pt x="85" y="0"/>
                  <a:pt x="87" y="1"/>
                  <a:pt x="89" y="2"/>
                </a:cubicBezTo>
                <a:cubicBezTo>
                  <a:pt x="91" y="3"/>
                  <a:pt x="93" y="4"/>
                  <a:pt x="94" y="6"/>
                </a:cubicBezTo>
                <a:cubicBezTo>
                  <a:pt x="95" y="7"/>
                  <a:pt x="96" y="8"/>
                  <a:pt x="96" y="9"/>
                </a:cubicBezTo>
                <a:cubicBezTo>
                  <a:pt x="97" y="11"/>
                  <a:pt x="97" y="11"/>
                  <a:pt x="96" y="12"/>
                </a:cubicBezTo>
                <a:cubicBezTo>
                  <a:pt x="68" y="55"/>
                  <a:pt x="68" y="55"/>
                  <a:pt x="68" y="55"/>
                </a:cubicBezTo>
                <a:cubicBezTo>
                  <a:pt x="86" y="55"/>
                  <a:pt x="86" y="55"/>
                  <a:pt x="86" y="55"/>
                </a:cubicBezTo>
                <a:cubicBezTo>
                  <a:pt x="89" y="55"/>
                  <a:pt x="92" y="56"/>
                  <a:pt x="93" y="58"/>
                </a:cubicBezTo>
                <a:cubicBezTo>
                  <a:pt x="95" y="59"/>
                  <a:pt x="95" y="61"/>
                  <a:pt x="95" y="63"/>
                </a:cubicBezTo>
                <a:cubicBezTo>
                  <a:pt x="95" y="65"/>
                  <a:pt x="95" y="65"/>
                  <a:pt x="95" y="65"/>
                </a:cubicBezTo>
                <a:cubicBezTo>
                  <a:pt x="95" y="67"/>
                  <a:pt x="95" y="69"/>
                  <a:pt x="93" y="70"/>
                </a:cubicBezTo>
                <a:cubicBezTo>
                  <a:pt x="92" y="72"/>
                  <a:pt x="89" y="73"/>
                  <a:pt x="86" y="73"/>
                </a:cubicBezTo>
                <a:cubicBezTo>
                  <a:pt x="60" y="73"/>
                  <a:pt x="60" y="73"/>
                  <a:pt x="60" y="73"/>
                </a:cubicBezTo>
                <a:cubicBezTo>
                  <a:pt x="60" y="82"/>
                  <a:pt x="60" y="82"/>
                  <a:pt x="60" y="82"/>
                </a:cubicBezTo>
                <a:cubicBezTo>
                  <a:pt x="86" y="82"/>
                  <a:pt x="86" y="82"/>
                  <a:pt x="86" y="82"/>
                </a:cubicBezTo>
                <a:cubicBezTo>
                  <a:pt x="89" y="82"/>
                  <a:pt x="92" y="83"/>
                  <a:pt x="93" y="84"/>
                </a:cubicBezTo>
                <a:cubicBezTo>
                  <a:pt x="95" y="86"/>
                  <a:pt x="95" y="88"/>
                  <a:pt x="95" y="90"/>
                </a:cubicBezTo>
                <a:cubicBezTo>
                  <a:pt x="95" y="92"/>
                  <a:pt x="95" y="92"/>
                  <a:pt x="95" y="92"/>
                </a:cubicBezTo>
                <a:cubicBezTo>
                  <a:pt x="95" y="94"/>
                  <a:pt x="95" y="96"/>
                  <a:pt x="93" y="97"/>
                </a:cubicBezTo>
                <a:cubicBezTo>
                  <a:pt x="92" y="99"/>
                  <a:pt x="89" y="100"/>
                  <a:pt x="86" y="100"/>
                </a:cubicBezTo>
                <a:cubicBezTo>
                  <a:pt x="60" y="100"/>
                  <a:pt x="60" y="100"/>
                  <a:pt x="60" y="100"/>
                </a:cubicBezTo>
                <a:cubicBezTo>
                  <a:pt x="60" y="108"/>
                  <a:pt x="60" y="108"/>
                  <a:pt x="60" y="108"/>
                </a:cubicBezTo>
                <a:cubicBezTo>
                  <a:pt x="60" y="112"/>
                  <a:pt x="59" y="115"/>
                  <a:pt x="58" y="117"/>
                </a:cubicBezTo>
                <a:cubicBezTo>
                  <a:pt x="56" y="119"/>
                  <a:pt x="53" y="120"/>
                  <a:pt x="50" y="120"/>
                </a:cubicBezTo>
                <a:cubicBezTo>
                  <a:pt x="47" y="120"/>
                  <a:pt x="47" y="120"/>
                  <a:pt x="47" y="120"/>
                </a:cubicBezTo>
                <a:cubicBezTo>
                  <a:pt x="43" y="120"/>
                  <a:pt x="40" y="119"/>
                  <a:pt x="39" y="117"/>
                </a:cubicBezTo>
                <a:cubicBezTo>
                  <a:pt x="37" y="115"/>
                  <a:pt x="37" y="112"/>
                  <a:pt x="37" y="108"/>
                </a:cubicBezTo>
                <a:cubicBezTo>
                  <a:pt x="37" y="100"/>
                  <a:pt x="37" y="100"/>
                  <a:pt x="37" y="100"/>
                </a:cubicBezTo>
                <a:cubicBezTo>
                  <a:pt x="11" y="100"/>
                  <a:pt x="11" y="100"/>
                  <a:pt x="11" y="100"/>
                </a:cubicBezTo>
                <a:cubicBezTo>
                  <a:pt x="8" y="100"/>
                  <a:pt x="5" y="99"/>
                  <a:pt x="4" y="97"/>
                </a:cubicBezTo>
                <a:cubicBezTo>
                  <a:pt x="2" y="96"/>
                  <a:pt x="1" y="94"/>
                  <a:pt x="1" y="92"/>
                </a:cubicBezTo>
                <a:cubicBezTo>
                  <a:pt x="1" y="90"/>
                  <a:pt x="1" y="90"/>
                  <a:pt x="1" y="90"/>
                </a:cubicBezTo>
                <a:cubicBezTo>
                  <a:pt x="1" y="88"/>
                  <a:pt x="2" y="86"/>
                  <a:pt x="4" y="84"/>
                </a:cubicBezTo>
                <a:cubicBezTo>
                  <a:pt x="5" y="83"/>
                  <a:pt x="8" y="82"/>
                  <a:pt x="11" y="82"/>
                </a:cubicBezTo>
                <a:cubicBezTo>
                  <a:pt x="37" y="82"/>
                  <a:pt x="37" y="82"/>
                  <a:pt x="37" y="82"/>
                </a:cubicBezTo>
                <a:cubicBezTo>
                  <a:pt x="37" y="73"/>
                  <a:pt x="37" y="73"/>
                  <a:pt x="37" y="73"/>
                </a:cubicBezTo>
                <a:lnTo>
                  <a:pt x="11" y="73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85" name="Freeform 61"/>
          <p:cNvSpPr>
            <a:spLocks/>
          </p:cNvSpPr>
          <p:nvPr userDrawn="1"/>
        </p:nvSpPr>
        <p:spPr bwMode="auto">
          <a:xfrm>
            <a:off x="4160838" y="6000750"/>
            <a:ext cx="100013" cy="130175"/>
          </a:xfrm>
          <a:custGeom>
            <a:avLst/>
            <a:gdLst/>
            <a:ahLst/>
            <a:cxnLst>
              <a:cxn ang="0">
                <a:pos x="66" y="52"/>
              </a:cxn>
              <a:cxn ang="0">
                <a:pos x="81" y="63"/>
              </a:cxn>
              <a:cxn ang="0">
                <a:pos x="87" y="80"/>
              </a:cxn>
              <a:cxn ang="0">
                <a:pos x="75" y="104"/>
              </a:cxn>
              <a:cxn ang="0">
                <a:pos x="42" y="113"/>
              </a:cxn>
              <a:cxn ang="0">
                <a:pos x="24" y="111"/>
              </a:cxn>
              <a:cxn ang="0">
                <a:pos x="11" y="105"/>
              </a:cxn>
              <a:cxn ang="0">
                <a:pos x="3" y="97"/>
              </a:cxn>
              <a:cxn ang="0">
                <a:pos x="0" y="88"/>
              </a:cxn>
              <a:cxn ang="0">
                <a:pos x="2" y="81"/>
              </a:cxn>
              <a:cxn ang="0">
                <a:pos x="7" y="77"/>
              </a:cxn>
              <a:cxn ang="0">
                <a:pos x="12" y="76"/>
              </a:cxn>
              <a:cxn ang="0">
                <a:pos x="15" y="76"/>
              </a:cxn>
              <a:cxn ang="0">
                <a:pos x="24" y="89"/>
              </a:cxn>
              <a:cxn ang="0">
                <a:pos x="41" y="94"/>
              </a:cxn>
              <a:cxn ang="0">
                <a:pos x="57" y="90"/>
              </a:cxn>
              <a:cxn ang="0">
                <a:pos x="63" y="78"/>
              </a:cxn>
              <a:cxn ang="0">
                <a:pos x="44" y="63"/>
              </a:cxn>
              <a:cxn ang="0">
                <a:pos x="38" y="63"/>
              </a:cxn>
              <a:cxn ang="0">
                <a:pos x="29" y="61"/>
              </a:cxn>
              <a:cxn ang="0">
                <a:pos x="26" y="55"/>
              </a:cxn>
              <a:cxn ang="0">
                <a:pos x="26" y="54"/>
              </a:cxn>
              <a:cxn ang="0">
                <a:pos x="38" y="45"/>
              </a:cxn>
              <a:cxn ang="0">
                <a:pos x="46" y="45"/>
              </a:cxn>
              <a:cxn ang="0">
                <a:pos x="57" y="42"/>
              </a:cxn>
              <a:cxn ang="0">
                <a:pos x="61" y="33"/>
              </a:cxn>
              <a:cxn ang="0">
                <a:pos x="56" y="22"/>
              </a:cxn>
              <a:cxn ang="0">
                <a:pos x="41" y="19"/>
              </a:cxn>
              <a:cxn ang="0">
                <a:pos x="32" y="20"/>
              </a:cxn>
              <a:cxn ang="0">
                <a:pos x="25" y="24"/>
              </a:cxn>
              <a:cxn ang="0">
                <a:pos x="20" y="28"/>
              </a:cxn>
              <a:cxn ang="0">
                <a:pos x="17" y="34"/>
              </a:cxn>
              <a:cxn ang="0">
                <a:pos x="15" y="35"/>
              </a:cxn>
              <a:cxn ang="0">
                <a:pos x="10" y="33"/>
              </a:cxn>
              <a:cxn ang="0">
                <a:pos x="5" y="30"/>
              </a:cxn>
              <a:cxn ang="0">
                <a:pos x="3" y="23"/>
              </a:cxn>
              <a:cxn ang="0">
                <a:pos x="5" y="14"/>
              </a:cxn>
              <a:cxn ang="0">
                <a:pos x="13" y="7"/>
              </a:cxn>
              <a:cxn ang="0">
                <a:pos x="25" y="2"/>
              </a:cxn>
              <a:cxn ang="0">
                <a:pos x="42" y="0"/>
              </a:cxn>
              <a:cxn ang="0">
                <a:pos x="74" y="7"/>
              </a:cxn>
              <a:cxn ang="0">
                <a:pos x="85" y="29"/>
              </a:cxn>
              <a:cxn ang="0">
                <a:pos x="66" y="52"/>
              </a:cxn>
            </a:cxnLst>
            <a:rect l="0" t="0" r="r" b="b"/>
            <a:pathLst>
              <a:path w="87" h="113">
                <a:moveTo>
                  <a:pt x="66" y="52"/>
                </a:moveTo>
                <a:cubicBezTo>
                  <a:pt x="73" y="54"/>
                  <a:pt x="78" y="58"/>
                  <a:pt x="81" y="63"/>
                </a:cubicBezTo>
                <a:cubicBezTo>
                  <a:pt x="85" y="68"/>
                  <a:pt x="87" y="73"/>
                  <a:pt x="87" y="80"/>
                </a:cubicBezTo>
                <a:cubicBezTo>
                  <a:pt x="87" y="90"/>
                  <a:pt x="83" y="99"/>
                  <a:pt x="75" y="104"/>
                </a:cubicBezTo>
                <a:cubicBezTo>
                  <a:pt x="67" y="110"/>
                  <a:pt x="56" y="113"/>
                  <a:pt x="42" y="113"/>
                </a:cubicBezTo>
                <a:cubicBezTo>
                  <a:pt x="35" y="113"/>
                  <a:pt x="29" y="112"/>
                  <a:pt x="24" y="111"/>
                </a:cubicBezTo>
                <a:cubicBezTo>
                  <a:pt x="19" y="109"/>
                  <a:pt x="14" y="107"/>
                  <a:pt x="11" y="105"/>
                </a:cubicBezTo>
                <a:cubicBezTo>
                  <a:pt x="7" y="103"/>
                  <a:pt x="5" y="100"/>
                  <a:pt x="3" y="97"/>
                </a:cubicBezTo>
                <a:cubicBezTo>
                  <a:pt x="1" y="94"/>
                  <a:pt x="0" y="91"/>
                  <a:pt x="0" y="88"/>
                </a:cubicBezTo>
                <a:cubicBezTo>
                  <a:pt x="0" y="85"/>
                  <a:pt x="1" y="83"/>
                  <a:pt x="2" y="81"/>
                </a:cubicBezTo>
                <a:cubicBezTo>
                  <a:pt x="4" y="79"/>
                  <a:pt x="5" y="78"/>
                  <a:pt x="7" y="77"/>
                </a:cubicBezTo>
                <a:cubicBezTo>
                  <a:pt x="9" y="77"/>
                  <a:pt x="11" y="76"/>
                  <a:pt x="12" y="76"/>
                </a:cubicBezTo>
                <a:cubicBezTo>
                  <a:pt x="14" y="76"/>
                  <a:pt x="15" y="76"/>
                  <a:pt x="15" y="76"/>
                </a:cubicBezTo>
                <a:cubicBezTo>
                  <a:pt x="16" y="82"/>
                  <a:pt x="20" y="86"/>
                  <a:pt x="24" y="89"/>
                </a:cubicBezTo>
                <a:cubicBezTo>
                  <a:pt x="29" y="92"/>
                  <a:pt x="35" y="94"/>
                  <a:pt x="41" y="94"/>
                </a:cubicBezTo>
                <a:cubicBezTo>
                  <a:pt x="48" y="94"/>
                  <a:pt x="53" y="92"/>
                  <a:pt x="57" y="90"/>
                </a:cubicBezTo>
                <a:cubicBezTo>
                  <a:pt x="61" y="87"/>
                  <a:pt x="63" y="83"/>
                  <a:pt x="63" y="78"/>
                </a:cubicBezTo>
                <a:cubicBezTo>
                  <a:pt x="63" y="68"/>
                  <a:pt x="57" y="63"/>
                  <a:pt x="44" y="63"/>
                </a:cubicBezTo>
                <a:cubicBezTo>
                  <a:pt x="38" y="63"/>
                  <a:pt x="38" y="63"/>
                  <a:pt x="38" y="63"/>
                </a:cubicBezTo>
                <a:cubicBezTo>
                  <a:pt x="34" y="63"/>
                  <a:pt x="31" y="63"/>
                  <a:pt x="29" y="61"/>
                </a:cubicBezTo>
                <a:cubicBezTo>
                  <a:pt x="27" y="60"/>
                  <a:pt x="26" y="58"/>
                  <a:pt x="26" y="55"/>
                </a:cubicBezTo>
                <a:cubicBezTo>
                  <a:pt x="26" y="54"/>
                  <a:pt x="26" y="54"/>
                  <a:pt x="26" y="54"/>
                </a:cubicBezTo>
                <a:cubicBezTo>
                  <a:pt x="26" y="48"/>
                  <a:pt x="30" y="45"/>
                  <a:pt x="38" y="45"/>
                </a:cubicBezTo>
                <a:cubicBezTo>
                  <a:pt x="46" y="45"/>
                  <a:pt x="46" y="45"/>
                  <a:pt x="46" y="45"/>
                </a:cubicBezTo>
                <a:cubicBezTo>
                  <a:pt x="51" y="45"/>
                  <a:pt x="55" y="44"/>
                  <a:pt x="57" y="42"/>
                </a:cubicBezTo>
                <a:cubicBezTo>
                  <a:pt x="60" y="40"/>
                  <a:pt x="61" y="36"/>
                  <a:pt x="61" y="33"/>
                </a:cubicBezTo>
                <a:cubicBezTo>
                  <a:pt x="61" y="28"/>
                  <a:pt x="59" y="25"/>
                  <a:pt x="56" y="22"/>
                </a:cubicBezTo>
                <a:cubicBezTo>
                  <a:pt x="52" y="20"/>
                  <a:pt x="48" y="19"/>
                  <a:pt x="41" y="19"/>
                </a:cubicBezTo>
                <a:cubicBezTo>
                  <a:pt x="38" y="19"/>
                  <a:pt x="35" y="19"/>
                  <a:pt x="32" y="20"/>
                </a:cubicBezTo>
                <a:cubicBezTo>
                  <a:pt x="29" y="21"/>
                  <a:pt x="27" y="22"/>
                  <a:pt x="25" y="24"/>
                </a:cubicBezTo>
                <a:cubicBezTo>
                  <a:pt x="23" y="25"/>
                  <a:pt x="21" y="27"/>
                  <a:pt x="20" y="28"/>
                </a:cubicBezTo>
                <a:cubicBezTo>
                  <a:pt x="19" y="30"/>
                  <a:pt x="18" y="32"/>
                  <a:pt x="17" y="34"/>
                </a:cubicBezTo>
                <a:cubicBezTo>
                  <a:pt x="17" y="35"/>
                  <a:pt x="16" y="35"/>
                  <a:pt x="15" y="35"/>
                </a:cubicBezTo>
                <a:cubicBezTo>
                  <a:pt x="13" y="35"/>
                  <a:pt x="11" y="34"/>
                  <a:pt x="10" y="33"/>
                </a:cubicBezTo>
                <a:cubicBezTo>
                  <a:pt x="8" y="33"/>
                  <a:pt x="6" y="32"/>
                  <a:pt x="5" y="30"/>
                </a:cubicBezTo>
                <a:cubicBezTo>
                  <a:pt x="3" y="28"/>
                  <a:pt x="3" y="26"/>
                  <a:pt x="3" y="23"/>
                </a:cubicBezTo>
                <a:cubicBezTo>
                  <a:pt x="3" y="20"/>
                  <a:pt x="4" y="17"/>
                  <a:pt x="5" y="14"/>
                </a:cubicBezTo>
                <a:cubicBezTo>
                  <a:pt x="7" y="12"/>
                  <a:pt x="10" y="9"/>
                  <a:pt x="13" y="7"/>
                </a:cubicBezTo>
                <a:cubicBezTo>
                  <a:pt x="17" y="5"/>
                  <a:pt x="21" y="3"/>
                  <a:pt x="25" y="2"/>
                </a:cubicBezTo>
                <a:cubicBezTo>
                  <a:pt x="30" y="0"/>
                  <a:pt x="36" y="0"/>
                  <a:pt x="42" y="0"/>
                </a:cubicBezTo>
                <a:cubicBezTo>
                  <a:pt x="56" y="0"/>
                  <a:pt x="66" y="2"/>
                  <a:pt x="74" y="7"/>
                </a:cubicBezTo>
                <a:cubicBezTo>
                  <a:pt x="81" y="12"/>
                  <a:pt x="85" y="20"/>
                  <a:pt x="85" y="29"/>
                </a:cubicBezTo>
                <a:cubicBezTo>
                  <a:pt x="85" y="41"/>
                  <a:pt x="78" y="48"/>
                  <a:pt x="66" y="5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89" name="Freeform 65"/>
          <p:cNvSpPr>
            <a:spLocks noEditPoints="1"/>
          </p:cNvSpPr>
          <p:nvPr userDrawn="1"/>
        </p:nvSpPr>
        <p:spPr bwMode="auto">
          <a:xfrm>
            <a:off x="4456113" y="6002338"/>
            <a:ext cx="109538" cy="127000"/>
          </a:xfrm>
          <a:custGeom>
            <a:avLst/>
            <a:gdLst/>
            <a:ahLst/>
            <a:cxnLst>
              <a:cxn ang="0">
                <a:pos x="86" y="64"/>
              </a:cxn>
              <a:cxn ang="0">
                <a:pos x="94" y="66"/>
              </a:cxn>
              <a:cxn ang="0">
                <a:pos x="96" y="73"/>
              </a:cxn>
              <a:cxn ang="0">
                <a:pos x="96" y="74"/>
              </a:cxn>
              <a:cxn ang="0">
                <a:pos x="94" y="81"/>
              </a:cxn>
              <a:cxn ang="0">
                <a:pos x="86" y="83"/>
              </a:cxn>
              <a:cxn ang="0">
                <a:pos x="77" y="83"/>
              </a:cxn>
              <a:cxn ang="0">
                <a:pos x="77" y="100"/>
              </a:cxn>
              <a:cxn ang="0">
                <a:pos x="67" y="111"/>
              </a:cxn>
              <a:cxn ang="0">
                <a:pos x="64" y="111"/>
              </a:cxn>
              <a:cxn ang="0">
                <a:pos x="57" y="108"/>
              </a:cxn>
              <a:cxn ang="0">
                <a:pos x="55" y="100"/>
              </a:cxn>
              <a:cxn ang="0">
                <a:pos x="55" y="83"/>
              </a:cxn>
              <a:cxn ang="0">
                <a:pos x="14" y="83"/>
              </a:cxn>
              <a:cxn ang="0">
                <a:pos x="4" y="80"/>
              </a:cxn>
              <a:cxn ang="0">
                <a:pos x="0" y="73"/>
              </a:cxn>
              <a:cxn ang="0">
                <a:pos x="0" y="68"/>
              </a:cxn>
              <a:cxn ang="0">
                <a:pos x="2" y="62"/>
              </a:cxn>
              <a:cxn ang="0">
                <a:pos x="6" y="55"/>
              </a:cxn>
              <a:cxn ang="0">
                <a:pos x="39" y="9"/>
              </a:cxn>
              <a:cxn ang="0">
                <a:pos x="42" y="4"/>
              </a:cxn>
              <a:cxn ang="0">
                <a:pos x="46" y="2"/>
              </a:cxn>
              <a:cxn ang="0">
                <a:pos x="52" y="0"/>
              </a:cxn>
              <a:cxn ang="0">
                <a:pos x="59" y="0"/>
              </a:cxn>
              <a:cxn ang="0">
                <a:pos x="73" y="3"/>
              </a:cxn>
              <a:cxn ang="0">
                <a:pos x="77" y="16"/>
              </a:cxn>
              <a:cxn ang="0">
                <a:pos x="77" y="64"/>
              </a:cxn>
              <a:cxn ang="0">
                <a:pos x="86" y="64"/>
              </a:cxn>
              <a:cxn ang="0">
                <a:pos x="56" y="65"/>
              </a:cxn>
              <a:cxn ang="0">
                <a:pos x="56" y="18"/>
              </a:cxn>
              <a:cxn ang="0">
                <a:pos x="22" y="65"/>
              </a:cxn>
              <a:cxn ang="0">
                <a:pos x="56" y="65"/>
              </a:cxn>
            </a:cxnLst>
            <a:rect l="0" t="0" r="r" b="b"/>
            <a:pathLst>
              <a:path w="96" h="111">
                <a:moveTo>
                  <a:pt x="86" y="64"/>
                </a:moveTo>
                <a:cubicBezTo>
                  <a:pt x="90" y="64"/>
                  <a:pt x="92" y="65"/>
                  <a:pt x="94" y="66"/>
                </a:cubicBezTo>
                <a:cubicBezTo>
                  <a:pt x="95" y="68"/>
                  <a:pt x="96" y="70"/>
                  <a:pt x="96" y="73"/>
                </a:cubicBezTo>
                <a:cubicBezTo>
                  <a:pt x="96" y="74"/>
                  <a:pt x="96" y="74"/>
                  <a:pt x="96" y="74"/>
                </a:cubicBezTo>
                <a:cubicBezTo>
                  <a:pt x="96" y="77"/>
                  <a:pt x="95" y="80"/>
                  <a:pt x="94" y="81"/>
                </a:cubicBezTo>
                <a:cubicBezTo>
                  <a:pt x="92" y="83"/>
                  <a:pt x="90" y="83"/>
                  <a:pt x="86" y="83"/>
                </a:cubicBezTo>
                <a:cubicBezTo>
                  <a:pt x="77" y="83"/>
                  <a:pt x="77" y="83"/>
                  <a:pt x="77" y="83"/>
                </a:cubicBezTo>
                <a:cubicBezTo>
                  <a:pt x="77" y="100"/>
                  <a:pt x="77" y="100"/>
                  <a:pt x="77" y="100"/>
                </a:cubicBezTo>
                <a:cubicBezTo>
                  <a:pt x="77" y="107"/>
                  <a:pt x="74" y="111"/>
                  <a:pt x="67" y="111"/>
                </a:cubicBezTo>
                <a:cubicBezTo>
                  <a:pt x="64" y="111"/>
                  <a:pt x="64" y="111"/>
                  <a:pt x="64" y="111"/>
                </a:cubicBezTo>
                <a:cubicBezTo>
                  <a:pt x="61" y="111"/>
                  <a:pt x="59" y="110"/>
                  <a:pt x="57" y="108"/>
                </a:cubicBezTo>
                <a:cubicBezTo>
                  <a:pt x="55" y="106"/>
                  <a:pt x="55" y="103"/>
                  <a:pt x="55" y="100"/>
                </a:cubicBezTo>
                <a:cubicBezTo>
                  <a:pt x="55" y="83"/>
                  <a:pt x="55" y="83"/>
                  <a:pt x="55" y="83"/>
                </a:cubicBezTo>
                <a:cubicBezTo>
                  <a:pt x="14" y="83"/>
                  <a:pt x="14" y="83"/>
                  <a:pt x="14" y="83"/>
                </a:cubicBezTo>
                <a:cubicBezTo>
                  <a:pt x="10" y="83"/>
                  <a:pt x="7" y="82"/>
                  <a:pt x="4" y="80"/>
                </a:cubicBezTo>
                <a:cubicBezTo>
                  <a:pt x="2" y="78"/>
                  <a:pt x="0" y="76"/>
                  <a:pt x="0" y="73"/>
                </a:cubicBezTo>
                <a:cubicBezTo>
                  <a:pt x="0" y="68"/>
                  <a:pt x="0" y="68"/>
                  <a:pt x="0" y="68"/>
                </a:cubicBezTo>
                <a:cubicBezTo>
                  <a:pt x="0" y="66"/>
                  <a:pt x="1" y="64"/>
                  <a:pt x="2" y="62"/>
                </a:cubicBezTo>
                <a:cubicBezTo>
                  <a:pt x="2" y="60"/>
                  <a:pt x="4" y="58"/>
                  <a:pt x="6" y="55"/>
                </a:cubicBezTo>
                <a:cubicBezTo>
                  <a:pt x="39" y="9"/>
                  <a:pt x="39" y="9"/>
                  <a:pt x="39" y="9"/>
                </a:cubicBezTo>
                <a:cubicBezTo>
                  <a:pt x="40" y="7"/>
                  <a:pt x="41" y="6"/>
                  <a:pt x="42" y="4"/>
                </a:cubicBezTo>
                <a:cubicBezTo>
                  <a:pt x="44" y="3"/>
                  <a:pt x="45" y="2"/>
                  <a:pt x="46" y="2"/>
                </a:cubicBezTo>
                <a:cubicBezTo>
                  <a:pt x="48" y="1"/>
                  <a:pt x="50" y="0"/>
                  <a:pt x="52" y="0"/>
                </a:cubicBezTo>
                <a:cubicBezTo>
                  <a:pt x="54" y="0"/>
                  <a:pt x="56" y="0"/>
                  <a:pt x="59" y="0"/>
                </a:cubicBezTo>
                <a:cubicBezTo>
                  <a:pt x="66" y="0"/>
                  <a:pt x="70" y="1"/>
                  <a:pt x="73" y="3"/>
                </a:cubicBezTo>
                <a:cubicBezTo>
                  <a:pt x="76" y="6"/>
                  <a:pt x="77" y="10"/>
                  <a:pt x="77" y="16"/>
                </a:cubicBezTo>
                <a:cubicBezTo>
                  <a:pt x="77" y="64"/>
                  <a:pt x="77" y="64"/>
                  <a:pt x="77" y="64"/>
                </a:cubicBezTo>
                <a:lnTo>
                  <a:pt x="86" y="64"/>
                </a:lnTo>
                <a:close/>
                <a:moveTo>
                  <a:pt x="56" y="65"/>
                </a:moveTo>
                <a:cubicBezTo>
                  <a:pt x="56" y="18"/>
                  <a:pt x="56" y="18"/>
                  <a:pt x="56" y="18"/>
                </a:cubicBezTo>
                <a:cubicBezTo>
                  <a:pt x="22" y="65"/>
                  <a:pt x="22" y="65"/>
                  <a:pt x="22" y="65"/>
                </a:cubicBezTo>
                <a:lnTo>
                  <a:pt x="56" y="65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93" name="Freeform 69"/>
          <p:cNvSpPr>
            <a:spLocks/>
          </p:cNvSpPr>
          <p:nvPr userDrawn="1"/>
        </p:nvSpPr>
        <p:spPr bwMode="auto">
          <a:xfrm>
            <a:off x="4764088" y="6002338"/>
            <a:ext cx="96838" cy="127000"/>
          </a:xfrm>
          <a:custGeom>
            <a:avLst/>
            <a:gdLst/>
            <a:ahLst/>
            <a:cxnLst>
              <a:cxn ang="0">
                <a:pos x="34" y="41"/>
              </a:cxn>
              <a:cxn ang="0">
                <a:pos x="45" y="40"/>
              </a:cxn>
              <a:cxn ang="0">
                <a:pos x="61" y="43"/>
              </a:cxn>
              <a:cxn ang="0">
                <a:pos x="74" y="50"/>
              </a:cxn>
              <a:cxn ang="0">
                <a:pos x="82" y="60"/>
              </a:cxn>
              <a:cxn ang="0">
                <a:pos x="85" y="75"/>
              </a:cxn>
              <a:cxn ang="0">
                <a:pos x="82" y="90"/>
              </a:cxn>
              <a:cxn ang="0">
                <a:pos x="73" y="101"/>
              </a:cxn>
              <a:cxn ang="0">
                <a:pos x="59" y="108"/>
              </a:cxn>
              <a:cxn ang="0">
                <a:pos x="40" y="111"/>
              </a:cxn>
              <a:cxn ang="0">
                <a:pos x="23" y="109"/>
              </a:cxn>
              <a:cxn ang="0">
                <a:pos x="11" y="104"/>
              </a:cxn>
              <a:cxn ang="0">
                <a:pos x="3" y="97"/>
              </a:cxn>
              <a:cxn ang="0">
                <a:pos x="0" y="90"/>
              </a:cxn>
              <a:cxn ang="0">
                <a:pos x="1" y="85"/>
              </a:cxn>
              <a:cxn ang="0">
                <a:pos x="5" y="81"/>
              </a:cxn>
              <a:cxn ang="0">
                <a:pos x="8" y="78"/>
              </a:cxn>
              <a:cxn ang="0">
                <a:pos x="10" y="78"/>
              </a:cxn>
              <a:cxn ang="0">
                <a:pos x="23" y="89"/>
              </a:cxn>
              <a:cxn ang="0">
                <a:pos x="40" y="93"/>
              </a:cxn>
              <a:cxn ang="0">
                <a:pos x="57" y="88"/>
              </a:cxn>
              <a:cxn ang="0">
                <a:pos x="63" y="75"/>
              </a:cxn>
              <a:cxn ang="0">
                <a:pos x="57" y="62"/>
              </a:cxn>
              <a:cxn ang="0">
                <a:pos x="41" y="57"/>
              </a:cxn>
              <a:cxn ang="0">
                <a:pos x="28" y="59"/>
              </a:cxn>
              <a:cxn ang="0">
                <a:pos x="18" y="64"/>
              </a:cxn>
              <a:cxn ang="0">
                <a:pos x="7" y="60"/>
              </a:cxn>
              <a:cxn ang="0">
                <a:pos x="4" y="50"/>
              </a:cxn>
              <a:cxn ang="0">
                <a:pos x="4" y="14"/>
              </a:cxn>
              <a:cxn ang="0">
                <a:pos x="7" y="3"/>
              </a:cxn>
              <a:cxn ang="0">
                <a:pos x="16" y="0"/>
              </a:cxn>
              <a:cxn ang="0">
                <a:pos x="69" y="0"/>
              </a:cxn>
              <a:cxn ang="0">
                <a:pos x="80" y="10"/>
              </a:cxn>
              <a:cxn ang="0">
                <a:pos x="80" y="10"/>
              </a:cxn>
              <a:cxn ang="0">
                <a:pos x="69" y="20"/>
              </a:cxn>
              <a:cxn ang="0">
                <a:pos x="25" y="20"/>
              </a:cxn>
              <a:cxn ang="0">
                <a:pos x="25" y="44"/>
              </a:cxn>
              <a:cxn ang="0">
                <a:pos x="34" y="41"/>
              </a:cxn>
            </a:cxnLst>
            <a:rect l="0" t="0" r="r" b="b"/>
            <a:pathLst>
              <a:path w="85" h="111">
                <a:moveTo>
                  <a:pt x="34" y="41"/>
                </a:moveTo>
                <a:cubicBezTo>
                  <a:pt x="37" y="41"/>
                  <a:pt x="41" y="40"/>
                  <a:pt x="45" y="40"/>
                </a:cubicBezTo>
                <a:cubicBezTo>
                  <a:pt x="51" y="40"/>
                  <a:pt x="56" y="41"/>
                  <a:pt x="61" y="43"/>
                </a:cubicBezTo>
                <a:cubicBezTo>
                  <a:pt x="66" y="44"/>
                  <a:pt x="70" y="47"/>
                  <a:pt x="74" y="50"/>
                </a:cubicBezTo>
                <a:cubicBezTo>
                  <a:pt x="77" y="53"/>
                  <a:pt x="80" y="56"/>
                  <a:pt x="82" y="60"/>
                </a:cubicBezTo>
                <a:cubicBezTo>
                  <a:pt x="84" y="65"/>
                  <a:pt x="85" y="69"/>
                  <a:pt x="85" y="75"/>
                </a:cubicBezTo>
                <a:cubicBezTo>
                  <a:pt x="85" y="80"/>
                  <a:pt x="84" y="85"/>
                  <a:pt x="82" y="90"/>
                </a:cubicBezTo>
                <a:cubicBezTo>
                  <a:pt x="80" y="94"/>
                  <a:pt x="77" y="98"/>
                  <a:pt x="73" y="101"/>
                </a:cubicBezTo>
                <a:cubicBezTo>
                  <a:pt x="69" y="104"/>
                  <a:pt x="64" y="107"/>
                  <a:pt x="59" y="108"/>
                </a:cubicBezTo>
                <a:cubicBezTo>
                  <a:pt x="53" y="110"/>
                  <a:pt x="47" y="111"/>
                  <a:pt x="40" y="111"/>
                </a:cubicBezTo>
                <a:cubicBezTo>
                  <a:pt x="34" y="111"/>
                  <a:pt x="28" y="110"/>
                  <a:pt x="23" y="109"/>
                </a:cubicBezTo>
                <a:cubicBezTo>
                  <a:pt x="18" y="108"/>
                  <a:pt x="14" y="106"/>
                  <a:pt x="11" y="104"/>
                </a:cubicBezTo>
                <a:cubicBezTo>
                  <a:pt x="7" y="102"/>
                  <a:pt x="5" y="100"/>
                  <a:pt x="3" y="97"/>
                </a:cubicBezTo>
                <a:cubicBezTo>
                  <a:pt x="1" y="95"/>
                  <a:pt x="0" y="92"/>
                  <a:pt x="0" y="90"/>
                </a:cubicBezTo>
                <a:cubicBezTo>
                  <a:pt x="0" y="88"/>
                  <a:pt x="0" y="86"/>
                  <a:pt x="1" y="85"/>
                </a:cubicBezTo>
                <a:cubicBezTo>
                  <a:pt x="2" y="83"/>
                  <a:pt x="4" y="82"/>
                  <a:pt x="5" y="81"/>
                </a:cubicBezTo>
                <a:cubicBezTo>
                  <a:pt x="6" y="80"/>
                  <a:pt x="7" y="79"/>
                  <a:pt x="8" y="78"/>
                </a:cubicBezTo>
                <a:cubicBezTo>
                  <a:pt x="9" y="78"/>
                  <a:pt x="10" y="78"/>
                  <a:pt x="10" y="78"/>
                </a:cubicBezTo>
                <a:cubicBezTo>
                  <a:pt x="13" y="83"/>
                  <a:pt x="18" y="86"/>
                  <a:pt x="23" y="89"/>
                </a:cubicBezTo>
                <a:cubicBezTo>
                  <a:pt x="28" y="91"/>
                  <a:pt x="34" y="93"/>
                  <a:pt x="40" y="93"/>
                </a:cubicBezTo>
                <a:cubicBezTo>
                  <a:pt x="47" y="93"/>
                  <a:pt x="53" y="91"/>
                  <a:pt x="57" y="88"/>
                </a:cubicBezTo>
                <a:cubicBezTo>
                  <a:pt x="61" y="85"/>
                  <a:pt x="63" y="80"/>
                  <a:pt x="63" y="75"/>
                </a:cubicBezTo>
                <a:cubicBezTo>
                  <a:pt x="63" y="69"/>
                  <a:pt x="61" y="65"/>
                  <a:pt x="57" y="62"/>
                </a:cubicBezTo>
                <a:cubicBezTo>
                  <a:pt x="53" y="59"/>
                  <a:pt x="48" y="57"/>
                  <a:pt x="41" y="57"/>
                </a:cubicBezTo>
                <a:cubicBezTo>
                  <a:pt x="36" y="57"/>
                  <a:pt x="31" y="58"/>
                  <a:pt x="28" y="59"/>
                </a:cubicBezTo>
                <a:cubicBezTo>
                  <a:pt x="24" y="61"/>
                  <a:pt x="21" y="62"/>
                  <a:pt x="18" y="64"/>
                </a:cubicBezTo>
                <a:cubicBezTo>
                  <a:pt x="14" y="64"/>
                  <a:pt x="10" y="63"/>
                  <a:pt x="7" y="60"/>
                </a:cubicBezTo>
                <a:cubicBezTo>
                  <a:pt x="5" y="58"/>
                  <a:pt x="4" y="55"/>
                  <a:pt x="4" y="50"/>
                </a:cubicBezTo>
                <a:cubicBezTo>
                  <a:pt x="4" y="14"/>
                  <a:pt x="4" y="14"/>
                  <a:pt x="4" y="14"/>
                </a:cubicBezTo>
                <a:cubicBezTo>
                  <a:pt x="4" y="9"/>
                  <a:pt x="5" y="6"/>
                  <a:pt x="7" y="3"/>
                </a:cubicBezTo>
                <a:cubicBezTo>
                  <a:pt x="9" y="1"/>
                  <a:pt x="12" y="0"/>
                  <a:pt x="16" y="0"/>
                </a:cubicBezTo>
                <a:cubicBezTo>
                  <a:pt x="69" y="0"/>
                  <a:pt x="69" y="0"/>
                  <a:pt x="69" y="0"/>
                </a:cubicBezTo>
                <a:cubicBezTo>
                  <a:pt x="76" y="0"/>
                  <a:pt x="80" y="3"/>
                  <a:pt x="80" y="10"/>
                </a:cubicBezTo>
                <a:cubicBezTo>
                  <a:pt x="80" y="10"/>
                  <a:pt x="80" y="10"/>
                  <a:pt x="80" y="10"/>
                </a:cubicBezTo>
                <a:cubicBezTo>
                  <a:pt x="80" y="17"/>
                  <a:pt x="76" y="20"/>
                  <a:pt x="69" y="20"/>
                </a:cubicBezTo>
                <a:cubicBezTo>
                  <a:pt x="25" y="20"/>
                  <a:pt x="25" y="20"/>
                  <a:pt x="25" y="20"/>
                </a:cubicBezTo>
                <a:cubicBezTo>
                  <a:pt x="25" y="44"/>
                  <a:pt x="25" y="44"/>
                  <a:pt x="25" y="44"/>
                </a:cubicBezTo>
                <a:cubicBezTo>
                  <a:pt x="28" y="43"/>
                  <a:pt x="31" y="42"/>
                  <a:pt x="34" y="4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97" name="Freeform 73"/>
          <p:cNvSpPr>
            <a:spLocks noEditPoints="1"/>
          </p:cNvSpPr>
          <p:nvPr userDrawn="1"/>
        </p:nvSpPr>
        <p:spPr bwMode="auto">
          <a:xfrm>
            <a:off x="5060950" y="6000750"/>
            <a:ext cx="103188" cy="130175"/>
          </a:xfrm>
          <a:custGeom>
            <a:avLst/>
            <a:gdLst/>
            <a:ahLst/>
            <a:cxnLst>
              <a:cxn ang="0">
                <a:pos x="37" y="45"/>
              </a:cxn>
              <a:cxn ang="0">
                <a:pos x="54" y="41"/>
              </a:cxn>
              <a:cxn ang="0">
                <a:pos x="69" y="44"/>
              </a:cxn>
              <a:cxn ang="0">
                <a:pos x="81" y="50"/>
              </a:cxn>
              <a:cxn ang="0">
                <a:pos x="88" y="60"/>
              </a:cxn>
              <a:cxn ang="0">
                <a:pos x="91" y="74"/>
              </a:cxn>
              <a:cxn ang="0">
                <a:pos x="91" y="75"/>
              </a:cxn>
              <a:cxn ang="0">
                <a:pos x="87" y="90"/>
              </a:cxn>
              <a:cxn ang="0">
                <a:pos x="78" y="102"/>
              </a:cxn>
              <a:cxn ang="0">
                <a:pos x="65" y="110"/>
              </a:cxn>
              <a:cxn ang="0">
                <a:pos x="47" y="113"/>
              </a:cxn>
              <a:cxn ang="0">
                <a:pos x="27" y="109"/>
              </a:cxn>
              <a:cxn ang="0">
                <a:pos x="13" y="99"/>
              </a:cxn>
              <a:cxn ang="0">
                <a:pos x="3" y="83"/>
              </a:cxn>
              <a:cxn ang="0">
                <a:pos x="0" y="62"/>
              </a:cxn>
              <a:cxn ang="0">
                <a:pos x="0" y="52"/>
              </a:cxn>
              <a:cxn ang="0">
                <a:pos x="4" y="30"/>
              </a:cxn>
              <a:cxn ang="0">
                <a:pos x="13" y="14"/>
              </a:cxn>
              <a:cxn ang="0">
                <a:pos x="29" y="3"/>
              </a:cxn>
              <a:cxn ang="0">
                <a:pos x="49" y="0"/>
              </a:cxn>
              <a:cxn ang="0">
                <a:pos x="65" y="1"/>
              </a:cxn>
              <a:cxn ang="0">
                <a:pos x="77" y="6"/>
              </a:cxn>
              <a:cxn ang="0">
                <a:pos x="84" y="13"/>
              </a:cxn>
              <a:cxn ang="0">
                <a:pos x="86" y="21"/>
              </a:cxn>
              <a:cxn ang="0">
                <a:pos x="84" y="27"/>
              </a:cxn>
              <a:cxn ang="0">
                <a:pos x="80" y="30"/>
              </a:cxn>
              <a:cxn ang="0">
                <a:pos x="76" y="32"/>
              </a:cxn>
              <a:cxn ang="0">
                <a:pos x="74" y="32"/>
              </a:cxn>
              <a:cxn ang="0">
                <a:pos x="65" y="23"/>
              </a:cxn>
              <a:cxn ang="0">
                <a:pos x="51" y="19"/>
              </a:cxn>
              <a:cxn ang="0">
                <a:pos x="25" y="51"/>
              </a:cxn>
              <a:cxn ang="0">
                <a:pos x="25" y="52"/>
              </a:cxn>
              <a:cxn ang="0">
                <a:pos x="37" y="45"/>
              </a:cxn>
              <a:cxn ang="0">
                <a:pos x="25" y="68"/>
              </a:cxn>
              <a:cxn ang="0">
                <a:pos x="31" y="87"/>
              </a:cxn>
              <a:cxn ang="0">
                <a:pos x="47" y="94"/>
              </a:cxn>
              <a:cxn ang="0">
                <a:pos x="61" y="89"/>
              </a:cxn>
              <a:cxn ang="0">
                <a:pos x="67" y="77"/>
              </a:cxn>
              <a:cxn ang="0">
                <a:pos x="67" y="76"/>
              </a:cxn>
              <a:cxn ang="0">
                <a:pos x="62" y="63"/>
              </a:cxn>
              <a:cxn ang="0">
                <a:pos x="47" y="59"/>
              </a:cxn>
              <a:cxn ang="0">
                <a:pos x="35" y="61"/>
              </a:cxn>
              <a:cxn ang="0">
                <a:pos x="25" y="68"/>
              </a:cxn>
            </a:cxnLst>
            <a:rect l="0" t="0" r="r" b="b"/>
            <a:pathLst>
              <a:path w="91" h="113">
                <a:moveTo>
                  <a:pt x="37" y="45"/>
                </a:moveTo>
                <a:cubicBezTo>
                  <a:pt x="42" y="43"/>
                  <a:pt x="48" y="41"/>
                  <a:pt x="54" y="41"/>
                </a:cubicBezTo>
                <a:cubicBezTo>
                  <a:pt x="60" y="41"/>
                  <a:pt x="65" y="42"/>
                  <a:pt x="69" y="44"/>
                </a:cubicBezTo>
                <a:cubicBezTo>
                  <a:pt x="73" y="45"/>
                  <a:pt x="77" y="47"/>
                  <a:pt x="81" y="50"/>
                </a:cubicBezTo>
                <a:cubicBezTo>
                  <a:pt x="84" y="53"/>
                  <a:pt x="86" y="56"/>
                  <a:pt x="88" y="60"/>
                </a:cubicBezTo>
                <a:cubicBezTo>
                  <a:pt x="90" y="64"/>
                  <a:pt x="91" y="69"/>
                  <a:pt x="91" y="74"/>
                </a:cubicBezTo>
                <a:cubicBezTo>
                  <a:pt x="91" y="75"/>
                  <a:pt x="91" y="75"/>
                  <a:pt x="91" y="75"/>
                </a:cubicBezTo>
                <a:cubicBezTo>
                  <a:pt x="91" y="81"/>
                  <a:pt x="89" y="86"/>
                  <a:pt x="87" y="90"/>
                </a:cubicBezTo>
                <a:cubicBezTo>
                  <a:pt x="85" y="95"/>
                  <a:pt x="82" y="99"/>
                  <a:pt x="78" y="102"/>
                </a:cubicBezTo>
                <a:cubicBezTo>
                  <a:pt x="75" y="106"/>
                  <a:pt x="70" y="108"/>
                  <a:pt x="65" y="110"/>
                </a:cubicBezTo>
                <a:cubicBezTo>
                  <a:pt x="60" y="112"/>
                  <a:pt x="54" y="113"/>
                  <a:pt x="47" y="113"/>
                </a:cubicBezTo>
                <a:cubicBezTo>
                  <a:pt x="40" y="113"/>
                  <a:pt x="33" y="112"/>
                  <a:pt x="27" y="109"/>
                </a:cubicBezTo>
                <a:cubicBezTo>
                  <a:pt x="22" y="107"/>
                  <a:pt x="17" y="103"/>
                  <a:pt x="13" y="99"/>
                </a:cubicBezTo>
                <a:cubicBezTo>
                  <a:pt x="9" y="94"/>
                  <a:pt x="5" y="89"/>
                  <a:pt x="3" y="83"/>
                </a:cubicBezTo>
                <a:cubicBezTo>
                  <a:pt x="1" y="77"/>
                  <a:pt x="0" y="70"/>
                  <a:pt x="0" y="62"/>
                </a:cubicBezTo>
                <a:cubicBezTo>
                  <a:pt x="0" y="52"/>
                  <a:pt x="0" y="52"/>
                  <a:pt x="0" y="52"/>
                </a:cubicBezTo>
                <a:cubicBezTo>
                  <a:pt x="0" y="44"/>
                  <a:pt x="1" y="37"/>
                  <a:pt x="4" y="30"/>
                </a:cubicBezTo>
                <a:cubicBezTo>
                  <a:pt x="6" y="24"/>
                  <a:pt x="9" y="18"/>
                  <a:pt x="13" y="14"/>
                </a:cubicBezTo>
                <a:cubicBezTo>
                  <a:pt x="18" y="9"/>
                  <a:pt x="23" y="6"/>
                  <a:pt x="29" y="3"/>
                </a:cubicBezTo>
                <a:cubicBezTo>
                  <a:pt x="35" y="1"/>
                  <a:pt x="42" y="0"/>
                  <a:pt x="49" y="0"/>
                </a:cubicBezTo>
                <a:cubicBezTo>
                  <a:pt x="55" y="0"/>
                  <a:pt x="61" y="0"/>
                  <a:pt x="65" y="1"/>
                </a:cubicBezTo>
                <a:cubicBezTo>
                  <a:pt x="70" y="3"/>
                  <a:pt x="74" y="4"/>
                  <a:pt x="77" y="6"/>
                </a:cubicBezTo>
                <a:cubicBezTo>
                  <a:pt x="80" y="8"/>
                  <a:pt x="82" y="10"/>
                  <a:pt x="84" y="13"/>
                </a:cubicBezTo>
                <a:cubicBezTo>
                  <a:pt x="85" y="15"/>
                  <a:pt x="86" y="18"/>
                  <a:pt x="86" y="21"/>
                </a:cubicBezTo>
                <a:cubicBezTo>
                  <a:pt x="86" y="23"/>
                  <a:pt x="86" y="25"/>
                  <a:pt x="84" y="27"/>
                </a:cubicBezTo>
                <a:cubicBezTo>
                  <a:pt x="83" y="28"/>
                  <a:pt x="82" y="29"/>
                  <a:pt x="80" y="30"/>
                </a:cubicBezTo>
                <a:cubicBezTo>
                  <a:pt x="79" y="31"/>
                  <a:pt x="77" y="31"/>
                  <a:pt x="76" y="32"/>
                </a:cubicBezTo>
                <a:cubicBezTo>
                  <a:pt x="75" y="32"/>
                  <a:pt x="74" y="32"/>
                  <a:pt x="74" y="32"/>
                </a:cubicBezTo>
                <a:cubicBezTo>
                  <a:pt x="72" y="28"/>
                  <a:pt x="69" y="26"/>
                  <a:pt x="65" y="23"/>
                </a:cubicBezTo>
                <a:cubicBezTo>
                  <a:pt x="62" y="21"/>
                  <a:pt x="57" y="19"/>
                  <a:pt x="51" y="19"/>
                </a:cubicBezTo>
                <a:cubicBezTo>
                  <a:pt x="33" y="19"/>
                  <a:pt x="25" y="30"/>
                  <a:pt x="25" y="51"/>
                </a:cubicBezTo>
                <a:cubicBezTo>
                  <a:pt x="25" y="52"/>
                  <a:pt x="25" y="52"/>
                  <a:pt x="25" y="52"/>
                </a:cubicBezTo>
                <a:cubicBezTo>
                  <a:pt x="28" y="49"/>
                  <a:pt x="32" y="47"/>
                  <a:pt x="37" y="45"/>
                </a:cubicBezTo>
                <a:close/>
                <a:moveTo>
                  <a:pt x="25" y="68"/>
                </a:moveTo>
                <a:cubicBezTo>
                  <a:pt x="26" y="76"/>
                  <a:pt x="28" y="83"/>
                  <a:pt x="31" y="87"/>
                </a:cubicBezTo>
                <a:cubicBezTo>
                  <a:pt x="35" y="92"/>
                  <a:pt x="40" y="94"/>
                  <a:pt x="47" y="94"/>
                </a:cubicBezTo>
                <a:cubicBezTo>
                  <a:pt x="53" y="94"/>
                  <a:pt x="57" y="93"/>
                  <a:pt x="61" y="89"/>
                </a:cubicBezTo>
                <a:cubicBezTo>
                  <a:pt x="65" y="86"/>
                  <a:pt x="67" y="82"/>
                  <a:pt x="67" y="77"/>
                </a:cubicBezTo>
                <a:cubicBezTo>
                  <a:pt x="67" y="76"/>
                  <a:pt x="67" y="76"/>
                  <a:pt x="67" y="76"/>
                </a:cubicBezTo>
                <a:cubicBezTo>
                  <a:pt x="67" y="70"/>
                  <a:pt x="65" y="66"/>
                  <a:pt x="62" y="63"/>
                </a:cubicBezTo>
                <a:cubicBezTo>
                  <a:pt x="58" y="60"/>
                  <a:pt x="53" y="59"/>
                  <a:pt x="47" y="59"/>
                </a:cubicBezTo>
                <a:cubicBezTo>
                  <a:pt x="43" y="59"/>
                  <a:pt x="39" y="60"/>
                  <a:pt x="35" y="61"/>
                </a:cubicBezTo>
                <a:cubicBezTo>
                  <a:pt x="31" y="63"/>
                  <a:pt x="28" y="65"/>
                  <a:pt x="25" y="6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01" name="Freeform 77"/>
          <p:cNvSpPr>
            <a:spLocks/>
          </p:cNvSpPr>
          <p:nvPr userDrawn="1"/>
        </p:nvSpPr>
        <p:spPr bwMode="auto">
          <a:xfrm>
            <a:off x="5365750" y="6002338"/>
            <a:ext cx="95250" cy="125412"/>
          </a:xfrm>
          <a:custGeom>
            <a:avLst/>
            <a:gdLst/>
            <a:ahLst/>
            <a:cxnLst>
              <a:cxn ang="0">
                <a:pos x="58" y="21"/>
              </a:cxn>
              <a:cxn ang="0">
                <a:pos x="11" y="21"/>
              </a:cxn>
              <a:cxn ang="0">
                <a:pos x="2" y="19"/>
              </a:cxn>
              <a:cxn ang="0">
                <a:pos x="0" y="11"/>
              </a:cxn>
              <a:cxn ang="0">
                <a:pos x="0" y="10"/>
              </a:cxn>
              <a:cxn ang="0">
                <a:pos x="2" y="3"/>
              </a:cxn>
              <a:cxn ang="0">
                <a:pos x="11" y="0"/>
              </a:cxn>
              <a:cxn ang="0">
                <a:pos x="69" y="0"/>
              </a:cxn>
              <a:cxn ang="0">
                <a:pos x="77" y="1"/>
              </a:cxn>
              <a:cxn ang="0">
                <a:pos x="82" y="4"/>
              </a:cxn>
              <a:cxn ang="0">
                <a:pos x="84" y="8"/>
              </a:cxn>
              <a:cxn ang="0">
                <a:pos x="85" y="13"/>
              </a:cxn>
              <a:cxn ang="0">
                <a:pos x="85" y="14"/>
              </a:cxn>
              <a:cxn ang="0">
                <a:pos x="82" y="24"/>
              </a:cxn>
              <a:cxn ang="0">
                <a:pos x="78" y="33"/>
              </a:cxn>
              <a:cxn ang="0">
                <a:pos x="40" y="102"/>
              </a:cxn>
              <a:cxn ang="0">
                <a:pos x="34" y="108"/>
              </a:cxn>
              <a:cxn ang="0">
                <a:pos x="27" y="110"/>
              </a:cxn>
              <a:cxn ang="0">
                <a:pos x="21" y="109"/>
              </a:cxn>
              <a:cxn ang="0">
                <a:pos x="17" y="107"/>
              </a:cxn>
              <a:cxn ang="0">
                <a:pos x="14" y="104"/>
              </a:cxn>
              <a:cxn ang="0">
                <a:pos x="13" y="101"/>
              </a:cxn>
              <a:cxn ang="0">
                <a:pos x="58" y="21"/>
              </a:cxn>
            </a:cxnLst>
            <a:rect l="0" t="0" r="r" b="b"/>
            <a:pathLst>
              <a:path w="85" h="110">
                <a:moveTo>
                  <a:pt x="58" y="21"/>
                </a:moveTo>
                <a:cubicBezTo>
                  <a:pt x="11" y="21"/>
                  <a:pt x="11" y="21"/>
                  <a:pt x="11" y="21"/>
                </a:cubicBezTo>
                <a:cubicBezTo>
                  <a:pt x="7" y="21"/>
                  <a:pt x="4" y="20"/>
                  <a:pt x="2" y="19"/>
                </a:cubicBezTo>
                <a:cubicBezTo>
                  <a:pt x="1" y="17"/>
                  <a:pt x="0" y="15"/>
                  <a:pt x="0" y="11"/>
                </a:cubicBezTo>
                <a:cubicBezTo>
                  <a:pt x="0" y="10"/>
                  <a:pt x="0" y="10"/>
                  <a:pt x="0" y="10"/>
                </a:cubicBezTo>
                <a:cubicBezTo>
                  <a:pt x="0" y="7"/>
                  <a:pt x="1" y="4"/>
                  <a:pt x="2" y="3"/>
                </a:cubicBezTo>
                <a:cubicBezTo>
                  <a:pt x="4" y="1"/>
                  <a:pt x="7" y="0"/>
                  <a:pt x="11" y="0"/>
                </a:cubicBezTo>
                <a:cubicBezTo>
                  <a:pt x="69" y="0"/>
                  <a:pt x="69" y="0"/>
                  <a:pt x="69" y="0"/>
                </a:cubicBezTo>
                <a:cubicBezTo>
                  <a:pt x="72" y="0"/>
                  <a:pt x="75" y="1"/>
                  <a:pt x="77" y="1"/>
                </a:cubicBezTo>
                <a:cubicBezTo>
                  <a:pt x="79" y="2"/>
                  <a:pt x="81" y="3"/>
                  <a:pt x="82" y="4"/>
                </a:cubicBezTo>
                <a:cubicBezTo>
                  <a:pt x="83" y="5"/>
                  <a:pt x="84" y="7"/>
                  <a:pt x="84" y="8"/>
                </a:cubicBezTo>
                <a:cubicBezTo>
                  <a:pt x="85" y="10"/>
                  <a:pt x="85" y="11"/>
                  <a:pt x="85" y="13"/>
                </a:cubicBezTo>
                <a:cubicBezTo>
                  <a:pt x="85" y="14"/>
                  <a:pt x="85" y="14"/>
                  <a:pt x="85" y="14"/>
                </a:cubicBezTo>
                <a:cubicBezTo>
                  <a:pt x="85" y="17"/>
                  <a:pt x="84" y="20"/>
                  <a:pt x="82" y="24"/>
                </a:cubicBezTo>
                <a:cubicBezTo>
                  <a:pt x="81" y="27"/>
                  <a:pt x="79" y="30"/>
                  <a:pt x="78" y="33"/>
                </a:cubicBezTo>
                <a:cubicBezTo>
                  <a:pt x="40" y="102"/>
                  <a:pt x="40" y="102"/>
                  <a:pt x="40" y="102"/>
                </a:cubicBezTo>
                <a:cubicBezTo>
                  <a:pt x="38" y="105"/>
                  <a:pt x="36" y="107"/>
                  <a:pt x="34" y="108"/>
                </a:cubicBezTo>
                <a:cubicBezTo>
                  <a:pt x="31" y="110"/>
                  <a:pt x="29" y="110"/>
                  <a:pt x="27" y="110"/>
                </a:cubicBezTo>
                <a:cubicBezTo>
                  <a:pt x="25" y="110"/>
                  <a:pt x="23" y="110"/>
                  <a:pt x="21" y="109"/>
                </a:cubicBezTo>
                <a:cubicBezTo>
                  <a:pt x="19" y="108"/>
                  <a:pt x="18" y="108"/>
                  <a:pt x="17" y="107"/>
                </a:cubicBezTo>
                <a:cubicBezTo>
                  <a:pt x="15" y="106"/>
                  <a:pt x="14" y="105"/>
                  <a:pt x="14" y="104"/>
                </a:cubicBezTo>
                <a:cubicBezTo>
                  <a:pt x="13" y="103"/>
                  <a:pt x="13" y="102"/>
                  <a:pt x="13" y="101"/>
                </a:cubicBezTo>
                <a:lnTo>
                  <a:pt x="58" y="21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05" name="Freeform 81"/>
          <p:cNvSpPr>
            <a:spLocks noEditPoints="1"/>
          </p:cNvSpPr>
          <p:nvPr userDrawn="1"/>
        </p:nvSpPr>
        <p:spPr bwMode="auto">
          <a:xfrm>
            <a:off x="5662613" y="6000750"/>
            <a:ext cx="103188" cy="130175"/>
          </a:xfrm>
          <a:custGeom>
            <a:avLst/>
            <a:gdLst/>
            <a:ahLst/>
            <a:cxnLst>
              <a:cxn ang="0">
                <a:pos x="22" y="55"/>
              </a:cxn>
              <a:cxn ang="0">
                <a:pos x="8" y="46"/>
              </a:cxn>
              <a:cxn ang="0">
                <a:pos x="3" y="31"/>
              </a:cxn>
              <a:cxn ang="0">
                <a:pos x="6" y="18"/>
              </a:cxn>
              <a:cxn ang="0">
                <a:pos x="15" y="8"/>
              </a:cxn>
              <a:cxn ang="0">
                <a:pos x="28" y="2"/>
              </a:cxn>
              <a:cxn ang="0">
                <a:pos x="46" y="0"/>
              </a:cxn>
              <a:cxn ang="0">
                <a:pos x="63" y="2"/>
              </a:cxn>
              <a:cxn ang="0">
                <a:pos x="76" y="8"/>
              </a:cxn>
              <a:cxn ang="0">
                <a:pos x="84" y="18"/>
              </a:cxn>
              <a:cxn ang="0">
                <a:pos x="87" y="30"/>
              </a:cxn>
              <a:cxn ang="0">
                <a:pos x="83" y="45"/>
              </a:cxn>
              <a:cxn ang="0">
                <a:pos x="69" y="55"/>
              </a:cxn>
              <a:cxn ang="0">
                <a:pos x="85" y="65"/>
              </a:cxn>
              <a:cxn ang="0">
                <a:pos x="91" y="82"/>
              </a:cxn>
              <a:cxn ang="0">
                <a:pos x="88" y="94"/>
              </a:cxn>
              <a:cxn ang="0">
                <a:pos x="78" y="104"/>
              </a:cxn>
              <a:cxn ang="0">
                <a:pos x="64" y="111"/>
              </a:cxn>
              <a:cxn ang="0">
                <a:pos x="45" y="113"/>
              </a:cxn>
              <a:cxn ang="0">
                <a:pos x="12" y="105"/>
              </a:cxn>
              <a:cxn ang="0">
                <a:pos x="0" y="82"/>
              </a:cxn>
              <a:cxn ang="0">
                <a:pos x="5" y="65"/>
              </a:cxn>
              <a:cxn ang="0">
                <a:pos x="22" y="55"/>
              </a:cxn>
              <a:cxn ang="0">
                <a:pos x="45" y="95"/>
              </a:cxn>
              <a:cxn ang="0">
                <a:pos x="61" y="91"/>
              </a:cxn>
              <a:cxn ang="0">
                <a:pos x="67" y="79"/>
              </a:cxn>
              <a:cxn ang="0">
                <a:pos x="61" y="67"/>
              </a:cxn>
              <a:cxn ang="0">
                <a:pos x="45" y="63"/>
              </a:cxn>
              <a:cxn ang="0">
                <a:pos x="30" y="67"/>
              </a:cxn>
              <a:cxn ang="0">
                <a:pos x="24" y="79"/>
              </a:cxn>
              <a:cxn ang="0">
                <a:pos x="30" y="91"/>
              </a:cxn>
              <a:cxn ang="0">
                <a:pos x="45" y="95"/>
              </a:cxn>
              <a:cxn ang="0">
                <a:pos x="45" y="48"/>
              </a:cxn>
              <a:cxn ang="0">
                <a:pos x="59" y="44"/>
              </a:cxn>
              <a:cxn ang="0">
                <a:pos x="64" y="33"/>
              </a:cxn>
              <a:cxn ang="0">
                <a:pos x="59" y="22"/>
              </a:cxn>
              <a:cxn ang="0">
                <a:pos x="45" y="18"/>
              </a:cxn>
              <a:cxn ang="0">
                <a:pos x="31" y="22"/>
              </a:cxn>
              <a:cxn ang="0">
                <a:pos x="26" y="33"/>
              </a:cxn>
              <a:cxn ang="0">
                <a:pos x="32" y="43"/>
              </a:cxn>
              <a:cxn ang="0">
                <a:pos x="45" y="48"/>
              </a:cxn>
            </a:cxnLst>
            <a:rect l="0" t="0" r="r" b="b"/>
            <a:pathLst>
              <a:path w="91" h="113">
                <a:moveTo>
                  <a:pt x="22" y="55"/>
                </a:moveTo>
                <a:cubicBezTo>
                  <a:pt x="15" y="53"/>
                  <a:pt x="11" y="50"/>
                  <a:pt x="8" y="46"/>
                </a:cubicBezTo>
                <a:cubicBezTo>
                  <a:pt x="5" y="42"/>
                  <a:pt x="3" y="37"/>
                  <a:pt x="3" y="31"/>
                </a:cubicBezTo>
                <a:cubicBezTo>
                  <a:pt x="3" y="26"/>
                  <a:pt x="4" y="22"/>
                  <a:pt x="6" y="18"/>
                </a:cubicBezTo>
                <a:cubicBezTo>
                  <a:pt x="8" y="14"/>
                  <a:pt x="11" y="11"/>
                  <a:pt x="15" y="8"/>
                </a:cubicBezTo>
                <a:cubicBezTo>
                  <a:pt x="18" y="6"/>
                  <a:pt x="23" y="3"/>
                  <a:pt x="28" y="2"/>
                </a:cubicBezTo>
                <a:cubicBezTo>
                  <a:pt x="33" y="0"/>
                  <a:pt x="39" y="0"/>
                  <a:pt x="46" y="0"/>
                </a:cubicBezTo>
                <a:cubicBezTo>
                  <a:pt x="52" y="0"/>
                  <a:pt x="58" y="0"/>
                  <a:pt x="63" y="2"/>
                </a:cubicBezTo>
                <a:cubicBezTo>
                  <a:pt x="68" y="3"/>
                  <a:pt x="72" y="5"/>
                  <a:pt x="76" y="8"/>
                </a:cubicBezTo>
                <a:cubicBezTo>
                  <a:pt x="80" y="11"/>
                  <a:pt x="82" y="14"/>
                  <a:pt x="84" y="18"/>
                </a:cubicBezTo>
                <a:cubicBezTo>
                  <a:pt x="86" y="21"/>
                  <a:pt x="87" y="26"/>
                  <a:pt x="87" y="30"/>
                </a:cubicBezTo>
                <a:cubicBezTo>
                  <a:pt x="87" y="36"/>
                  <a:pt x="86" y="41"/>
                  <a:pt x="83" y="45"/>
                </a:cubicBezTo>
                <a:cubicBezTo>
                  <a:pt x="80" y="49"/>
                  <a:pt x="75" y="53"/>
                  <a:pt x="69" y="55"/>
                </a:cubicBezTo>
                <a:cubicBezTo>
                  <a:pt x="76" y="57"/>
                  <a:pt x="82" y="60"/>
                  <a:pt x="85" y="65"/>
                </a:cubicBezTo>
                <a:cubicBezTo>
                  <a:pt x="89" y="70"/>
                  <a:pt x="91" y="75"/>
                  <a:pt x="91" y="82"/>
                </a:cubicBezTo>
                <a:cubicBezTo>
                  <a:pt x="91" y="86"/>
                  <a:pt x="90" y="91"/>
                  <a:pt x="88" y="94"/>
                </a:cubicBezTo>
                <a:cubicBezTo>
                  <a:pt x="85" y="98"/>
                  <a:pt x="82" y="102"/>
                  <a:pt x="78" y="104"/>
                </a:cubicBezTo>
                <a:cubicBezTo>
                  <a:pt x="74" y="107"/>
                  <a:pt x="70" y="109"/>
                  <a:pt x="64" y="111"/>
                </a:cubicBezTo>
                <a:cubicBezTo>
                  <a:pt x="58" y="112"/>
                  <a:pt x="52" y="113"/>
                  <a:pt x="45" y="113"/>
                </a:cubicBezTo>
                <a:cubicBezTo>
                  <a:pt x="31" y="113"/>
                  <a:pt x="20" y="110"/>
                  <a:pt x="12" y="105"/>
                </a:cubicBezTo>
                <a:cubicBezTo>
                  <a:pt x="4" y="99"/>
                  <a:pt x="0" y="91"/>
                  <a:pt x="0" y="82"/>
                </a:cubicBezTo>
                <a:cubicBezTo>
                  <a:pt x="0" y="75"/>
                  <a:pt x="2" y="70"/>
                  <a:pt x="5" y="65"/>
                </a:cubicBezTo>
                <a:cubicBezTo>
                  <a:pt x="9" y="61"/>
                  <a:pt x="14" y="57"/>
                  <a:pt x="22" y="55"/>
                </a:cubicBezTo>
                <a:close/>
                <a:moveTo>
                  <a:pt x="45" y="95"/>
                </a:moveTo>
                <a:cubicBezTo>
                  <a:pt x="52" y="95"/>
                  <a:pt x="58" y="94"/>
                  <a:pt x="61" y="91"/>
                </a:cubicBezTo>
                <a:cubicBezTo>
                  <a:pt x="65" y="88"/>
                  <a:pt x="67" y="84"/>
                  <a:pt x="67" y="79"/>
                </a:cubicBezTo>
                <a:cubicBezTo>
                  <a:pt x="67" y="74"/>
                  <a:pt x="65" y="70"/>
                  <a:pt x="61" y="67"/>
                </a:cubicBezTo>
                <a:cubicBezTo>
                  <a:pt x="57" y="65"/>
                  <a:pt x="52" y="63"/>
                  <a:pt x="45" y="63"/>
                </a:cubicBezTo>
                <a:cubicBezTo>
                  <a:pt x="39" y="63"/>
                  <a:pt x="33" y="65"/>
                  <a:pt x="30" y="67"/>
                </a:cubicBezTo>
                <a:cubicBezTo>
                  <a:pt x="26" y="70"/>
                  <a:pt x="24" y="74"/>
                  <a:pt x="24" y="79"/>
                </a:cubicBezTo>
                <a:cubicBezTo>
                  <a:pt x="24" y="84"/>
                  <a:pt x="26" y="88"/>
                  <a:pt x="30" y="91"/>
                </a:cubicBezTo>
                <a:cubicBezTo>
                  <a:pt x="33" y="94"/>
                  <a:pt x="39" y="95"/>
                  <a:pt x="45" y="95"/>
                </a:cubicBezTo>
                <a:close/>
                <a:moveTo>
                  <a:pt x="45" y="48"/>
                </a:moveTo>
                <a:cubicBezTo>
                  <a:pt x="51" y="48"/>
                  <a:pt x="56" y="46"/>
                  <a:pt x="59" y="44"/>
                </a:cubicBezTo>
                <a:cubicBezTo>
                  <a:pt x="63" y="41"/>
                  <a:pt x="64" y="37"/>
                  <a:pt x="64" y="33"/>
                </a:cubicBezTo>
                <a:cubicBezTo>
                  <a:pt x="64" y="28"/>
                  <a:pt x="63" y="25"/>
                  <a:pt x="59" y="22"/>
                </a:cubicBezTo>
                <a:cubicBezTo>
                  <a:pt x="56" y="19"/>
                  <a:pt x="51" y="18"/>
                  <a:pt x="45" y="18"/>
                </a:cubicBezTo>
                <a:cubicBezTo>
                  <a:pt x="39" y="18"/>
                  <a:pt x="35" y="19"/>
                  <a:pt x="31" y="22"/>
                </a:cubicBezTo>
                <a:cubicBezTo>
                  <a:pt x="28" y="25"/>
                  <a:pt x="26" y="28"/>
                  <a:pt x="26" y="33"/>
                </a:cubicBezTo>
                <a:cubicBezTo>
                  <a:pt x="26" y="37"/>
                  <a:pt x="28" y="41"/>
                  <a:pt x="32" y="43"/>
                </a:cubicBezTo>
                <a:cubicBezTo>
                  <a:pt x="35" y="46"/>
                  <a:pt x="40" y="48"/>
                  <a:pt x="45" y="4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09" name="Freeform 85"/>
          <p:cNvSpPr>
            <a:spLocks noEditPoints="1"/>
          </p:cNvSpPr>
          <p:nvPr userDrawn="1"/>
        </p:nvSpPr>
        <p:spPr bwMode="auto">
          <a:xfrm>
            <a:off x="5962650" y="6000750"/>
            <a:ext cx="103188" cy="130175"/>
          </a:xfrm>
          <a:custGeom>
            <a:avLst/>
            <a:gdLst/>
            <a:ahLst/>
            <a:cxnLst>
              <a:cxn ang="0">
                <a:pos x="54" y="69"/>
              </a:cxn>
              <a:cxn ang="0">
                <a:pos x="37" y="72"/>
              </a:cxn>
              <a:cxn ang="0">
                <a:pos x="22" y="70"/>
              </a:cxn>
              <a:cxn ang="0">
                <a:pos x="10" y="63"/>
              </a:cxn>
              <a:cxn ang="0">
                <a:pos x="3" y="53"/>
              </a:cxn>
              <a:cxn ang="0">
                <a:pos x="0" y="39"/>
              </a:cxn>
              <a:cxn ang="0">
                <a:pos x="0" y="38"/>
              </a:cxn>
              <a:cxn ang="0">
                <a:pos x="3" y="23"/>
              </a:cxn>
              <a:cxn ang="0">
                <a:pos x="12" y="11"/>
              </a:cxn>
              <a:cxn ang="0">
                <a:pos x="26" y="3"/>
              </a:cxn>
              <a:cxn ang="0">
                <a:pos x="43" y="0"/>
              </a:cxn>
              <a:cxn ang="0">
                <a:pos x="63" y="3"/>
              </a:cxn>
              <a:cxn ang="0">
                <a:pos x="78" y="13"/>
              </a:cxn>
              <a:cxn ang="0">
                <a:pos x="87" y="29"/>
              </a:cxn>
              <a:cxn ang="0">
                <a:pos x="90" y="51"/>
              </a:cxn>
              <a:cxn ang="0">
                <a:pos x="90" y="61"/>
              </a:cxn>
              <a:cxn ang="0">
                <a:pos x="78" y="100"/>
              </a:cxn>
              <a:cxn ang="0">
                <a:pos x="41" y="113"/>
              </a:cxn>
              <a:cxn ang="0">
                <a:pos x="25" y="111"/>
              </a:cxn>
              <a:cxn ang="0">
                <a:pos x="13" y="107"/>
              </a:cxn>
              <a:cxn ang="0">
                <a:pos x="6" y="101"/>
              </a:cxn>
              <a:cxn ang="0">
                <a:pos x="4" y="94"/>
              </a:cxn>
              <a:cxn ang="0">
                <a:pos x="5" y="88"/>
              </a:cxn>
              <a:cxn ang="0">
                <a:pos x="8" y="84"/>
              </a:cxn>
              <a:cxn ang="0">
                <a:pos x="11" y="82"/>
              </a:cxn>
              <a:cxn ang="0">
                <a:pos x="13" y="82"/>
              </a:cxn>
              <a:cxn ang="0">
                <a:pos x="24" y="90"/>
              </a:cxn>
              <a:cxn ang="0">
                <a:pos x="39" y="93"/>
              </a:cxn>
              <a:cxn ang="0">
                <a:pos x="60" y="86"/>
              </a:cxn>
              <a:cxn ang="0">
                <a:pos x="66" y="62"/>
              </a:cxn>
              <a:cxn ang="0">
                <a:pos x="66" y="61"/>
              </a:cxn>
              <a:cxn ang="0">
                <a:pos x="54" y="69"/>
              </a:cxn>
              <a:cxn ang="0">
                <a:pos x="66" y="45"/>
              </a:cxn>
              <a:cxn ang="0">
                <a:pos x="60" y="25"/>
              </a:cxn>
              <a:cxn ang="0">
                <a:pos x="44" y="18"/>
              </a:cxn>
              <a:cxn ang="0">
                <a:pos x="30" y="24"/>
              </a:cxn>
              <a:cxn ang="0">
                <a:pos x="24" y="37"/>
              </a:cxn>
              <a:cxn ang="0">
                <a:pos x="24" y="37"/>
              </a:cxn>
              <a:cxn ang="0">
                <a:pos x="29" y="50"/>
              </a:cxn>
              <a:cxn ang="0">
                <a:pos x="44" y="54"/>
              </a:cxn>
              <a:cxn ang="0">
                <a:pos x="56" y="52"/>
              </a:cxn>
              <a:cxn ang="0">
                <a:pos x="66" y="45"/>
              </a:cxn>
            </a:cxnLst>
            <a:rect l="0" t="0" r="r" b="b"/>
            <a:pathLst>
              <a:path w="90" h="113">
                <a:moveTo>
                  <a:pt x="54" y="69"/>
                </a:moveTo>
                <a:cubicBezTo>
                  <a:pt x="49" y="71"/>
                  <a:pt x="43" y="72"/>
                  <a:pt x="37" y="72"/>
                </a:cubicBezTo>
                <a:cubicBezTo>
                  <a:pt x="31" y="72"/>
                  <a:pt x="26" y="71"/>
                  <a:pt x="22" y="70"/>
                </a:cubicBezTo>
                <a:cubicBezTo>
                  <a:pt x="17" y="68"/>
                  <a:pt x="13" y="66"/>
                  <a:pt x="10" y="63"/>
                </a:cubicBezTo>
                <a:cubicBezTo>
                  <a:pt x="7" y="61"/>
                  <a:pt x="5" y="57"/>
                  <a:pt x="3" y="53"/>
                </a:cubicBezTo>
                <a:cubicBezTo>
                  <a:pt x="1" y="49"/>
                  <a:pt x="0" y="44"/>
                  <a:pt x="0" y="39"/>
                </a:cubicBezTo>
                <a:cubicBezTo>
                  <a:pt x="0" y="38"/>
                  <a:pt x="0" y="38"/>
                  <a:pt x="0" y="38"/>
                </a:cubicBezTo>
                <a:cubicBezTo>
                  <a:pt x="0" y="33"/>
                  <a:pt x="1" y="28"/>
                  <a:pt x="3" y="23"/>
                </a:cubicBezTo>
                <a:cubicBezTo>
                  <a:pt x="6" y="18"/>
                  <a:pt x="8" y="14"/>
                  <a:pt x="12" y="11"/>
                </a:cubicBezTo>
                <a:cubicBezTo>
                  <a:pt x="16" y="7"/>
                  <a:pt x="21" y="5"/>
                  <a:pt x="26" y="3"/>
                </a:cubicBezTo>
                <a:cubicBezTo>
                  <a:pt x="31" y="1"/>
                  <a:pt x="37" y="0"/>
                  <a:pt x="43" y="0"/>
                </a:cubicBezTo>
                <a:cubicBezTo>
                  <a:pt x="51" y="0"/>
                  <a:pt x="57" y="1"/>
                  <a:pt x="63" y="3"/>
                </a:cubicBezTo>
                <a:cubicBezTo>
                  <a:pt x="69" y="6"/>
                  <a:pt x="74" y="9"/>
                  <a:pt x="78" y="13"/>
                </a:cubicBezTo>
                <a:cubicBezTo>
                  <a:pt x="82" y="18"/>
                  <a:pt x="85" y="23"/>
                  <a:pt x="87" y="29"/>
                </a:cubicBezTo>
                <a:cubicBezTo>
                  <a:pt x="89" y="36"/>
                  <a:pt x="90" y="43"/>
                  <a:pt x="90" y="51"/>
                </a:cubicBezTo>
                <a:cubicBezTo>
                  <a:pt x="90" y="61"/>
                  <a:pt x="90" y="61"/>
                  <a:pt x="90" y="61"/>
                </a:cubicBezTo>
                <a:cubicBezTo>
                  <a:pt x="90" y="78"/>
                  <a:pt x="86" y="91"/>
                  <a:pt x="78" y="100"/>
                </a:cubicBezTo>
                <a:cubicBezTo>
                  <a:pt x="69" y="109"/>
                  <a:pt x="57" y="113"/>
                  <a:pt x="41" y="113"/>
                </a:cubicBezTo>
                <a:cubicBezTo>
                  <a:pt x="35" y="113"/>
                  <a:pt x="29" y="113"/>
                  <a:pt x="25" y="111"/>
                </a:cubicBezTo>
                <a:cubicBezTo>
                  <a:pt x="20" y="110"/>
                  <a:pt x="16" y="109"/>
                  <a:pt x="13" y="107"/>
                </a:cubicBezTo>
                <a:cubicBezTo>
                  <a:pt x="10" y="105"/>
                  <a:pt x="8" y="103"/>
                  <a:pt x="6" y="101"/>
                </a:cubicBezTo>
                <a:cubicBezTo>
                  <a:pt x="5" y="99"/>
                  <a:pt x="4" y="96"/>
                  <a:pt x="4" y="94"/>
                </a:cubicBezTo>
                <a:cubicBezTo>
                  <a:pt x="4" y="92"/>
                  <a:pt x="5" y="90"/>
                  <a:pt x="5" y="88"/>
                </a:cubicBezTo>
                <a:cubicBezTo>
                  <a:pt x="6" y="86"/>
                  <a:pt x="7" y="85"/>
                  <a:pt x="8" y="84"/>
                </a:cubicBezTo>
                <a:cubicBezTo>
                  <a:pt x="9" y="83"/>
                  <a:pt x="10" y="83"/>
                  <a:pt x="11" y="82"/>
                </a:cubicBezTo>
                <a:cubicBezTo>
                  <a:pt x="12" y="82"/>
                  <a:pt x="13" y="82"/>
                  <a:pt x="13" y="82"/>
                </a:cubicBezTo>
                <a:cubicBezTo>
                  <a:pt x="16" y="85"/>
                  <a:pt x="19" y="88"/>
                  <a:pt x="24" y="90"/>
                </a:cubicBezTo>
                <a:cubicBezTo>
                  <a:pt x="28" y="92"/>
                  <a:pt x="33" y="93"/>
                  <a:pt x="39" y="93"/>
                </a:cubicBezTo>
                <a:cubicBezTo>
                  <a:pt x="48" y="93"/>
                  <a:pt x="55" y="91"/>
                  <a:pt x="60" y="86"/>
                </a:cubicBezTo>
                <a:cubicBezTo>
                  <a:pt x="64" y="81"/>
                  <a:pt x="66" y="73"/>
                  <a:pt x="66" y="62"/>
                </a:cubicBezTo>
                <a:cubicBezTo>
                  <a:pt x="66" y="61"/>
                  <a:pt x="66" y="61"/>
                  <a:pt x="66" y="61"/>
                </a:cubicBezTo>
                <a:cubicBezTo>
                  <a:pt x="63" y="64"/>
                  <a:pt x="59" y="66"/>
                  <a:pt x="54" y="69"/>
                </a:cubicBezTo>
                <a:close/>
                <a:moveTo>
                  <a:pt x="66" y="45"/>
                </a:moveTo>
                <a:cubicBezTo>
                  <a:pt x="65" y="37"/>
                  <a:pt x="63" y="30"/>
                  <a:pt x="60" y="25"/>
                </a:cubicBezTo>
                <a:cubicBezTo>
                  <a:pt x="56" y="21"/>
                  <a:pt x="51" y="18"/>
                  <a:pt x="44" y="18"/>
                </a:cubicBezTo>
                <a:cubicBezTo>
                  <a:pt x="38" y="18"/>
                  <a:pt x="33" y="20"/>
                  <a:pt x="30" y="24"/>
                </a:cubicBezTo>
                <a:cubicBezTo>
                  <a:pt x="26" y="27"/>
                  <a:pt x="24" y="32"/>
                  <a:pt x="24" y="37"/>
                </a:cubicBezTo>
                <a:cubicBezTo>
                  <a:pt x="24" y="37"/>
                  <a:pt x="24" y="37"/>
                  <a:pt x="24" y="37"/>
                </a:cubicBezTo>
                <a:cubicBezTo>
                  <a:pt x="24" y="43"/>
                  <a:pt x="26" y="47"/>
                  <a:pt x="29" y="50"/>
                </a:cubicBezTo>
                <a:cubicBezTo>
                  <a:pt x="32" y="53"/>
                  <a:pt x="37" y="54"/>
                  <a:pt x="44" y="54"/>
                </a:cubicBezTo>
                <a:cubicBezTo>
                  <a:pt x="48" y="54"/>
                  <a:pt x="52" y="54"/>
                  <a:pt x="56" y="52"/>
                </a:cubicBezTo>
                <a:cubicBezTo>
                  <a:pt x="59" y="50"/>
                  <a:pt x="63" y="48"/>
                  <a:pt x="66" y="4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13" name="Freeform 89"/>
          <p:cNvSpPr>
            <a:spLocks noEditPoints="1"/>
          </p:cNvSpPr>
          <p:nvPr userDrawn="1"/>
        </p:nvSpPr>
        <p:spPr bwMode="auto">
          <a:xfrm>
            <a:off x="6257925" y="5976938"/>
            <a:ext cx="117475" cy="160338"/>
          </a:xfrm>
          <a:custGeom>
            <a:avLst/>
            <a:gdLst/>
            <a:ahLst/>
            <a:cxnLst>
              <a:cxn ang="0">
                <a:pos x="67" y="132"/>
              </a:cxn>
              <a:cxn ang="0">
                <a:pos x="90" y="107"/>
              </a:cxn>
              <a:cxn ang="0">
                <a:pos x="95" y="102"/>
              </a:cxn>
              <a:cxn ang="0">
                <a:pos x="92" y="86"/>
              </a:cxn>
              <a:cxn ang="0">
                <a:pos x="74" y="90"/>
              </a:cxn>
              <a:cxn ang="0">
                <a:pos x="64" y="100"/>
              </a:cxn>
              <a:cxn ang="0">
                <a:pos x="64" y="14"/>
              </a:cxn>
              <a:cxn ang="0">
                <a:pos x="52" y="0"/>
              </a:cxn>
              <a:cxn ang="0">
                <a:pos x="50" y="0"/>
              </a:cxn>
              <a:cxn ang="0">
                <a:pos x="38" y="14"/>
              </a:cxn>
              <a:cxn ang="0">
                <a:pos x="38" y="100"/>
              </a:cxn>
              <a:cxn ang="0">
                <a:pos x="29" y="90"/>
              </a:cxn>
              <a:cxn ang="0">
                <a:pos x="11" y="86"/>
              </a:cxn>
              <a:cxn ang="0">
                <a:pos x="8" y="102"/>
              </a:cxn>
              <a:cxn ang="0">
                <a:pos x="12" y="108"/>
              </a:cxn>
              <a:cxn ang="0">
                <a:pos x="34" y="132"/>
              </a:cxn>
              <a:cxn ang="0">
                <a:pos x="41" y="138"/>
              </a:cxn>
              <a:cxn ang="0">
                <a:pos x="51" y="141"/>
              </a:cxn>
              <a:cxn ang="0">
                <a:pos x="61" y="138"/>
              </a:cxn>
              <a:cxn ang="0">
                <a:pos x="67" y="132"/>
              </a:cxn>
              <a:cxn ang="0">
                <a:pos x="51" y="141"/>
              </a:cxn>
              <a:cxn ang="0">
                <a:pos x="51" y="141"/>
              </a:cxn>
              <a:cxn ang="0">
                <a:pos x="51" y="141"/>
              </a:cxn>
              <a:cxn ang="0">
                <a:pos x="51" y="141"/>
              </a:cxn>
            </a:cxnLst>
            <a:rect l="0" t="0" r="r" b="b"/>
            <a:pathLst>
              <a:path w="103" h="141">
                <a:moveTo>
                  <a:pt x="67" y="132"/>
                </a:moveTo>
                <a:cubicBezTo>
                  <a:pt x="90" y="107"/>
                  <a:pt x="90" y="107"/>
                  <a:pt x="90" y="107"/>
                </a:cubicBezTo>
                <a:cubicBezTo>
                  <a:pt x="95" y="102"/>
                  <a:pt x="95" y="102"/>
                  <a:pt x="95" y="102"/>
                </a:cubicBezTo>
                <a:cubicBezTo>
                  <a:pt x="95" y="102"/>
                  <a:pt x="103" y="94"/>
                  <a:pt x="92" y="86"/>
                </a:cubicBezTo>
                <a:cubicBezTo>
                  <a:pt x="85" y="80"/>
                  <a:pt x="80" y="83"/>
                  <a:pt x="74" y="90"/>
                </a:cubicBezTo>
                <a:cubicBezTo>
                  <a:pt x="71" y="92"/>
                  <a:pt x="68" y="96"/>
                  <a:pt x="64" y="100"/>
                </a:cubicBezTo>
                <a:cubicBezTo>
                  <a:pt x="64" y="14"/>
                  <a:pt x="64" y="14"/>
                  <a:pt x="64" y="14"/>
                </a:cubicBezTo>
                <a:cubicBezTo>
                  <a:pt x="64" y="4"/>
                  <a:pt x="59" y="0"/>
                  <a:pt x="52" y="0"/>
                </a:cubicBezTo>
                <a:cubicBezTo>
                  <a:pt x="50" y="0"/>
                  <a:pt x="50" y="0"/>
                  <a:pt x="50" y="0"/>
                </a:cubicBezTo>
                <a:cubicBezTo>
                  <a:pt x="43" y="0"/>
                  <a:pt x="38" y="4"/>
                  <a:pt x="38" y="14"/>
                </a:cubicBezTo>
                <a:cubicBezTo>
                  <a:pt x="38" y="100"/>
                  <a:pt x="38" y="100"/>
                  <a:pt x="38" y="100"/>
                </a:cubicBezTo>
                <a:cubicBezTo>
                  <a:pt x="34" y="96"/>
                  <a:pt x="31" y="93"/>
                  <a:pt x="29" y="90"/>
                </a:cubicBezTo>
                <a:cubicBezTo>
                  <a:pt x="23" y="83"/>
                  <a:pt x="18" y="81"/>
                  <a:pt x="11" y="86"/>
                </a:cubicBezTo>
                <a:cubicBezTo>
                  <a:pt x="0" y="94"/>
                  <a:pt x="8" y="102"/>
                  <a:pt x="8" y="102"/>
                </a:cubicBezTo>
                <a:cubicBezTo>
                  <a:pt x="12" y="108"/>
                  <a:pt x="12" y="108"/>
                  <a:pt x="12" y="108"/>
                </a:cubicBezTo>
                <a:cubicBezTo>
                  <a:pt x="34" y="132"/>
                  <a:pt x="34" y="132"/>
                  <a:pt x="34" y="132"/>
                </a:cubicBezTo>
                <a:cubicBezTo>
                  <a:pt x="37" y="135"/>
                  <a:pt x="39" y="137"/>
                  <a:pt x="41" y="138"/>
                </a:cubicBezTo>
                <a:cubicBezTo>
                  <a:pt x="43" y="140"/>
                  <a:pt x="47" y="141"/>
                  <a:pt x="51" y="141"/>
                </a:cubicBezTo>
                <a:cubicBezTo>
                  <a:pt x="55" y="141"/>
                  <a:pt x="59" y="140"/>
                  <a:pt x="61" y="138"/>
                </a:cubicBezTo>
                <a:cubicBezTo>
                  <a:pt x="63" y="137"/>
                  <a:pt x="65" y="135"/>
                  <a:pt x="67" y="132"/>
                </a:cubicBezTo>
                <a:close/>
                <a:moveTo>
                  <a:pt x="51" y="141"/>
                </a:moveTo>
                <a:cubicBezTo>
                  <a:pt x="51" y="141"/>
                  <a:pt x="51" y="141"/>
                  <a:pt x="51" y="141"/>
                </a:cubicBezTo>
                <a:cubicBezTo>
                  <a:pt x="51" y="141"/>
                  <a:pt x="51" y="141"/>
                  <a:pt x="51" y="141"/>
                </a:cubicBezTo>
                <a:cubicBezTo>
                  <a:pt x="51" y="141"/>
                  <a:pt x="51" y="141"/>
                  <a:pt x="51" y="14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17" name="Freeform 93"/>
          <p:cNvSpPr>
            <a:spLocks/>
          </p:cNvSpPr>
          <p:nvPr userDrawn="1"/>
        </p:nvSpPr>
        <p:spPr bwMode="auto">
          <a:xfrm>
            <a:off x="6559551" y="6000750"/>
            <a:ext cx="112713" cy="130175"/>
          </a:xfrm>
          <a:custGeom>
            <a:avLst/>
            <a:gdLst/>
            <a:ahLst/>
            <a:cxnLst>
              <a:cxn ang="0">
                <a:pos x="8" y="52"/>
              </a:cxn>
              <a:cxn ang="0">
                <a:pos x="2" y="50"/>
              </a:cxn>
              <a:cxn ang="0">
                <a:pos x="0" y="46"/>
              </a:cxn>
              <a:cxn ang="0">
                <a:pos x="0" y="44"/>
              </a:cxn>
              <a:cxn ang="0">
                <a:pos x="2" y="39"/>
              </a:cxn>
              <a:cxn ang="0">
                <a:pos x="8" y="37"/>
              </a:cxn>
              <a:cxn ang="0">
                <a:pos x="16" y="37"/>
              </a:cxn>
              <a:cxn ang="0">
                <a:pos x="32" y="10"/>
              </a:cxn>
              <a:cxn ang="0">
                <a:pos x="62" y="0"/>
              </a:cxn>
              <a:cxn ang="0">
                <a:pos x="77" y="2"/>
              </a:cxn>
              <a:cxn ang="0">
                <a:pos x="89" y="7"/>
              </a:cxn>
              <a:cxn ang="0">
                <a:pos x="96" y="14"/>
              </a:cxn>
              <a:cxn ang="0">
                <a:pos x="98" y="22"/>
              </a:cxn>
              <a:cxn ang="0">
                <a:pos x="97" y="28"/>
              </a:cxn>
              <a:cxn ang="0">
                <a:pos x="93" y="32"/>
              </a:cxn>
              <a:cxn ang="0">
                <a:pos x="89" y="34"/>
              </a:cxn>
              <a:cxn ang="0">
                <a:pos x="87" y="34"/>
              </a:cxn>
              <a:cxn ang="0">
                <a:pos x="77" y="24"/>
              </a:cxn>
              <a:cxn ang="0">
                <a:pos x="62" y="21"/>
              </a:cxn>
              <a:cxn ang="0">
                <a:pos x="48" y="25"/>
              </a:cxn>
              <a:cxn ang="0">
                <a:pos x="40" y="37"/>
              </a:cxn>
              <a:cxn ang="0">
                <a:pos x="67" y="37"/>
              </a:cxn>
              <a:cxn ang="0">
                <a:pos x="73" y="39"/>
              </a:cxn>
              <a:cxn ang="0">
                <a:pos x="75" y="44"/>
              </a:cxn>
              <a:cxn ang="0">
                <a:pos x="75" y="46"/>
              </a:cxn>
              <a:cxn ang="0">
                <a:pos x="73" y="50"/>
              </a:cxn>
              <a:cxn ang="0">
                <a:pos x="67" y="52"/>
              </a:cxn>
              <a:cxn ang="0">
                <a:pos x="38" y="52"/>
              </a:cxn>
              <a:cxn ang="0">
                <a:pos x="38" y="62"/>
              </a:cxn>
              <a:cxn ang="0">
                <a:pos x="67" y="62"/>
              </a:cxn>
              <a:cxn ang="0">
                <a:pos x="73" y="64"/>
              </a:cxn>
              <a:cxn ang="0">
                <a:pos x="75" y="69"/>
              </a:cxn>
              <a:cxn ang="0">
                <a:pos x="75" y="71"/>
              </a:cxn>
              <a:cxn ang="0">
                <a:pos x="73" y="75"/>
              </a:cxn>
              <a:cxn ang="0">
                <a:pos x="67" y="77"/>
              </a:cxn>
              <a:cxn ang="0">
                <a:pos x="40" y="77"/>
              </a:cxn>
              <a:cxn ang="0">
                <a:pos x="48" y="90"/>
              </a:cxn>
              <a:cxn ang="0">
                <a:pos x="63" y="94"/>
              </a:cxn>
              <a:cxn ang="0">
                <a:pos x="77" y="90"/>
              </a:cxn>
              <a:cxn ang="0">
                <a:pos x="87" y="80"/>
              </a:cxn>
              <a:cxn ang="0">
                <a:pos x="89" y="80"/>
              </a:cxn>
              <a:cxn ang="0">
                <a:pos x="93" y="82"/>
              </a:cxn>
              <a:cxn ang="0">
                <a:pos x="97" y="86"/>
              </a:cxn>
              <a:cxn ang="0">
                <a:pos x="99" y="92"/>
              </a:cxn>
              <a:cxn ang="0">
                <a:pos x="97" y="99"/>
              </a:cxn>
              <a:cxn ang="0">
                <a:pos x="90" y="107"/>
              </a:cxn>
              <a:cxn ang="0">
                <a:pos x="79" y="112"/>
              </a:cxn>
              <a:cxn ang="0">
                <a:pos x="62" y="115"/>
              </a:cxn>
              <a:cxn ang="0">
                <a:pos x="32" y="105"/>
              </a:cxn>
              <a:cxn ang="0">
                <a:pos x="16" y="77"/>
              </a:cxn>
              <a:cxn ang="0">
                <a:pos x="8" y="77"/>
              </a:cxn>
              <a:cxn ang="0">
                <a:pos x="2" y="75"/>
              </a:cxn>
              <a:cxn ang="0">
                <a:pos x="0" y="71"/>
              </a:cxn>
              <a:cxn ang="0">
                <a:pos x="0" y="69"/>
              </a:cxn>
              <a:cxn ang="0">
                <a:pos x="2" y="64"/>
              </a:cxn>
              <a:cxn ang="0">
                <a:pos x="8" y="62"/>
              </a:cxn>
              <a:cxn ang="0">
                <a:pos x="14" y="62"/>
              </a:cxn>
              <a:cxn ang="0">
                <a:pos x="14" y="52"/>
              </a:cxn>
              <a:cxn ang="0">
                <a:pos x="8" y="52"/>
              </a:cxn>
            </a:cxnLst>
            <a:rect l="0" t="0" r="r" b="b"/>
            <a:pathLst>
              <a:path w="99" h="115">
                <a:moveTo>
                  <a:pt x="8" y="52"/>
                </a:moveTo>
                <a:cubicBezTo>
                  <a:pt x="5" y="52"/>
                  <a:pt x="3" y="52"/>
                  <a:pt x="2" y="50"/>
                </a:cubicBezTo>
                <a:cubicBezTo>
                  <a:pt x="0" y="49"/>
                  <a:pt x="0" y="47"/>
                  <a:pt x="0" y="46"/>
                </a:cubicBezTo>
                <a:cubicBezTo>
                  <a:pt x="0" y="44"/>
                  <a:pt x="0" y="44"/>
                  <a:pt x="0" y="44"/>
                </a:cubicBezTo>
                <a:cubicBezTo>
                  <a:pt x="0" y="42"/>
                  <a:pt x="0" y="40"/>
                  <a:pt x="2" y="39"/>
                </a:cubicBezTo>
                <a:cubicBezTo>
                  <a:pt x="3" y="38"/>
                  <a:pt x="5" y="37"/>
                  <a:pt x="8" y="37"/>
                </a:cubicBezTo>
                <a:cubicBezTo>
                  <a:pt x="16" y="37"/>
                  <a:pt x="16" y="37"/>
                  <a:pt x="16" y="37"/>
                </a:cubicBezTo>
                <a:cubicBezTo>
                  <a:pt x="18" y="26"/>
                  <a:pt x="24" y="16"/>
                  <a:pt x="32" y="10"/>
                </a:cubicBezTo>
                <a:cubicBezTo>
                  <a:pt x="40" y="3"/>
                  <a:pt x="50" y="0"/>
                  <a:pt x="62" y="0"/>
                </a:cubicBezTo>
                <a:cubicBezTo>
                  <a:pt x="68" y="0"/>
                  <a:pt x="73" y="1"/>
                  <a:pt x="77" y="2"/>
                </a:cubicBezTo>
                <a:cubicBezTo>
                  <a:pt x="82" y="3"/>
                  <a:pt x="86" y="5"/>
                  <a:pt x="89" y="7"/>
                </a:cubicBezTo>
                <a:cubicBezTo>
                  <a:pt x="92" y="9"/>
                  <a:pt x="94" y="12"/>
                  <a:pt x="96" y="14"/>
                </a:cubicBezTo>
                <a:cubicBezTo>
                  <a:pt x="98" y="17"/>
                  <a:pt x="98" y="20"/>
                  <a:pt x="98" y="22"/>
                </a:cubicBezTo>
                <a:cubicBezTo>
                  <a:pt x="98" y="24"/>
                  <a:pt x="98" y="26"/>
                  <a:pt x="97" y="28"/>
                </a:cubicBezTo>
                <a:cubicBezTo>
                  <a:pt x="96" y="30"/>
                  <a:pt x="94" y="31"/>
                  <a:pt x="93" y="32"/>
                </a:cubicBezTo>
                <a:cubicBezTo>
                  <a:pt x="91" y="33"/>
                  <a:pt x="90" y="34"/>
                  <a:pt x="89" y="34"/>
                </a:cubicBezTo>
                <a:cubicBezTo>
                  <a:pt x="88" y="34"/>
                  <a:pt x="87" y="34"/>
                  <a:pt x="87" y="34"/>
                </a:cubicBezTo>
                <a:cubicBezTo>
                  <a:pt x="84" y="30"/>
                  <a:pt x="80" y="26"/>
                  <a:pt x="77" y="24"/>
                </a:cubicBezTo>
                <a:cubicBezTo>
                  <a:pt x="73" y="22"/>
                  <a:pt x="68" y="21"/>
                  <a:pt x="62" y="21"/>
                </a:cubicBezTo>
                <a:cubicBezTo>
                  <a:pt x="57" y="21"/>
                  <a:pt x="52" y="22"/>
                  <a:pt x="48" y="25"/>
                </a:cubicBezTo>
                <a:cubicBezTo>
                  <a:pt x="44" y="28"/>
                  <a:pt x="42" y="32"/>
                  <a:pt x="40" y="37"/>
                </a:cubicBezTo>
                <a:cubicBezTo>
                  <a:pt x="67" y="37"/>
                  <a:pt x="67" y="37"/>
                  <a:pt x="67" y="37"/>
                </a:cubicBezTo>
                <a:cubicBezTo>
                  <a:pt x="70" y="37"/>
                  <a:pt x="72" y="38"/>
                  <a:pt x="73" y="39"/>
                </a:cubicBezTo>
                <a:cubicBezTo>
                  <a:pt x="75" y="40"/>
                  <a:pt x="75" y="42"/>
                  <a:pt x="75" y="44"/>
                </a:cubicBezTo>
                <a:cubicBezTo>
                  <a:pt x="75" y="46"/>
                  <a:pt x="75" y="46"/>
                  <a:pt x="75" y="46"/>
                </a:cubicBezTo>
                <a:cubicBezTo>
                  <a:pt x="75" y="47"/>
                  <a:pt x="75" y="49"/>
                  <a:pt x="73" y="50"/>
                </a:cubicBezTo>
                <a:cubicBezTo>
                  <a:pt x="72" y="52"/>
                  <a:pt x="70" y="52"/>
                  <a:pt x="67" y="52"/>
                </a:cubicBezTo>
                <a:cubicBezTo>
                  <a:pt x="38" y="52"/>
                  <a:pt x="38" y="52"/>
                  <a:pt x="38" y="52"/>
                </a:cubicBezTo>
                <a:cubicBezTo>
                  <a:pt x="38" y="62"/>
                  <a:pt x="38" y="62"/>
                  <a:pt x="38" y="62"/>
                </a:cubicBezTo>
                <a:cubicBezTo>
                  <a:pt x="67" y="62"/>
                  <a:pt x="67" y="62"/>
                  <a:pt x="67" y="62"/>
                </a:cubicBezTo>
                <a:cubicBezTo>
                  <a:pt x="70" y="62"/>
                  <a:pt x="72" y="63"/>
                  <a:pt x="73" y="64"/>
                </a:cubicBezTo>
                <a:cubicBezTo>
                  <a:pt x="75" y="65"/>
                  <a:pt x="75" y="67"/>
                  <a:pt x="75" y="69"/>
                </a:cubicBezTo>
                <a:cubicBezTo>
                  <a:pt x="75" y="71"/>
                  <a:pt x="75" y="71"/>
                  <a:pt x="75" y="71"/>
                </a:cubicBezTo>
                <a:cubicBezTo>
                  <a:pt x="75" y="72"/>
                  <a:pt x="75" y="74"/>
                  <a:pt x="73" y="75"/>
                </a:cubicBezTo>
                <a:cubicBezTo>
                  <a:pt x="72" y="77"/>
                  <a:pt x="70" y="77"/>
                  <a:pt x="67" y="77"/>
                </a:cubicBezTo>
                <a:cubicBezTo>
                  <a:pt x="40" y="77"/>
                  <a:pt x="40" y="77"/>
                  <a:pt x="40" y="77"/>
                </a:cubicBezTo>
                <a:cubicBezTo>
                  <a:pt x="42" y="83"/>
                  <a:pt x="44" y="87"/>
                  <a:pt x="48" y="90"/>
                </a:cubicBezTo>
                <a:cubicBezTo>
                  <a:pt x="52" y="93"/>
                  <a:pt x="57" y="94"/>
                  <a:pt x="63" y="94"/>
                </a:cubicBezTo>
                <a:cubicBezTo>
                  <a:pt x="69" y="94"/>
                  <a:pt x="73" y="93"/>
                  <a:pt x="77" y="90"/>
                </a:cubicBezTo>
                <a:cubicBezTo>
                  <a:pt x="81" y="88"/>
                  <a:pt x="84" y="84"/>
                  <a:pt x="87" y="80"/>
                </a:cubicBezTo>
                <a:cubicBezTo>
                  <a:pt x="87" y="79"/>
                  <a:pt x="88" y="80"/>
                  <a:pt x="89" y="80"/>
                </a:cubicBezTo>
                <a:cubicBezTo>
                  <a:pt x="90" y="80"/>
                  <a:pt x="92" y="81"/>
                  <a:pt x="93" y="82"/>
                </a:cubicBezTo>
                <a:cubicBezTo>
                  <a:pt x="95" y="83"/>
                  <a:pt x="96" y="84"/>
                  <a:pt x="97" y="86"/>
                </a:cubicBezTo>
                <a:cubicBezTo>
                  <a:pt x="98" y="87"/>
                  <a:pt x="99" y="89"/>
                  <a:pt x="99" y="92"/>
                </a:cubicBezTo>
                <a:cubicBezTo>
                  <a:pt x="99" y="94"/>
                  <a:pt x="98" y="96"/>
                  <a:pt x="97" y="99"/>
                </a:cubicBezTo>
                <a:cubicBezTo>
                  <a:pt x="95" y="102"/>
                  <a:pt x="93" y="104"/>
                  <a:pt x="90" y="107"/>
                </a:cubicBezTo>
                <a:cubicBezTo>
                  <a:pt x="87" y="109"/>
                  <a:pt x="83" y="111"/>
                  <a:pt x="79" y="112"/>
                </a:cubicBezTo>
                <a:cubicBezTo>
                  <a:pt x="74" y="114"/>
                  <a:pt x="69" y="115"/>
                  <a:pt x="62" y="115"/>
                </a:cubicBezTo>
                <a:cubicBezTo>
                  <a:pt x="50" y="115"/>
                  <a:pt x="40" y="111"/>
                  <a:pt x="32" y="105"/>
                </a:cubicBezTo>
                <a:cubicBezTo>
                  <a:pt x="23" y="98"/>
                  <a:pt x="18" y="89"/>
                  <a:pt x="16" y="77"/>
                </a:cubicBezTo>
                <a:cubicBezTo>
                  <a:pt x="8" y="77"/>
                  <a:pt x="8" y="77"/>
                  <a:pt x="8" y="77"/>
                </a:cubicBezTo>
                <a:cubicBezTo>
                  <a:pt x="5" y="77"/>
                  <a:pt x="3" y="77"/>
                  <a:pt x="2" y="75"/>
                </a:cubicBezTo>
                <a:cubicBezTo>
                  <a:pt x="0" y="74"/>
                  <a:pt x="0" y="72"/>
                  <a:pt x="0" y="71"/>
                </a:cubicBezTo>
                <a:cubicBezTo>
                  <a:pt x="0" y="69"/>
                  <a:pt x="0" y="69"/>
                  <a:pt x="0" y="69"/>
                </a:cubicBezTo>
                <a:cubicBezTo>
                  <a:pt x="0" y="67"/>
                  <a:pt x="0" y="65"/>
                  <a:pt x="2" y="64"/>
                </a:cubicBezTo>
                <a:cubicBezTo>
                  <a:pt x="3" y="63"/>
                  <a:pt x="5" y="62"/>
                  <a:pt x="8" y="62"/>
                </a:cubicBezTo>
                <a:cubicBezTo>
                  <a:pt x="14" y="62"/>
                  <a:pt x="14" y="62"/>
                  <a:pt x="14" y="62"/>
                </a:cubicBezTo>
                <a:cubicBezTo>
                  <a:pt x="14" y="52"/>
                  <a:pt x="14" y="52"/>
                  <a:pt x="14" y="52"/>
                </a:cubicBezTo>
                <a:lnTo>
                  <a:pt x="8" y="52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21" name="Freeform 97"/>
          <p:cNvSpPr>
            <a:spLocks noEditPoints="1"/>
          </p:cNvSpPr>
          <p:nvPr userDrawn="1"/>
        </p:nvSpPr>
        <p:spPr bwMode="auto">
          <a:xfrm>
            <a:off x="6850063" y="5997575"/>
            <a:ext cx="131762" cy="134938"/>
          </a:xfrm>
          <a:custGeom>
            <a:avLst/>
            <a:gdLst/>
            <a:ahLst/>
            <a:cxnLst>
              <a:cxn ang="0">
                <a:pos x="80" y="74"/>
              </a:cxn>
              <a:cxn ang="0">
                <a:pos x="83" y="65"/>
              </a:cxn>
              <a:cxn ang="0">
                <a:pos x="87" y="55"/>
              </a:cxn>
              <a:cxn ang="0">
                <a:pos x="92" y="46"/>
              </a:cxn>
              <a:cxn ang="0">
                <a:pos x="100" y="43"/>
              </a:cxn>
              <a:cxn ang="0">
                <a:pos x="105" y="44"/>
              </a:cxn>
              <a:cxn ang="0">
                <a:pos x="108" y="47"/>
              </a:cxn>
              <a:cxn ang="0">
                <a:pos x="110" y="49"/>
              </a:cxn>
              <a:cxn ang="0">
                <a:pos x="111" y="50"/>
              </a:cxn>
              <a:cxn ang="0">
                <a:pos x="104" y="70"/>
              </a:cxn>
              <a:cxn ang="0">
                <a:pos x="94" y="87"/>
              </a:cxn>
              <a:cxn ang="0">
                <a:pos x="117" y="107"/>
              </a:cxn>
              <a:cxn ang="0">
                <a:pos x="117" y="108"/>
              </a:cxn>
              <a:cxn ang="0">
                <a:pos x="114" y="112"/>
              </a:cxn>
              <a:cxn ang="0">
                <a:pos x="110" y="116"/>
              </a:cxn>
              <a:cxn ang="0">
                <a:pos x="104" y="117"/>
              </a:cxn>
              <a:cxn ang="0">
                <a:pos x="97" y="116"/>
              </a:cxn>
              <a:cxn ang="0">
                <a:pos x="89" y="110"/>
              </a:cxn>
              <a:cxn ang="0">
                <a:pos x="81" y="102"/>
              </a:cxn>
              <a:cxn ang="0">
                <a:pos x="64" y="114"/>
              </a:cxn>
              <a:cxn ang="0">
                <a:pos x="42" y="118"/>
              </a:cxn>
              <a:cxn ang="0">
                <a:pos x="11" y="110"/>
              </a:cxn>
              <a:cxn ang="0">
                <a:pos x="0" y="84"/>
              </a:cxn>
              <a:cxn ang="0">
                <a:pos x="7" y="64"/>
              </a:cxn>
              <a:cxn ang="0">
                <a:pos x="26" y="52"/>
              </a:cxn>
              <a:cxn ang="0">
                <a:pos x="19" y="42"/>
              </a:cxn>
              <a:cxn ang="0">
                <a:pos x="16" y="30"/>
              </a:cxn>
              <a:cxn ang="0">
                <a:pos x="18" y="18"/>
              </a:cxn>
              <a:cxn ang="0">
                <a:pos x="25" y="9"/>
              </a:cxn>
              <a:cxn ang="0">
                <a:pos x="36" y="3"/>
              </a:cxn>
              <a:cxn ang="0">
                <a:pos x="51" y="0"/>
              </a:cxn>
              <a:cxn ang="0">
                <a:pos x="64" y="2"/>
              </a:cxn>
              <a:cxn ang="0">
                <a:pos x="74" y="8"/>
              </a:cxn>
              <a:cxn ang="0">
                <a:pos x="81" y="17"/>
              </a:cxn>
              <a:cxn ang="0">
                <a:pos x="83" y="28"/>
              </a:cxn>
              <a:cxn ang="0">
                <a:pos x="76" y="44"/>
              </a:cxn>
              <a:cxn ang="0">
                <a:pos x="58" y="55"/>
              </a:cxn>
              <a:cxn ang="0">
                <a:pos x="80" y="74"/>
              </a:cxn>
              <a:cxn ang="0">
                <a:pos x="37" y="63"/>
              </a:cxn>
              <a:cxn ang="0">
                <a:pos x="26" y="70"/>
              </a:cxn>
              <a:cxn ang="0">
                <a:pos x="22" y="82"/>
              </a:cxn>
              <a:cxn ang="0">
                <a:pos x="28" y="96"/>
              </a:cxn>
              <a:cxn ang="0">
                <a:pos x="44" y="101"/>
              </a:cxn>
              <a:cxn ang="0">
                <a:pos x="57" y="98"/>
              </a:cxn>
              <a:cxn ang="0">
                <a:pos x="68" y="90"/>
              </a:cxn>
              <a:cxn ang="0">
                <a:pos x="37" y="63"/>
              </a:cxn>
              <a:cxn ang="0">
                <a:pos x="46" y="46"/>
              </a:cxn>
              <a:cxn ang="0">
                <a:pos x="59" y="39"/>
              </a:cxn>
              <a:cxn ang="0">
                <a:pos x="63" y="30"/>
              </a:cxn>
              <a:cxn ang="0">
                <a:pos x="60" y="21"/>
              </a:cxn>
              <a:cxn ang="0">
                <a:pos x="51" y="17"/>
              </a:cxn>
              <a:cxn ang="0">
                <a:pos x="41" y="21"/>
              </a:cxn>
              <a:cxn ang="0">
                <a:pos x="38" y="30"/>
              </a:cxn>
              <a:cxn ang="0">
                <a:pos x="40" y="39"/>
              </a:cxn>
              <a:cxn ang="0">
                <a:pos x="46" y="46"/>
              </a:cxn>
            </a:cxnLst>
            <a:rect l="0" t="0" r="r" b="b"/>
            <a:pathLst>
              <a:path w="117" h="118">
                <a:moveTo>
                  <a:pt x="80" y="74"/>
                </a:moveTo>
                <a:cubicBezTo>
                  <a:pt x="81" y="71"/>
                  <a:pt x="82" y="68"/>
                  <a:pt x="83" y="65"/>
                </a:cubicBezTo>
                <a:cubicBezTo>
                  <a:pt x="85" y="62"/>
                  <a:pt x="86" y="59"/>
                  <a:pt x="87" y="55"/>
                </a:cubicBezTo>
                <a:cubicBezTo>
                  <a:pt x="89" y="51"/>
                  <a:pt x="90" y="48"/>
                  <a:pt x="92" y="46"/>
                </a:cubicBezTo>
                <a:cubicBezTo>
                  <a:pt x="94" y="44"/>
                  <a:pt x="97" y="43"/>
                  <a:pt x="100" y="43"/>
                </a:cubicBezTo>
                <a:cubicBezTo>
                  <a:pt x="102" y="43"/>
                  <a:pt x="103" y="44"/>
                  <a:pt x="105" y="44"/>
                </a:cubicBezTo>
                <a:cubicBezTo>
                  <a:pt x="106" y="45"/>
                  <a:pt x="107" y="46"/>
                  <a:pt x="108" y="47"/>
                </a:cubicBezTo>
                <a:cubicBezTo>
                  <a:pt x="109" y="47"/>
                  <a:pt x="110" y="48"/>
                  <a:pt x="110" y="49"/>
                </a:cubicBezTo>
                <a:cubicBezTo>
                  <a:pt x="111" y="49"/>
                  <a:pt x="111" y="50"/>
                  <a:pt x="111" y="50"/>
                </a:cubicBezTo>
                <a:cubicBezTo>
                  <a:pt x="109" y="57"/>
                  <a:pt x="107" y="64"/>
                  <a:pt x="104" y="70"/>
                </a:cubicBezTo>
                <a:cubicBezTo>
                  <a:pt x="101" y="76"/>
                  <a:pt x="98" y="81"/>
                  <a:pt x="94" y="87"/>
                </a:cubicBezTo>
                <a:cubicBezTo>
                  <a:pt x="117" y="107"/>
                  <a:pt x="117" y="107"/>
                  <a:pt x="117" y="107"/>
                </a:cubicBezTo>
                <a:cubicBezTo>
                  <a:pt x="117" y="107"/>
                  <a:pt x="117" y="107"/>
                  <a:pt x="117" y="108"/>
                </a:cubicBezTo>
                <a:cubicBezTo>
                  <a:pt x="116" y="110"/>
                  <a:pt x="115" y="111"/>
                  <a:pt x="114" y="112"/>
                </a:cubicBezTo>
                <a:cubicBezTo>
                  <a:pt x="113" y="113"/>
                  <a:pt x="112" y="114"/>
                  <a:pt x="110" y="116"/>
                </a:cubicBezTo>
                <a:cubicBezTo>
                  <a:pt x="108" y="117"/>
                  <a:pt x="106" y="117"/>
                  <a:pt x="104" y="117"/>
                </a:cubicBezTo>
                <a:cubicBezTo>
                  <a:pt x="102" y="117"/>
                  <a:pt x="99" y="117"/>
                  <a:pt x="97" y="116"/>
                </a:cubicBezTo>
                <a:cubicBezTo>
                  <a:pt x="94" y="115"/>
                  <a:pt x="92" y="113"/>
                  <a:pt x="89" y="110"/>
                </a:cubicBezTo>
                <a:cubicBezTo>
                  <a:pt x="81" y="102"/>
                  <a:pt x="81" y="102"/>
                  <a:pt x="81" y="102"/>
                </a:cubicBezTo>
                <a:cubicBezTo>
                  <a:pt x="76" y="107"/>
                  <a:pt x="70" y="111"/>
                  <a:pt x="64" y="114"/>
                </a:cubicBezTo>
                <a:cubicBezTo>
                  <a:pt x="57" y="117"/>
                  <a:pt x="50" y="118"/>
                  <a:pt x="42" y="118"/>
                </a:cubicBezTo>
                <a:cubicBezTo>
                  <a:pt x="29" y="118"/>
                  <a:pt x="19" y="115"/>
                  <a:pt x="11" y="110"/>
                </a:cubicBezTo>
                <a:cubicBezTo>
                  <a:pt x="3" y="104"/>
                  <a:pt x="0" y="95"/>
                  <a:pt x="0" y="84"/>
                </a:cubicBezTo>
                <a:cubicBezTo>
                  <a:pt x="0" y="76"/>
                  <a:pt x="2" y="70"/>
                  <a:pt x="7" y="64"/>
                </a:cubicBezTo>
                <a:cubicBezTo>
                  <a:pt x="11" y="59"/>
                  <a:pt x="18" y="55"/>
                  <a:pt x="26" y="52"/>
                </a:cubicBezTo>
                <a:cubicBezTo>
                  <a:pt x="23" y="49"/>
                  <a:pt x="20" y="46"/>
                  <a:pt x="19" y="42"/>
                </a:cubicBezTo>
                <a:cubicBezTo>
                  <a:pt x="17" y="38"/>
                  <a:pt x="16" y="34"/>
                  <a:pt x="16" y="30"/>
                </a:cubicBezTo>
                <a:cubicBezTo>
                  <a:pt x="16" y="25"/>
                  <a:pt x="16" y="22"/>
                  <a:pt x="18" y="18"/>
                </a:cubicBezTo>
                <a:cubicBezTo>
                  <a:pt x="20" y="14"/>
                  <a:pt x="22" y="11"/>
                  <a:pt x="25" y="9"/>
                </a:cubicBezTo>
                <a:cubicBezTo>
                  <a:pt x="28" y="6"/>
                  <a:pt x="32" y="4"/>
                  <a:pt x="36" y="3"/>
                </a:cubicBezTo>
                <a:cubicBezTo>
                  <a:pt x="41" y="1"/>
                  <a:pt x="46" y="0"/>
                  <a:pt x="51" y="0"/>
                </a:cubicBezTo>
                <a:cubicBezTo>
                  <a:pt x="56" y="0"/>
                  <a:pt x="60" y="1"/>
                  <a:pt x="64" y="2"/>
                </a:cubicBezTo>
                <a:cubicBezTo>
                  <a:pt x="68" y="4"/>
                  <a:pt x="71" y="6"/>
                  <a:pt x="74" y="8"/>
                </a:cubicBezTo>
                <a:cubicBezTo>
                  <a:pt x="77" y="10"/>
                  <a:pt x="79" y="13"/>
                  <a:pt x="81" y="17"/>
                </a:cubicBezTo>
                <a:cubicBezTo>
                  <a:pt x="82" y="20"/>
                  <a:pt x="83" y="24"/>
                  <a:pt x="83" y="28"/>
                </a:cubicBezTo>
                <a:cubicBezTo>
                  <a:pt x="83" y="34"/>
                  <a:pt x="81" y="40"/>
                  <a:pt x="76" y="44"/>
                </a:cubicBezTo>
                <a:cubicBezTo>
                  <a:pt x="72" y="49"/>
                  <a:pt x="66" y="52"/>
                  <a:pt x="58" y="55"/>
                </a:cubicBezTo>
                <a:lnTo>
                  <a:pt x="80" y="74"/>
                </a:lnTo>
                <a:close/>
                <a:moveTo>
                  <a:pt x="37" y="63"/>
                </a:moveTo>
                <a:cubicBezTo>
                  <a:pt x="32" y="64"/>
                  <a:pt x="29" y="67"/>
                  <a:pt x="26" y="70"/>
                </a:cubicBezTo>
                <a:cubicBezTo>
                  <a:pt x="23" y="73"/>
                  <a:pt x="22" y="77"/>
                  <a:pt x="22" y="82"/>
                </a:cubicBezTo>
                <a:cubicBezTo>
                  <a:pt x="22" y="88"/>
                  <a:pt x="24" y="92"/>
                  <a:pt x="28" y="96"/>
                </a:cubicBezTo>
                <a:cubicBezTo>
                  <a:pt x="32" y="99"/>
                  <a:pt x="37" y="101"/>
                  <a:pt x="44" y="101"/>
                </a:cubicBezTo>
                <a:cubicBezTo>
                  <a:pt x="48" y="101"/>
                  <a:pt x="53" y="100"/>
                  <a:pt x="57" y="98"/>
                </a:cubicBezTo>
                <a:cubicBezTo>
                  <a:pt x="61" y="96"/>
                  <a:pt x="64" y="93"/>
                  <a:pt x="68" y="90"/>
                </a:cubicBezTo>
                <a:lnTo>
                  <a:pt x="37" y="63"/>
                </a:lnTo>
                <a:close/>
                <a:moveTo>
                  <a:pt x="46" y="46"/>
                </a:moveTo>
                <a:cubicBezTo>
                  <a:pt x="52" y="44"/>
                  <a:pt x="57" y="42"/>
                  <a:pt x="59" y="39"/>
                </a:cubicBezTo>
                <a:cubicBezTo>
                  <a:pt x="62" y="37"/>
                  <a:pt x="63" y="33"/>
                  <a:pt x="63" y="30"/>
                </a:cubicBezTo>
                <a:cubicBezTo>
                  <a:pt x="63" y="26"/>
                  <a:pt x="62" y="23"/>
                  <a:pt x="60" y="21"/>
                </a:cubicBezTo>
                <a:cubicBezTo>
                  <a:pt x="57" y="18"/>
                  <a:pt x="54" y="17"/>
                  <a:pt x="51" y="17"/>
                </a:cubicBezTo>
                <a:cubicBezTo>
                  <a:pt x="47" y="17"/>
                  <a:pt x="43" y="18"/>
                  <a:pt x="41" y="21"/>
                </a:cubicBezTo>
                <a:cubicBezTo>
                  <a:pt x="39" y="23"/>
                  <a:pt x="38" y="26"/>
                  <a:pt x="38" y="30"/>
                </a:cubicBezTo>
                <a:cubicBezTo>
                  <a:pt x="38" y="33"/>
                  <a:pt x="39" y="36"/>
                  <a:pt x="40" y="39"/>
                </a:cubicBezTo>
                <a:cubicBezTo>
                  <a:pt x="42" y="41"/>
                  <a:pt x="44" y="43"/>
                  <a:pt x="46" y="46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25" name="Freeform 101"/>
          <p:cNvSpPr>
            <a:spLocks noEditPoints="1"/>
          </p:cNvSpPr>
          <p:nvPr userDrawn="1"/>
        </p:nvSpPr>
        <p:spPr bwMode="auto">
          <a:xfrm>
            <a:off x="7158038" y="6000750"/>
            <a:ext cx="106363" cy="127000"/>
          </a:xfrm>
          <a:custGeom>
            <a:avLst/>
            <a:gdLst/>
            <a:ahLst/>
            <a:cxnLst>
              <a:cxn ang="0">
                <a:pos x="47" y="113"/>
              </a:cxn>
              <a:cxn ang="0">
                <a:pos x="27" y="109"/>
              </a:cxn>
              <a:cxn ang="0">
                <a:pos x="12" y="99"/>
              </a:cxn>
              <a:cxn ang="0">
                <a:pos x="3" y="83"/>
              </a:cxn>
              <a:cxn ang="0">
                <a:pos x="0" y="62"/>
              </a:cxn>
              <a:cxn ang="0">
                <a:pos x="0" y="51"/>
              </a:cxn>
              <a:cxn ang="0">
                <a:pos x="3" y="30"/>
              </a:cxn>
              <a:cxn ang="0">
                <a:pos x="12" y="14"/>
              </a:cxn>
              <a:cxn ang="0">
                <a:pos x="27" y="3"/>
              </a:cxn>
              <a:cxn ang="0">
                <a:pos x="47" y="0"/>
              </a:cxn>
              <a:cxn ang="0">
                <a:pos x="67" y="3"/>
              </a:cxn>
              <a:cxn ang="0">
                <a:pos x="82" y="13"/>
              </a:cxn>
              <a:cxn ang="0">
                <a:pos x="92" y="30"/>
              </a:cxn>
              <a:cxn ang="0">
                <a:pos x="95" y="51"/>
              </a:cxn>
              <a:cxn ang="0">
                <a:pos x="95" y="62"/>
              </a:cxn>
              <a:cxn ang="0">
                <a:pos x="92" y="83"/>
              </a:cxn>
              <a:cxn ang="0">
                <a:pos x="82" y="99"/>
              </a:cxn>
              <a:cxn ang="0">
                <a:pos x="67" y="109"/>
              </a:cxn>
              <a:cxn ang="0">
                <a:pos x="47" y="113"/>
              </a:cxn>
              <a:cxn ang="0">
                <a:pos x="47" y="93"/>
              </a:cxn>
              <a:cxn ang="0">
                <a:pos x="64" y="85"/>
              </a:cxn>
              <a:cxn ang="0">
                <a:pos x="70" y="63"/>
              </a:cxn>
              <a:cxn ang="0">
                <a:pos x="70" y="49"/>
              </a:cxn>
              <a:cxn ang="0">
                <a:pos x="64" y="27"/>
              </a:cxn>
              <a:cxn ang="0">
                <a:pos x="47" y="20"/>
              </a:cxn>
              <a:cxn ang="0">
                <a:pos x="30" y="27"/>
              </a:cxn>
              <a:cxn ang="0">
                <a:pos x="25" y="49"/>
              </a:cxn>
              <a:cxn ang="0">
                <a:pos x="25" y="63"/>
              </a:cxn>
              <a:cxn ang="0">
                <a:pos x="30" y="85"/>
              </a:cxn>
              <a:cxn ang="0">
                <a:pos x="47" y="93"/>
              </a:cxn>
            </a:cxnLst>
            <a:rect l="0" t="0" r="r" b="b"/>
            <a:pathLst>
              <a:path w="95" h="113">
                <a:moveTo>
                  <a:pt x="47" y="113"/>
                </a:moveTo>
                <a:cubicBezTo>
                  <a:pt x="40" y="113"/>
                  <a:pt x="33" y="112"/>
                  <a:pt x="27" y="109"/>
                </a:cubicBezTo>
                <a:cubicBezTo>
                  <a:pt x="21" y="107"/>
                  <a:pt x="16" y="104"/>
                  <a:pt x="12" y="99"/>
                </a:cubicBezTo>
                <a:cubicBezTo>
                  <a:pt x="8" y="95"/>
                  <a:pt x="5" y="89"/>
                  <a:pt x="3" y="83"/>
                </a:cubicBezTo>
                <a:cubicBezTo>
                  <a:pt x="1" y="77"/>
                  <a:pt x="0" y="70"/>
                  <a:pt x="0" y="62"/>
                </a:cubicBezTo>
                <a:cubicBezTo>
                  <a:pt x="0" y="51"/>
                  <a:pt x="0" y="51"/>
                  <a:pt x="0" y="51"/>
                </a:cubicBezTo>
                <a:cubicBezTo>
                  <a:pt x="0" y="43"/>
                  <a:pt x="1" y="36"/>
                  <a:pt x="3" y="30"/>
                </a:cubicBezTo>
                <a:cubicBezTo>
                  <a:pt x="5" y="23"/>
                  <a:pt x="8" y="18"/>
                  <a:pt x="12" y="14"/>
                </a:cubicBezTo>
                <a:cubicBezTo>
                  <a:pt x="17" y="9"/>
                  <a:pt x="22" y="6"/>
                  <a:pt x="27" y="3"/>
                </a:cubicBezTo>
                <a:cubicBezTo>
                  <a:pt x="33" y="1"/>
                  <a:pt x="40" y="0"/>
                  <a:pt x="47" y="0"/>
                </a:cubicBezTo>
                <a:cubicBezTo>
                  <a:pt x="55" y="0"/>
                  <a:pt x="61" y="1"/>
                  <a:pt x="67" y="3"/>
                </a:cubicBezTo>
                <a:cubicBezTo>
                  <a:pt x="73" y="6"/>
                  <a:pt x="78" y="9"/>
                  <a:pt x="82" y="13"/>
                </a:cubicBezTo>
                <a:cubicBezTo>
                  <a:pt x="86" y="18"/>
                  <a:pt x="90" y="23"/>
                  <a:pt x="92" y="30"/>
                </a:cubicBezTo>
                <a:cubicBezTo>
                  <a:pt x="94" y="36"/>
                  <a:pt x="95" y="43"/>
                  <a:pt x="95" y="51"/>
                </a:cubicBezTo>
                <a:cubicBezTo>
                  <a:pt x="95" y="62"/>
                  <a:pt x="95" y="62"/>
                  <a:pt x="95" y="62"/>
                </a:cubicBezTo>
                <a:cubicBezTo>
                  <a:pt x="95" y="69"/>
                  <a:pt x="94" y="77"/>
                  <a:pt x="92" y="83"/>
                </a:cubicBezTo>
                <a:cubicBezTo>
                  <a:pt x="90" y="89"/>
                  <a:pt x="86" y="95"/>
                  <a:pt x="82" y="99"/>
                </a:cubicBezTo>
                <a:cubicBezTo>
                  <a:pt x="78" y="104"/>
                  <a:pt x="73" y="107"/>
                  <a:pt x="67" y="109"/>
                </a:cubicBezTo>
                <a:cubicBezTo>
                  <a:pt x="61" y="112"/>
                  <a:pt x="55" y="113"/>
                  <a:pt x="47" y="113"/>
                </a:cubicBezTo>
                <a:close/>
                <a:moveTo>
                  <a:pt x="47" y="93"/>
                </a:moveTo>
                <a:cubicBezTo>
                  <a:pt x="55" y="93"/>
                  <a:pt x="60" y="90"/>
                  <a:pt x="64" y="85"/>
                </a:cubicBezTo>
                <a:cubicBezTo>
                  <a:pt x="68" y="80"/>
                  <a:pt x="70" y="73"/>
                  <a:pt x="70" y="63"/>
                </a:cubicBezTo>
                <a:cubicBezTo>
                  <a:pt x="70" y="49"/>
                  <a:pt x="70" y="49"/>
                  <a:pt x="70" y="49"/>
                </a:cubicBezTo>
                <a:cubicBezTo>
                  <a:pt x="70" y="40"/>
                  <a:pt x="68" y="32"/>
                  <a:pt x="64" y="27"/>
                </a:cubicBezTo>
                <a:cubicBezTo>
                  <a:pt x="60" y="22"/>
                  <a:pt x="55" y="20"/>
                  <a:pt x="47" y="20"/>
                </a:cubicBezTo>
                <a:cubicBezTo>
                  <a:pt x="40" y="20"/>
                  <a:pt x="34" y="22"/>
                  <a:pt x="30" y="27"/>
                </a:cubicBezTo>
                <a:cubicBezTo>
                  <a:pt x="27" y="32"/>
                  <a:pt x="25" y="39"/>
                  <a:pt x="25" y="49"/>
                </a:cubicBezTo>
                <a:cubicBezTo>
                  <a:pt x="25" y="63"/>
                  <a:pt x="25" y="63"/>
                  <a:pt x="25" y="63"/>
                </a:cubicBezTo>
                <a:cubicBezTo>
                  <a:pt x="25" y="73"/>
                  <a:pt x="27" y="80"/>
                  <a:pt x="30" y="85"/>
                </a:cubicBezTo>
                <a:cubicBezTo>
                  <a:pt x="34" y="90"/>
                  <a:pt x="40" y="93"/>
                  <a:pt x="47" y="9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29" name="Freeform 105"/>
          <p:cNvSpPr>
            <a:spLocks/>
          </p:cNvSpPr>
          <p:nvPr userDrawn="1"/>
        </p:nvSpPr>
        <p:spPr bwMode="auto">
          <a:xfrm>
            <a:off x="7453313" y="6000750"/>
            <a:ext cx="95250" cy="125412"/>
          </a:xfrm>
          <a:custGeom>
            <a:avLst/>
            <a:gdLst/>
            <a:ahLst/>
            <a:cxnLst>
              <a:cxn ang="0">
                <a:pos x="23" y="91"/>
              </a:cxn>
              <a:cxn ang="0">
                <a:pos x="37" y="91"/>
              </a:cxn>
              <a:cxn ang="0">
                <a:pos x="51" y="91"/>
              </a:cxn>
              <a:cxn ang="0">
                <a:pos x="64" y="91"/>
              </a:cxn>
              <a:cxn ang="0">
                <a:pos x="73" y="91"/>
              </a:cxn>
              <a:cxn ang="0">
                <a:pos x="82" y="93"/>
              </a:cxn>
              <a:cxn ang="0">
                <a:pos x="84" y="100"/>
              </a:cxn>
              <a:cxn ang="0">
                <a:pos x="84" y="101"/>
              </a:cxn>
              <a:cxn ang="0">
                <a:pos x="82" y="108"/>
              </a:cxn>
              <a:cxn ang="0">
                <a:pos x="73" y="111"/>
              </a:cxn>
              <a:cxn ang="0">
                <a:pos x="15" y="111"/>
              </a:cxn>
              <a:cxn ang="0">
                <a:pos x="4" y="108"/>
              </a:cxn>
              <a:cxn ang="0">
                <a:pos x="0" y="98"/>
              </a:cxn>
              <a:cxn ang="0">
                <a:pos x="0" y="93"/>
              </a:cxn>
              <a:cxn ang="0">
                <a:pos x="3" y="79"/>
              </a:cxn>
              <a:cxn ang="0">
                <a:pos x="11" y="69"/>
              </a:cxn>
              <a:cxn ang="0">
                <a:pos x="22" y="61"/>
              </a:cxn>
              <a:cxn ang="0">
                <a:pos x="34" y="55"/>
              </a:cxn>
              <a:cxn ang="0">
                <a:pos x="43" y="50"/>
              </a:cxn>
              <a:cxn ang="0">
                <a:pos x="51" y="46"/>
              </a:cxn>
              <a:cxn ang="0">
                <a:pos x="57" y="41"/>
              </a:cxn>
              <a:cxn ang="0">
                <a:pos x="59" y="34"/>
              </a:cxn>
              <a:cxn ang="0">
                <a:pos x="54" y="24"/>
              </a:cxn>
              <a:cxn ang="0">
                <a:pos x="40" y="20"/>
              </a:cxn>
              <a:cxn ang="0">
                <a:pos x="31" y="21"/>
              </a:cxn>
              <a:cxn ang="0">
                <a:pos x="24" y="26"/>
              </a:cxn>
              <a:cxn ang="0">
                <a:pos x="20" y="32"/>
              </a:cxn>
              <a:cxn ang="0">
                <a:pos x="17" y="39"/>
              </a:cxn>
              <a:cxn ang="0">
                <a:pos x="14" y="39"/>
              </a:cxn>
              <a:cxn ang="0">
                <a:pos x="9" y="38"/>
              </a:cxn>
              <a:cxn ang="0">
                <a:pos x="3" y="35"/>
              </a:cxn>
              <a:cxn ang="0">
                <a:pos x="1" y="27"/>
              </a:cxn>
              <a:cxn ang="0">
                <a:pos x="3" y="17"/>
              </a:cxn>
              <a:cxn ang="0">
                <a:pos x="11" y="9"/>
              </a:cxn>
              <a:cxn ang="0">
                <a:pos x="24" y="2"/>
              </a:cxn>
              <a:cxn ang="0">
                <a:pos x="42" y="0"/>
              </a:cxn>
              <a:cxn ang="0">
                <a:pos x="72" y="9"/>
              </a:cxn>
              <a:cxn ang="0">
                <a:pos x="83" y="34"/>
              </a:cxn>
              <a:cxn ang="0">
                <a:pos x="80" y="46"/>
              </a:cxn>
              <a:cxn ang="0">
                <a:pos x="73" y="56"/>
              </a:cxn>
              <a:cxn ang="0">
                <a:pos x="63" y="62"/>
              </a:cxn>
              <a:cxn ang="0">
                <a:pos x="52" y="68"/>
              </a:cxn>
              <a:cxn ang="0">
                <a:pos x="41" y="72"/>
              </a:cxn>
              <a:cxn ang="0">
                <a:pos x="33" y="77"/>
              </a:cxn>
              <a:cxn ang="0">
                <a:pos x="26" y="83"/>
              </a:cxn>
              <a:cxn ang="0">
                <a:pos x="23" y="91"/>
              </a:cxn>
            </a:cxnLst>
            <a:rect l="0" t="0" r="r" b="b"/>
            <a:pathLst>
              <a:path w="84" h="111">
                <a:moveTo>
                  <a:pt x="23" y="91"/>
                </a:moveTo>
                <a:cubicBezTo>
                  <a:pt x="27" y="91"/>
                  <a:pt x="32" y="91"/>
                  <a:pt x="37" y="91"/>
                </a:cubicBezTo>
                <a:cubicBezTo>
                  <a:pt x="42" y="91"/>
                  <a:pt x="47" y="91"/>
                  <a:pt x="51" y="91"/>
                </a:cubicBezTo>
                <a:cubicBezTo>
                  <a:pt x="56" y="91"/>
                  <a:pt x="60" y="91"/>
                  <a:pt x="64" y="91"/>
                </a:cubicBezTo>
                <a:cubicBezTo>
                  <a:pt x="68" y="91"/>
                  <a:pt x="71" y="91"/>
                  <a:pt x="73" y="91"/>
                </a:cubicBezTo>
                <a:cubicBezTo>
                  <a:pt x="77" y="91"/>
                  <a:pt x="80" y="91"/>
                  <a:pt x="82" y="93"/>
                </a:cubicBezTo>
                <a:cubicBezTo>
                  <a:pt x="83" y="95"/>
                  <a:pt x="84" y="97"/>
                  <a:pt x="84" y="100"/>
                </a:cubicBezTo>
                <a:cubicBezTo>
                  <a:pt x="84" y="101"/>
                  <a:pt x="84" y="101"/>
                  <a:pt x="84" y="101"/>
                </a:cubicBezTo>
                <a:cubicBezTo>
                  <a:pt x="84" y="104"/>
                  <a:pt x="83" y="107"/>
                  <a:pt x="82" y="108"/>
                </a:cubicBezTo>
                <a:cubicBezTo>
                  <a:pt x="80" y="110"/>
                  <a:pt x="77" y="111"/>
                  <a:pt x="73" y="111"/>
                </a:cubicBezTo>
                <a:cubicBezTo>
                  <a:pt x="15" y="111"/>
                  <a:pt x="15" y="111"/>
                  <a:pt x="15" y="111"/>
                </a:cubicBezTo>
                <a:cubicBezTo>
                  <a:pt x="10" y="111"/>
                  <a:pt x="6" y="110"/>
                  <a:pt x="4" y="108"/>
                </a:cubicBezTo>
                <a:cubicBezTo>
                  <a:pt x="1" y="107"/>
                  <a:pt x="0" y="103"/>
                  <a:pt x="0" y="98"/>
                </a:cubicBezTo>
                <a:cubicBezTo>
                  <a:pt x="0" y="93"/>
                  <a:pt x="0" y="93"/>
                  <a:pt x="0" y="93"/>
                </a:cubicBezTo>
                <a:cubicBezTo>
                  <a:pt x="0" y="88"/>
                  <a:pt x="1" y="83"/>
                  <a:pt x="3" y="79"/>
                </a:cubicBezTo>
                <a:cubicBezTo>
                  <a:pt x="5" y="75"/>
                  <a:pt x="8" y="72"/>
                  <a:pt x="11" y="69"/>
                </a:cubicBezTo>
                <a:cubicBezTo>
                  <a:pt x="15" y="66"/>
                  <a:pt x="18" y="63"/>
                  <a:pt x="22" y="61"/>
                </a:cubicBezTo>
                <a:cubicBezTo>
                  <a:pt x="26" y="59"/>
                  <a:pt x="30" y="56"/>
                  <a:pt x="34" y="55"/>
                </a:cubicBezTo>
                <a:cubicBezTo>
                  <a:pt x="37" y="53"/>
                  <a:pt x="40" y="52"/>
                  <a:pt x="43" y="50"/>
                </a:cubicBezTo>
                <a:cubicBezTo>
                  <a:pt x="46" y="49"/>
                  <a:pt x="49" y="47"/>
                  <a:pt x="51" y="46"/>
                </a:cubicBezTo>
                <a:cubicBezTo>
                  <a:pt x="54" y="44"/>
                  <a:pt x="55" y="43"/>
                  <a:pt x="57" y="41"/>
                </a:cubicBezTo>
                <a:cubicBezTo>
                  <a:pt x="58" y="39"/>
                  <a:pt x="59" y="37"/>
                  <a:pt x="59" y="34"/>
                </a:cubicBezTo>
                <a:cubicBezTo>
                  <a:pt x="59" y="30"/>
                  <a:pt x="57" y="26"/>
                  <a:pt x="54" y="24"/>
                </a:cubicBezTo>
                <a:cubicBezTo>
                  <a:pt x="51" y="21"/>
                  <a:pt x="46" y="20"/>
                  <a:pt x="40" y="20"/>
                </a:cubicBezTo>
                <a:cubicBezTo>
                  <a:pt x="37" y="20"/>
                  <a:pt x="34" y="20"/>
                  <a:pt x="31" y="21"/>
                </a:cubicBezTo>
                <a:cubicBezTo>
                  <a:pt x="29" y="22"/>
                  <a:pt x="26" y="24"/>
                  <a:pt x="24" y="26"/>
                </a:cubicBezTo>
                <a:cubicBezTo>
                  <a:pt x="22" y="27"/>
                  <a:pt x="21" y="29"/>
                  <a:pt x="20" y="32"/>
                </a:cubicBezTo>
                <a:cubicBezTo>
                  <a:pt x="18" y="34"/>
                  <a:pt x="18" y="36"/>
                  <a:pt x="17" y="39"/>
                </a:cubicBezTo>
                <a:cubicBezTo>
                  <a:pt x="17" y="39"/>
                  <a:pt x="16" y="39"/>
                  <a:pt x="14" y="39"/>
                </a:cubicBezTo>
                <a:cubicBezTo>
                  <a:pt x="13" y="39"/>
                  <a:pt x="11" y="39"/>
                  <a:pt x="9" y="38"/>
                </a:cubicBezTo>
                <a:cubicBezTo>
                  <a:pt x="7" y="37"/>
                  <a:pt x="5" y="36"/>
                  <a:pt x="3" y="35"/>
                </a:cubicBezTo>
                <a:cubicBezTo>
                  <a:pt x="2" y="33"/>
                  <a:pt x="1" y="31"/>
                  <a:pt x="1" y="27"/>
                </a:cubicBezTo>
                <a:cubicBezTo>
                  <a:pt x="1" y="24"/>
                  <a:pt x="2" y="21"/>
                  <a:pt x="3" y="17"/>
                </a:cubicBezTo>
                <a:cubicBezTo>
                  <a:pt x="5" y="14"/>
                  <a:pt x="8" y="11"/>
                  <a:pt x="11" y="9"/>
                </a:cubicBezTo>
                <a:cubicBezTo>
                  <a:pt x="15" y="6"/>
                  <a:pt x="19" y="4"/>
                  <a:pt x="24" y="2"/>
                </a:cubicBezTo>
                <a:cubicBezTo>
                  <a:pt x="29" y="1"/>
                  <a:pt x="35" y="0"/>
                  <a:pt x="42" y="0"/>
                </a:cubicBezTo>
                <a:cubicBezTo>
                  <a:pt x="55" y="0"/>
                  <a:pt x="65" y="3"/>
                  <a:pt x="72" y="9"/>
                </a:cubicBezTo>
                <a:cubicBezTo>
                  <a:pt x="79" y="15"/>
                  <a:pt x="83" y="23"/>
                  <a:pt x="83" y="34"/>
                </a:cubicBezTo>
                <a:cubicBezTo>
                  <a:pt x="83" y="39"/>
                  <a:pt x="82" y="43"/>
                  <a:pt x="80" y="46"/>
                </a:cubicBezTo>
                <a:cubicBezTo>
                  <a:pt x="78" y="50"/>
                  <a:pt x="76" y="53"/>
                  <a:pt x="73" y="56"/>
                </a:cubicBezTo>
                <a:cubicBezTo>
                  <a:pt x="70" y="58"/>
                  <a:pt x="67" y="60"/>
                  <a:pt x="63" y="62"/>
                </a:cubicBezTo>
                <a:cubicBezTo>
                  <a:pt x="60" y="64"/>
                  <a:pt x="56" y="66"/>
                  <a:pt x="52" y="68"/>
                </a:cubicBezTo>
                <a:cubicBezTo>
                  <a:pt x="48" y="69"/>
                  <a:pt x="44" y="71"/>
                  <a:pt x="41" y="72"/>
                </a:cubicBezTo>
                <a:cubicBezTo>
                  <a:pt x="38" y="74"/>
                  <a:pt x="35" y="75"/>
                  <a:pt x="33" y="77"/>
                </a:cubicBezTo>
                <a:cubicBezTo>
                  <a:pt x="30" y="79"/>
                  <a:pt x="28" y="81"/>
                  <a:pt x="26" y="83"/>
                </a:cubicBezTo>
                <a:cubicBezTo>
                  <a:pt x="25" y="85"/>
                  <a:pt x="24" y="88"/>
                  <a:pt x="23" y="9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33" name="Freeform 109"/>
          <p:cNvSpPr>
            <a:spLocks/>
          </p:cNvSpPr>
          <p:nvPr userDrawn="1"/>
        </p:nvSpPr>
        <p:spPr bwMode="auto">
          <a:xfrm>
            <a:off x="7732713" y="6010275"/>
            <a:ext cx="112713" cy="112712"/>
          </a:xfrm>
          <a:custGeom>
            <a:avLst/>
            <a:gdLst/>
            <a:ahLst/>
            <a:cxnLst>
              <a:cxn ang="0">
                <a:pos x="72" y="7"/>
              </a:cxn>
              <a:cxn ang="0">
                <a:pos x="49" y="30"/>
              </a:cxn>
              <a:cxn ang="0">
                <a:pos x="26" y="7"/>
              </a:cxn>
              <a:cxn ang="0">
                <a:pos x="7" y="6"/>
              </a:cxn>
              <a:cxn ang="0">
                <a:pos x="6" y="7"/>
              </a:cxn>
              <a:cxn ang="0">
                <a:pos x="7" y="26"/>
              </a:cxn>
              <a:cxn ang="0">
                <a:pos x="30" y="49"/>
              </a:cxn>
              <a:cxn ang="0">
                <a:pos x="7" y="72"/>
              </a:cxn>
              <a:cxn ang="0">
                <a:pos x="6" y="92"/>
              </a:cxn>
              <a:cxn ang="0">
                <a:pos x="7" y="93"/>
              </a:cxn>
              <a:cxn ang="0">
                <a:pos x="26" y="92"/>
              </a:cxn>
              <a:cxn ang="0">
                <a:pos x="49" y="68"/>
              </a:cxn>
              <a:cxn ang="0">
                <a:pos x="72" y="92"/>
              </a:cxn>
              <a:cxn ang="0">
                <a:pos x="92" y="93"/>
              </a:cxn>
              <a:cxn ang="0">
                <a:pos x="93" y="92"/>
              </a:cxn>
              <a:cxn ang="0">
                <a:pos x="91" y="73"/>
              </a:cxn>
              <a:cxn ang="0">
                <a:pos x="68" y="49"/>
              </a:cxn>
              <a:cxn ang="0">
                <a:pos x="91" y="26"/>
              </a:cxn>
              <a:cxn ang="0">
                <a:pos x="93" y="7"/>
              </a:cxn>
              <a:cxn ang="0">
                <a:pos x="92" y="6"/>
              </a:cxn>
              <a:cxn ang="0">
                <a:pos x="72" y="7"/>
              </a:cxn>
            </a:cxnLst>
            <a:rect l="0" t="0" r="r" b="b"/>
            <a:pathLst>
              <a:path w="99" h="99">
                <a:moveTo>
                  <a:pt x="72" y="7"/>
                </a:moveTo>
                <a:cubicBezTo>
                  <a:pt x="49" y="30"/>
                  <a:pt x="49" y="30"/>
                  <a:pt x="49" y="30"/>
                </a:cubicBezTo>
                <a:cubicBezTo>
                  <a:pt x="26" y="7"/>
                  <a:pt x="26" y="7"/>
                  <a:pt x="26" y="7"/>
                </a:cubicBezTo>
                <a:cubicBezTo>
                  <a:pt x="19" y="0"/>
                  <a:pt x="12" y="0"/>
                  <a:pt x="7" y="6"/>
                </a:cubicBezTo>
                <a:cubicBezTo>
                  <a:pt x="6" y="7"/>
                  <a:pt x="6" y="7"/>
                  <a:pt x="6" y="7"/>
                </a:cubicBezTo>
                <a:cubicBezTo>
                  <a:pt x="0" y="12"/>
                  <a:pt x="0" y="19"/>
                  <a:pt x="7" y="26"/>
                </a:cubicBezTo>
                <a:cubicBezTo>
                  <a:pt x="30" y="49"/>
                  <a:pt x="30" y="49"/>
                  <a:pt x="30" y="49"/>
                </a:cubicBezTo>
                <a:cubicBezTo>
                  <a:pt x="7" y="72"/>
                  <a:pt x="7" y="72"/>
                  <a:pt x="7" y="72"/>
                </a:cubicBezTo>
                <a:cubicBezTo>
                  <a:pt x="0" y="80"/>
                  <a:pt x="0" y="86"/>
                  <a:pt x="6" y="92"/>
                </a:cubicBezTo>
                <a:cubicBezTo>
                  <a:pt x="7" y="93"/>
                  <a:pt x="7" y="93"/>
                  <a:pt x="7" y="93"/>
                </a:cubicBezTo>
                <a:cubicBezTo>
                  <a:pt x="12" y="98"/>
                  <a:pt x="19" y="99"/>
                  <a:pt x="26" y="92"/>
                </a:cubicBezTo>
                <a:cubicBezTo>
                  <a:pt x="49" y="68"/>
                  <a:pt x="49" y="68"/>
                  <a:pt x="49" y="68"/>
                </a:cubicBezTo>
                <a:cubicBezTo>
                  <a:pt x="72" y="92"/>
                  <a:pt x="72" y="92"/>
                  <a:pt x="72" y="92"/>
                </a:cubicBezTo>
                <a:cubicBezTo>
                  <a:pt x="80" y="99"/>
                  <a:pt x="86" y="98"/>
                  <a:pt x="92" y="93"/>
                </a:cubicBezTo>
                <a:cubicBezTo>
                  <a:pt x="93" y="92"/>
                  <a:pt x="93" y="92"/>
                  <a:pt x="93" y="92"/>
                </a:cubicBezTo>
                <a:cubicBezTo>
                  <a:pt x="98" y="86"/>
                  <a:pt x="99" y="80"/>
                  <a:pt x="91" y="73"/>
                </a:cubicBezTo>
                <a:cubicBezTo>
                  <a:pt x="68" y="49"/>
                  <a:pt x="68" y="49"/>
                  <a:pt x="68" y="49"/>
                </a:cubicBezTo>
                <a:cubicBezTo>
                  <a:pt x="91" y="26"/>
                  <a:pt x="91" y="26"/>
                  <a:pt x="91" y="26"/>
                </a:cubicBezTo>
                <a:cubicBezTo>
                  <a:pt x="99" y="19"/>
                  <a:pt x="98" y="12"/>
                  <a:pt x="93" y="7"/>
                </a:cubicBezTo>
                <a:cubicBezTo>
                  <a:pt x="92" y="6"/>
                  <a:pt x="92" y="6"/>
                  <a:pt x="92" y="6"/>
                </a:cubicBezTo>
                <a:cubicBezTo>
                  <a:pt x="86" y="0"/>
                  <a:pt x="80" y="0"/>
                  <a:pt x="72" y="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37" name="Freeform 113"/>
          <p:cNvSpPr>
            <a:spLocks/>
          </p:cNvSpPr>
          <p:nvPr userDrawn="1"/>
        </p:nvSpPr>
        <p:spPr bwMode="auto">
          <a:xfrm>
            <a:off x="8024813" y="5999163"/>
            <a:ext cx="107950" cy="127000"/>
          </a:xfrm>
          <a:custGeom>
            <a:avLst/>
            <a:gdLst/>
            <a:ahLst/>
            <a:cxnLst>
              <a:cxn ang="0">
                <a:pos x="37" y="93"/>
              </a:cxn>
              <a:cxn ang="0">
                <a:pos x="83" y="93"/>
              </a:cxn>
              <a:cxn ang="0">
                <a:pos x="91" y="95"/>
              </a:cxn>
              <a:cxn ang="0">
                <a:pos x="94" y="102"/>
              </a:cxn>
              <a:cxn ang="0">
                <a:pos x="94" y="103"/>
              </a:cxn>
              <a:cxn ang="0">
                <a:pos x="91" y="110"/>
              </a:cxn>
              <a:cxn ang="0">
                <a:pos x="83" y="112"/>
              </a:cxn>
              <a:cxn ang="0">
                <a:pos x="11" y="112"/>
              </a:cxn>
              <a:cxn ang="0">
                <a:pos x="3" y="110"/>
              </a:cxn>
              <a:cxn ang="0">
                <a:pos x="0" y="103"/>
              </a:cxn>
              <a:cxn ang="0">
                <a:pos x="0" y="102"/>
              </a:cxn>
              <a:cxn ang="0">
                <a:pos x="11" y="93"/>
              </a:cxn>
              <a:cxn ang="0">
                <a:pos x="15" y="93"/>
              </a:cxn>
              <a:cxn ang="0">
                <a:pos x="19" y="70"/>
              </a:cxn>
              <a:cxn ang="0">
                <a:pos x="12" y="70"/>
              </a:cxn>
              <a:cxn ang="0">
                <a:pos x="6" y="68"/>
              </a:cxn>
              <a:cxn ang="0">
                <a:pos x="4" y="62"/>
              </a:cxn>
              <a:cxn ang="0">
                <a:pos x="4" y="60"/>
              </a:cxn>
              <a:cxn ang="0">
                <a:pos x="6" y="54"/>
              </a:cxn>
              <a:cxn ang="0">
                <a:pos x="12" y="52"/>
              </a:cxn>
              <a:cxn ang="0">
                <a:pos x="22" y="52"/>
              </a:cxn>
              <a:cxn ang="0">
                <a:pos x="26" y="34"/>
              </a:cxn>
              <a:cxn ang="0">
                <a:pos x="38" y="9"/>
              </a:cxn>
              <a:cxn ang="0">
                <a:pos x="63" y="0"/>
              </a:cxn>
              <a:cxn ang="0">
                <a:pos x="77" y="2"/>
              </a:cxn>
              <a:cxn ang="0">
                <a:pos x="86" y="7"/>
              </a:cxn>
              <a:cxn ang="0">
                <a:pos x="93" y="14"/>
              </a:cxn>
              <a:cxn ang="0">
                <a:pos x="95" y="23"/>
              </a:cxn>
              <a:cxn ang="0">
                <a:pos x="93" y="30"/>
              </a:cxn>
              <a:cxn ang="0">
                <a:pos x="88" y="34"/>
              </a:cxn>
              <a:cxn ang="0">
                <a:pos x="83" y="35"/>
              </a:cxn>
              <a:cxn ang="0">
                <a:pos x="81" y="35"/>
              </a:cxn>
              <a:cxn ang="0">
                <a:pos x="75" y="24"/>
              </a:cxn>
              <a:cxn ang="0">
                <a:pos x="64" y="20"/>
              </a:cxn>
              <a:cxn ang="0">
                <a:pos x="52" y="24"/>
              </a:cxn>
              <a:cxn ang="0">
                <a:pos x="47" y="37"/>
              </a:cxn>
              <a:cxn ang="0">
                <a:pos x="44" y="52"/>
              </a:cxn>
              <a:cxn ang="0">
                <a:pos x="66" y="52"/>
              </a:cxn>
              <a:cxn ang="0">
                <a:pos x="73" y="54"/>
              </a:cxn>
              <a:cxn ang="0">
                <a:pos x="75" y="60"/>
              </a:cxn>
              <a:cxn ang="0">
                <a:pos x="75" y="62"/>
              </a:cxn>
              <a:cxn ang="0">
                <a:pos x="73" y="68"/>
              </a:cxn>
              <a:cxn ang="0">
                <a:pos x="66" y="70"/>
              </a:cxn>
              <a:cxn ang="0">
                <a:pos x="41" y="70"/>
              </a:cxn>
              <a:cxn ang="0">
                <a:pos x="37" y="93"/>
              </a:cxn>
            </a:cxnLst>
            <a:rect l="0" t="0" r="r" b="b"/>
            <a:pathLst>
              <a:path w="95" h="112">
                <a:moveTo>
                  <a:pt x="37" y="93"/>
                </a:moveTo>
                <a:cubicBezTo>
                  <a:pt x="83" y="93"/>
                  <a:pt x="83" y="93"/>
                  <a:pt x="83" y="93"/>
                </a:cubicBezTo>
                <a:cubicBezTo>
                  <a:pt x="87" y="93"/>
                  <a:pt x="89" y="94"/>
                  <a:pt x="91" y="95"/>
                </a:cubicBezTo>
                <a:cubicBezTo>
                  <a:pt x="93" y="96"/>
                  <a:pt x="94" y="99"/>
                  <a:pt x="94" y="102"/>
                </a:cubicBezTo>
                <a:cubicBezTo>
                  <a:pt x="94" y="103"/>
                  <a:pt x="94" y="103"/>
                  <a:pt x="94" y="103"/>
                </a:cubicBezTo>
                <a:cubicBezTo>
                  <a:pt x="94" y="106"/>
                  <a:pt x="93" y="109"/>
                  <a:pt x="91" y="110"/>
                </a:cubicBezTo>
                <a:cubicBezTo>
                  <a:pt x="89" y="112"/>
                  <a:pt x="87" y="112"/>
                  <a:pt x="83" y="112"/>
                </a:cubicBezTo>
                <a:cubicBezTo>
                  <a:pt x="11" y="112"/>
                  <a:pt x="11" y="112"/>
                  <a:pt x="11" y="112"/>
                </a:cubicBezTo>
                <a:cubicBezTo>
                  <a:pt x="7" y="112"/>
                  <a:pt x="4" y="112"/>
                  <a:pt x="3" y="110"/>
                </a:cubicBezTo>
                <a:cubicBezTo>
                  <a:pt x="1" y="109"/>
                  <a:pt x="0" y="106"/>
                  <a:pt x="0" y="103"/>
                </a:cubicBezTo>
                <a:cubicBezTo>
                  <a:pt x="0" y="102"/>
                  <a:pt x="0" y="102"/>
                  <a:pt x="0" y="102"/>
                </a:cubicBezTo>
                <a:cubicBezTo>
                  <a:pt x="0" y="96"/>
                  <a:pt x="4" y="93"/>
                  <a:pt x="11" y="93"/>
                </a:cubicBezTo>
                <a:cubicBezTo>
                  <a:pt x="15" y="93"/>
                  <a:pt x="15" y="93"/>
                  <a:pt x="15" y="93"/>
                </a:cubicBezTo>
                <a:cubicBezTo>
                  <a:pt x="19" y="70"/>
                  <a:pt x="19" y="70"/>
                  <a:pt x="19" y="70"/>
                </a:cubicBezTo>
                <a:cubicBezTo>
                  <a:pt x="12" y="70"/>
                  <a:pt x="12" y="70"/>
                  <a:pt x="12" y="70"/>
                </a:cubicBezTo>
                <a:cubicBezTo>
                  <a:pt x="10" y="70"/>
                  <a:pt x="7" y="69"/>
                  <a:pt x="6" y="68"/>
                </a:cubicBezTo>
                <a:cubicBezTo>
                  <a:pt x="4" y="67"/>
                  <a:pt x="4" y="65"/>
                  <a:pt x="4" y="62"/>
                </a:cubicBezTo>
                <a:cubicBezTo>
                  <a:pt x="4" y="60"/>
                  <a:pt x="4" y="60"/>
                  <a:pt x="4" y="60"/>
                </a:cubicBezTo>
                <a:cubicBezTo>
                  <a:pt x="4" y="58"/>
                  <a:pt x="4" y="56"/>
                  <a:pt x="6" y="54"/>
                </a:cubicBezTo>
                <a:cubicBezTo>
                  <a:pt x="7" y="53"/>
                  <a:pt x="10" y="52"/>
                  <a:pt x="12" y="52"/>
                </a:cubicBezTo>
                <a:cubicBezTo>
                  <a:pt x="22" y="52"/>
                  <a:pt x="22" y="52"/>
                  <a:pt x="22" y="52"/>
                </a:cubicBezTo>
                <a:cubicBezTo>
                  <a:pt x="26" y="34"/>
                  <a:pt x="26" y="34"/>
                  <a:pt x="26" y="34"/>
                </a:cubicBezTo>
                <a:cubicBezTo>
                  <a:pt x="28" y="23"/>
                  <a:pt x="32" y="14"/>
                  <a:pt x="38" y="9"/>
                </a:cubicBezTo>
                <a:cubicBezTo>
                  <a:pt x="44" y="3"/>
                  <a:pt x="53" y="0"/>
                  <a:pt x="63" y="0"/>
                </a:cubicBezTo>
                <a:cubicBezTo>
                  <a:pt x="68" y="0"/>
                  <a:pt x="73" y="1"/>
                  <a:pt x="77" y="2"/>
                </a:cubicBezTo>
                <a:cubicBezTo>
                  <a:pt x="81" y="3"/>
                  <a:pt x="84" y="5"/>
                  <a:pt x="86" y="7"/>
                </a:cubicBezTo>
                <a:cubicBezTo>
                  <a:pt x="89" y="9"/>
                  <a:pt x="91" y="12"/>
                  <a:pt x="93" y="14"/>
                </a:cubicBezTo>
                <a:cubicBezTo>
                  <a:pt x="94" y="17"/>
                  <a:pt x="95" y="20"/>
                  <a:pt x="95" y="23"/>
                </a:cubicBezTo>
                <a:cubicBezTo>
                  <a:pt x="95" y="26"/>
                  <a:pt x="94" y="29"/>
                  <a:pt x="93" y="30"/>
                </a:cubicBezTo>
                <a:cubicBezTo>
                  <a:pt x="91" y="32"/>
                  <a:pt x="90" y="33"/>
                  <a:pt x="88" y="34"/>
                </a:cubicBezTo>
                <a:cubicBezTo>
                  <a:pt x="86" y="34"/>
                  <a:pt x="84" y="35"/>
                  <a:pt x="83" y="35"/>
                </a:cubicBezTo>
                <a:cubicBezTo>
                  <a:pt x="82" y="35"/>
                  <a:pt x="81" y="35"/>
                  <a:pt x="81" y="35"/>
                </a:cubicBezTo>
                <a:cubicBezTo>
                  <a:pt x="80" y="30"/>
                  <a:pt x="78" y="26"/>
                  <a:pt x="75" y="24"/>
                </a:cubicBezTo>
                <a:cubicBezTo>
                  <a:pt x="73" y="21"/>
                  <a:pt x="69" y="20"/>
                  <a:pt x="64" y="20"/>
                </a:cubicBezTo>
                <a:cubicBezTo>
                  <a:pt x="59" y="20"/>
                  <a:pt x="55" y="21"/>
                  <a:pt x="52" y="24"/>
                </a:cubicBezTo>
                <a:cubicBezTo>
                  <a:pt x="50" y="26"/>
                  <a:pt x="48" y="31"/>
                  <a:pt x="47" y="37"/>
                </a:cubicBezTo>
                <a:cubicBezTo>
                  <a:pt x="44" y="52"/>
                  <a:pt x="44" y="52"/>
                  <a:pt x="44" y="52"/>
                </a:cubicBezTo>
                <a:cubicBezTo>
                  <a:pt x="66" y="52"/>
                  <a:pt x="66" y="52"/>
                  <a:pt x="66" y="52"/>
                </a:cubicBezTo>
                <a:cubicBezTo>
                  <a:pt x="69" y="52"/>
                  <a:pt x="71" y="53"/>
                  <a:pt x="73" y="54"/>
                </a:cubicBezTo>
                <a:cubicBezTo>
                  <a:pt x="74" y="56"/>
                  <a:pt x="75" y="58"/>
                  <a:pt x="75" y="60"/>
                </a:cubicBezTo>
                <a:cubicBezTo>
                  <a:pt x="75" y="62"/>
                  <a:pt x="75" y="62"/>
                  <a:pt x="75" y="62"/>
                </a:cubicBezTo>
                <a:cubicBezTo>
                  <a:pt x="75" y="65"/>
                  <a:pt x="74" y="67"/>
                  <a:pt x="73" y="68"/>
                </a:cubicBezTo>
                <a:cubicBezTo>
                  <a:pt x="71" y="69"/>
                  <a:pt x="69" y="70"/>
                  <a:pt x="66" y="70"/>
                </a:cubicBezTo>
                <a:cubicBezTo>
                  <a:pt x="41" y="70"/>
                  <a:pt x="41" y="70"/>
                  <a:pt x="41" y="70"/>
                </a:cubicBezTo>
                <a:lnTo>
                  <a:pt x="37" y="93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41" name="Freeform 117"/>
          <p:cNvSpPr>
            <a:spLocks/>
          </p:cNvSpPr>
          <p:nvPr userDrawn="1"/>
        </p:nvSpPr>
        <p:spPr bwMode="auto">
          <a:xfrm>
            <a:off x="8310563" y="6000750"/>
            <a:ext cx="107950" cy="130175"/>
          </a:xfrm>
          <a:custGeom>
            <a:avLst/>
            <a:gdLst/>
            <a:ahLst/>
            <a:cxnLst>
              <a:cxn ang="0">
                <a:pos x="3" y="47"/>
              </a:cxn>
              <a:cxn ang="0">
                <a:pos x="10" y="41"/>
              </a:cxn>
              <a:cxn ang="0">
                <a:pos x="65" y="11"/>
              </a:cxn>
              <a:cxn ang="0">
                <a:pos x="73" y="7"/>
              </a:cxn>
              <a:cxn ang="0">
                <a:pos x="90" y="12"/>
              </a:cxn>
              <a:cxn ang="0">
                <a:pos x="84" y="30"/>
              </a:cxn>
              <a:cxn ang="0">
                <a:pos x="74" y="36"/>
              </a:cxn>
              <a:cxn ang="0">
                <a:pos x="32" y="57"/>
              </a:cxn>
              <a:cxn ang="0">
                <a:pos x="32" y="57"/>
              </a:cxn>
              <a:cxn ang="0">
                <a:pos x="33" y="58"/>
              </a:cxn>
              <a:cxn ang="0">
                <a:pos x="74" y="79"/>
              </a:cxn>
              <a:cxn ang="0">
                <a:pos x="85" y="84"/>
              </a:cxn>
              <a:cxn ang="0">
                <a:pos x="90" y="103"/>
              </a:cxn>
              <a:cxn ang="0">
                <a:pos x="73" y="108"/>
              </a:cxn>
              <a:cxn ang="0">
                <a:pos x="65" y="103"/>
              </a:cxn>
              <a:cxn ang="0">
                <a:pos x="10" y="73"/>
              </a:cxn>
              <a:cxn ang="0">
                <a:pos x="3" y="68"/>
              </a:cxn>
              <a:cxn ang="0">
                <a:pos x="3" y="67"/>
              </a:cxn>
              <a:cxn ang="0">
                <a:pos x="0" y="57"/>
              </a:cxn>
              <a:cxn ang="0">
                <a:pos x="3" y="47"/>
              </a:cxn>
            </a:cxnLst>
            <a:rect l="0" t="0" r="r" b="b"/>
            <a:pathLst>
              <a:path w="95" h="114">
                <a:moveTo>
                  <a:pt x="3" y="47"/>
                </a:moveTo>
                <a:cubicBezTo>
                  <a:pt x="5" y="45"/>
                  <a:pt x="7" y="43"/>
                  <a:pt x="10" y="41"/>
                </a:cubicBezTo>
                <a:cubicBezTo>
                  <a:pt x="65" y="11"/>
                  <a:pt x="65" y="11"/>
                  <a:pt x="65" y="11"/>
                </a:cubicBezTo>
                <a:cubicBezTo>
                  <a:pt x="73" y="7"/>
                  <a:pt x="73" y="7"/>
                  <a:pt x="73" y="7"/>
                </a:cubicBezTo>
                <a:cubicBezTo>
                  <a:pt x="73" y="7"/>
                  <a:pt x="84" y="0"/>
                  <a:pt x="90" y="12"/>
                </a:cubicBezTo>
                <a:cubicBezTo>
                  <a:pt x="95" y="20"/>
                  <a:pt x="92" y="26"/>
                  <a:pt x="84" y="30"/>
                </a:cubicBezTo>
                <a:cubicBezTo>
                  <a:pt x="76" y="35"/>
                  <a:pt x="74" y="36"/>
                  <a:pt x="74" y="36"/>
                </a:cubicBezTo>
                <a:cubicBezTo>
                  <a:pt x="32" y="57"/>
                  <a:pt x="32" y="57"/>
                  <a:pt x="32" y="57"/>
                </a:cubicBezTo>
                <a:cubicBezTo>
                  <a:pt x="32" y="57"/>
                  <a:pt x="32" y="57"/>
                  <a:pt x="32" y="57"/>
                </a:cubicBezTo>
                <a:cubicBezTo>
                  <a:pt x="33" y="58"/>
                  <a:pt x="33" y="58"/>
                  <a:pt x="33" y="58"/>
                </a:cubicBezTo>
                <a:cubicBezTo>
                  <a:pt x="74" y="79"/>
                  <a:pt x="74" y="79"/>
                  <a:pt x="74" y="79"/>
                </a:cubicBezTo>
                <a:cubicBezTo>
                  <a:pt x="74" y="79"/>
                  <a:pt x="76" y="80"/>
                  <a:pt x="85" y="84"/>
                </a:cubicBezTo>
                <a:cubicBezTo>
                  <a:pt x="92" y="89"/>
                  <a:pt x="95" y="94"/>
                  <a:pt x="90" y="103"/>
                </a:cubicBezTo>
                <a:cubicBezTo>
                  <a:pt x="84" y="114"/>
                  <a:pt x="73" y="108"/>
                  <a:pt x="73" y="108"/>
                </a:cubicBezTo>
                <a:cubicBezTo>
                  <a:pt x="65" y="103"/>
                  <a:pt x="65" y="103"/>
                  <a:pt x="65" y="103"/>
                </a:cubicBezTo>
                <a:cubicBezTo>
                  <a:pt x="10" y="73"/>
                  <a:pt x="10" y="73"/>
                  <a:pt x="10" y="73"/>
                </a:cubicBezTo>
                <a:cubicBezTo>
                  <a:pt x="7" y="72"/>
                  <a:pt x="5" y="70"/>
                  <a:pt x="3" y="68"/>
                </a:cubicBezTo>
                <a:cubicBezTo>
                  <a:pt x="3" y="67"/>
                  <a:pt x="3" y="67"/>
                  <a:pt x="3" y="67"/>
                </a:cubicBezTo>
                <a:cubicBezTo>
                  <a:pt x="1" y="65"/>
                  <a:pt x="0" y="62"/>
                  <a:pt x="0" y="57"/>
                </a:cubicBezTo>
                <a:cubicBezTo>
                  <a:pt x="0" y="53"/>
                  <a:pt x="1" y="49"/>
                  <a:pt x="3" y="4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45" name="Freeform 121"/>
          <p:cNvSpPr>
            <a:spLocks/>
          </p:cNvSpPr>
          <p:nvPr userDrawn="1"/>
        </p:nvSpPr>
        <p:spPr bwMode="auto">
          <a:xfrm>
            <a:off x="8596313" y="5983288"/>
            <a:ext cx="96838" cy="163513"/>
          </a:xfrm>
          <a:custGeom>
            <a:avLst/>
            <a:gdLst/>
            <a:ahLst/>
            <a:cxnLst>
              <a:cxn ang="0">
                <a:pos x="75" y="24"/>
              </a:cxn>
              <a:cxn ang="0">
                <a:pos x="82" y="36"/>
              </a:cxn>
              <a:cxn ang="0">
                <a:pos x="81" y="42"/>
              </a:cxn>
              <a:cxn ang="0">
                <a:pos x="78" y="46"/>
              </a:cxn>
              <a:cxn ang="0">
                <a:pos x="75" y="48"/>
              </a:cxn>
              <a:cxn ang="0">
                <a:pos x="73" y="49"/>
              </a:cxn>
              <a:cxn ang="0">
                <a:pos x="60" y="39"/>
              </a:cxn>
              <a:cxn ang="0">
                <a:pos x="44" y="36"/>
              </a:cxn>
              <a:cxn ang="0">
                <a:pos x="31" y="39"/>
              </a:cxn>
              <a:cxn ang="0">
                <a:pos x="26" y="48"/>
              </a:cxn>
              <a:cxn ang="0">
                <a:pos x="28" y="54"/>
              </a:cxn>
              <a:cxn ang="0">
                <a:pos x="32" y="58"/>
              </a:cxn>
              <a:cxn ang="0">
                <a:pos x="39" y="60"/>
              </a:cxn>
              <a:cxn ang="0">
                <a:pos x="48" y="63"/>
              </a:cxn>
              <a:cxn ang="0">
                <a:pos x="61" y="66"/>
              </a:cxn>
              <a:cxn ang="0">
                <a:pos x="72" y="71"/>
              </a:cxn>
              <a:cxn ang="0">
                <a:pos x="81" y="81"/>
              </a:cxn>
              <a:cxn ang="0">
                <a:pos x="85" y="95"/>
              </a:cxn>
              <a:cxn ang="0">
                <a:pos x="76" y="116"/>
              </a:cxn>
              <a:cxn ang="0">
                <a:pos x="53" y="127"/>
              </a:cxn>
              <a:cxn ang="0">
                <a:pos x="53" y="133"/>
              </a:cxn>
              <a:cxn ang="0">
                <a:pos x="43" y="145"/>
              </a:cxn>
              <a:cxn ang="0">
                <a:pos x="42" y="145"/>
              </a:cxn>
              <a:cxn ang="0">
                <a:pos x="35" y="142"/>
              </a:cxn>
              <a:cxn ang="0">
                <a:pos x="32" y="133"/>
              </a:cxn>
              <a:cxn ang="0">
                <a:pos x="32" y="127"/>
              </a:cxn>
              <a:cxn ang="0">
                <a:pos x="19" y="124"/>
              </a:cxn>
              <a:cxn ang="0">
                <a:pos x="9" y="119"/>
              </a:cxn>
              <a:cxn ang="0">
                <a:pos x="2" y="113"/>
              </a:cxn>
              <a:cxn ang="0">
                <a:pos x="0" y="106"/>
              </a:cxn>
              <a:cxn ang="0">
                <a:pos x="1" y="101"/>
              </a:cxn>
              <a:cxn ang="0">
                <a:pos x="4" y="97"/>
              </a:cxn>
              <a:cxn ang="0">
                <a:pos x="7" y="95"/>
              </a:cxn>
              <a:cxn ang="0">
                <a:pos x="9" y="94"/>
              </a:cxn>
              <a:cxn ang="0">
                <a:pos x="23" y="104"/>
              </a:cxn>
              <a:cxn ang="0">
                <a:pos x="41" y="108"/>
              </a:cxn>
              <a:cxn ang="0">
                <a:pos x="55" y="105"/>
              </a:cxn>
              <a:cxn ang="0">
                <a:pos x="60" y="96"/>
              </a:cxn>
              <a:cxn ang="0">
                <a:pos x="58" y="90"/>
              </a:cxn>
              <a:cxn ang="0">
                <a:pos x="53" y="86"/>
              </a:cxn>
              <a:cxn ang="0">
                <a:pos x="46" y="83"/>
              </a:cxn>
              <a:cxn ang="0">
                <a:pos x="37" y="81"/>
              </a:cxn>
              <a:cxn ang="0">
                <a:pos x="26" y="78"/>
              </a:cxn>
              <a:cxn ang="0">
                <a:pos x="14" y="72"/>
              </a:cxn>
              <a:cxn ang="0">
                <a:pos x="6" y="63"/>
              </a:cxn>
              <a:cxn ang="0">
                <a:pos x="3" y="49"/>
              </a:cxn>
              <a:cxn ang="0">
                <a:pos x="11" y="29"/>
              </a:cxn>
              <a:cxn ang="0">
                <a:pos x="33" y="18"/>
              </a:cxn>
              <a:cxn ang="0">
                <a:pos x="33" y="11"/>
              </a:cxn>
              <a:cxn ang="0">
                <a:pos x="35" y="3"/>
              </a:cxn>
              <a:cxn ang="0">
                <a:pos x="42" y="0"/>
              </a:cxn>
              <a:cxn ang="0">
                <a:pos x="43" y="0"/>
              </a:cxn>
              <a:cxn ang="0">
                <a:pos x="51" y="3"/>
              </a:cxn>
              <a:cxn ang="0">
                <a:pos x="53" y="11"/>
              </a:cxn>
              <a:cxn ang="0">
                <a:pos x="53" y="17"/>
              </a:cxn>
              <a:cxn ang="0">
                <a:pos x="75" y="24"/>
              </a:cxn>
            </a:cxnLst>
            <a:rect l="0" t="0" r="r" b="b"/>
            <a:pathLst>
              <a:path w="85" h="145">
                <a:moveTo>
                  <a:pt x="75" y="24"/>
                </a:moveTo>
                <a:cubicBezTo>
                  <a:pt x="80" y="28"/>
                  <a:pt x="82" y="32"/>
                  <a:pt x="82" y="36"/>
                </a:cubicBezTo>
                <a:cubicBezTo>
                  <a:pt x="82" y="38"/>
                  <a:pt x="82" y="40"/>
                  <a:pt x="81" y="42"/>
                </a:cubicBezTo>
                <a:cubicBezTo>
                  <a:pt x="80" y="43"/>
                  <a:pt x="79" y="45"/>
                  <a:pt x="78" y="46"/>
                </a:cubicBezTo>
                <a:cubicBezTo>
                  <a:pt x="77" y="47"/>
                  <a:pt x="76" y="48"/>
                  <a:pt x="75" y="48"/>
                </a:cubicBezTo>
                <a:cubicBezTo>
                  <a:pt x="74" y="49"/>
                  <a:pt x="73" y="49"/>
                  <a:pt x="73" y="49"/>
                </a:cubicBezTo>
                <a:cubicBezTo>
                  <a:pt x="70" y="45"/>
                  <a:pt x="66" y="42"/>
                  <a:pt x="60" y="39"/>
                </a:cubicBezTo>
                <a:cubicBezTo>
                  <a:pt x="55" y="37"/>
                  <a:pt x="50" y="36"/>
                  <a:pt x="44" y="36"/>
                </a:cubicBezTo>
                <a:cubicBezTo>
                  <a:pt x="39" y="36"/>
                  <a:pt x="34" y="37"/>
                  <a:pt x="31" y="39"/>
                </a:cubicBezTo>
                <a:cubicBezTo>
                  <a:pt x="28" y="42"/>
                  <a:pt x="26" y="45"/>
                  <a:pt x="26" y="48"/>
                </a:cubicBezTo>
                <a:cubicBezTo>
                  <a:pt x="26" y="51"/>
                  <a:pt x="27" y="52"/>
                  <a:pt x="28" y="54"/>
                </a:cubicBezTo>
                <a:cubicBezTo>
                  <a:pt x="29" y="56"/>
                  <a:pt x="30" y="57"/>
                  <a:pt x="32" y="58"/>
                </a:cubicBezTo>
                <a:cubicBezTo>
                  <a:pt x="34" y="59"/>
                  <a:pt x="37" y="60"/>
                  <a:pt x="39" y="60"/>
                </a:cubicBezTo>
                <a:cubicBezTo>
                  <a:pt x="42" y="61"/>
                  <a:pt x="45" y="62"/>
                  <a:pt x="48" y="63"/>
                </a:cubicBezTo>
                <a:cubicBezTo>
                  <a:pt x="52" y="63"/>
                  <a:pt x="56" y="64"/>
                  <a:pt x="61" y="66"/>
                </a:cubicBezTo>
                <a:cubicBezTo>
                  <a:pt x="65" y="67"/>
                  <a:pt x="69" y="69"/>
                  <a:pt x="72" y="71"/>
                </a:cubicBezTo>
                <a:cubicBezTo>
                  <a:pt x="76" y="74"/>
                  <a:pt x="79" y="77"/>
                  <a:pt x="81" y="81"/>
                </a:cubicBezTo>
                <a:cubicBezTo>
                  <a:pt x="83" y="84"/>
                  <a:pt x="85" y="89"/>
                  <a:pt x="85" y="95"/>
                </a:cubicBezTo>
                <a:cubicBezTo>
                  <a:pt x="85" y="103"/>
                  <a:pt x="82" y="110"/>
                  <a:pt x="76" y="116"/>
                </a:cubicBezTo>
                <a:cubicBezTo>
                  <a:pt x="71" y="121"/>
                  <a:pt x="63" y="125"/>
                  <a:pt x="53" y="127"/>
                </a:cubicBezTo>
                <a:cubicBezTo>
                  <a:pt x="53" y="133"/>
                  <a:pt x="53" y="133"/>
                  <a:pt x="53" y="133"/>
                </a:cubicBezTo>
                <a:cubicBezTo>
                  <a:pt x="53" y="141"/>
                  <a:pt x="49" y="145"/>
                  <a:pt x="43" y="145"/>
                </a:cubicBezTo>
                <a:cubicBezTo>
                  <a:pt x="42" y="145"/>
                  <a:pt x="42" y="145"/>
                  <a:pt x="42" y="145"/>
                </a:cubicBezTo>
                <a:cubicBezTo>
                  <a:pt x="38" y="145"/>
                  <a:pt x="36" y="144"/>
                  <a:pt x="35" y="142"/>
                </a:cubicBezTo>
                <a:cubicBezTo>
                  <a:pt x="33" y="140"/>
                  <a:pt x="32" y="137"/>
                  <a:pt x="32" y="133"/>
                </a:cubicBezTo>
                <a:cubicBezTo>
                  <a:pt x="32" y="127"/>
                  <a:pt x="32" y="127"/>
                  <a:pt x="32" y="127"/>
                </a:cubicBezTo>
                <a:cubicBezTo>
                  <a:pt x="27" y="126"/>
                  <a:pt x="23" y="125"/>
                  <a:pt x="19" y="124"/>
                </a:cubicBezTo>
                <a:cubicBezTo>
                  <a:pt x="15" y="123"/>
                  <a:pt x="11" y="121"/>
                  <a:pt x="9" y="119"/>
                </a:cubicBezTo>
                <a:cubicBezTo>
                  <a:pt x="6" y="117"/>
                  <a:pt x="4" y="115"/>
                  <a:pt x="2" y="113"/>
                </a:cubicBezTo>
                <a:cubicBezTo>
                  <a:pt x="1" y="111"/>
                  <a:pt x="0" y="108"/>
                  <a:pt x="0" y="106"/>
                </a:cubicBezTo>
                <a:cubicBezTo>
                  <a:pt x="0" y="104"/>
                  <a:pt x="1" y="102"/>
                  <a:pt x="1" y="101"/>
                </a:cubicBezTo>
                <a:cubicBezTo>
                  <a:pt x="2" y="99"/>
                  <a:pt x="3" y="98"/>
                  <a:pt x="4" y="97"/>
                </a:cubicBezTo>
                <a:cubicBezTo>
                  <a:pt x="5" y="96"/>
                  <a:pt x="6" y="95"/>
                  <a:pt x="7" y="95"/>
                </a:cubicBezTo>
                <a:cubicBezTo>
                  <a:pt x="8" y="94"/>
                  <a:pt x="9" y="94"/>
                  <a:pt x="9" y="94"/>
                </a:cubicBezTo>
                <a:cubicBezTo>
                  <a:pt x="12" y="98"/>
                  <a:pt x="17" y="101"/>
                  <a:pt x="23" y="104"/>
                </a:cubicBezTo>
                <a:cubicBezTo>
                  <a:pt x="28" y="107"/>
                  <a:pt x="35" y="108"/>
                  <a:pt x="41" y="108"/>
                </a:cubicBezTo>
                <a:cubicBezTo>
                  <a:pt x="47" y="108"/>
                  <a:pt x="52" y="107"/>
                  <a:pt x="55" y="105"/>
                </a:cubicBezTo>
                <a:cubicBezTo>
                  <a:pt x="59" y="102"/>
                  <a:pt x="60" y="99"/>
                  <a:pt x="60" y="96"/>
                </a:cubicBezTo>
                <a:cubicBezTo>
                  <a:pt x="60" y="93"/>
                  <a:pt x="60" y="91"/>
                  <a:pt x="58" y="90"/>
                </a:cubicBezTo>
                <a:cubicBezTo>
                  <a:pt x="57" y="88"/>
                  <a:pt x="55" y="87"/>
                  <a:pt x="53" y="86"/>
                </a:cubicBezTo>
                <a:cubicBezTo>
                  <a:pt x="51" y="85"/>
                  <a:pt x="49" y="84"/>
                  <a:pt x="46" y="83"/>
                </a:cubicBezTo>
                <a:cubicBezTo>
                  <a:pt x="43" y="82"/>
                  <a:pt x="40" y="81"/>
                  <a:pt x="37" y="81"/>
                </a:cubicBezTo>
                <a:cubicBezTo>
                  <a:pt x="34" y="80"/>
                  <a:pt x="30" y="79"/>
                  <a:pt x="26" y="78"/>
                </a:cubicBezTo>
                <a:cubicBezTo>
                  <a:pt x="22" y="76"/>
                  <a:pt x="18" y="74"/>
                  <a:pt x="14" y="72"/>
                </a:cubicBezTo>
                <a:cubicBezTo>
                  <a:pt x="11" y="70"/>
                  <a:pt x="8" y="67"/>
                  <a:pt x="6" y="63"/>
                </a:cubicBezTo>
                <a:cubicBezTo>
                  <a:pt x="4" y="59"/>
                  <a:pt x="3" y="55"/>
                  <a:pt x="3" y="49"/>
                </a:cubicBezTo>
                <a:cubicBezTo>
                  <a:pt x="3" y="41"/>
                  <a:pt x="5" y="34"/>
                  <a:pt x="11" y="29"/>
                </a:cubicBezTo>
                <a:cubicBezTo>
                  <a:pt x="16" y="23"/>
                  <a:pt x="23" y="19"/>
                  <a:pt x="33" y="18"/>
                </a:cubicBezTo>
                <a:cubicBezTo>
                  <a:pt x="33" y="11"/>
                  <a:pt x="33" y="11"/>
                  <a:pt x="33" y="11"/>
                </a:cubicBezTo>
                <a:cubicBezTo>
                  <a:pt x="33" y="7"/>
                  <a:pt x="33" y="5"/>
                  <a:pt x="35" y="3"/>
                </a:cubicBezTo>
                <a:cubicBezTo>
                  <a:pt x="36" y="1"/>
                  <a:pt x="39" y="0"/>
                  <a:pt x="42" y="0"/>
                </a:cubicBezTo>
                <a:cubicBezTo>
                  <a:pt x="43" y="0"/>
                  <a:pt x="43" y="0"/>
                  <a:pt x="43" y="0"/>
                </a:cubicBezTo>
                <a:cubicBezTo>
                  <a:pt x="47" y="0"/>
                  <a:pt x="49" y="1"/>
                  <a:pt x="51" y="3"/>
                </a:cubicBezTo>
                <a:cubicBezTo>
                  <a:pt x="52" y="5"/>
                  <a:pt x="53" y="7"/>
                  <a:pt x="53" y="11"/>
                </a:cubicBezTo>
                <a:cubicBezTo>
                  <a:pt x="53" y="17"/>
                  <a:pt x="53" y="17"/>
                  <a:pt x="53" y="17"/>
                </a:cubicBezTo>
                <a:cubicBezTo>
                  <a:pt x="62" y="18"/>
                  <a:pt x="70" y="21"/>
                  <a:pt x="75" y="2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49" name="Freeform 125"/>
          <p:cNvSpPr>
            <a:spLocks/>
          </p:cNvSpPr>
          <p:nvPr userDrawn="1"/>
        </p:nvSpPr>
        <p:spPr bwMode="auto">
          <a:xfrm>
            <a:off x="8861385" y="6003926"/>
            <a:ext cx="107949" cy="130174"/>
          </a:xfrm>
          <a:custGeom>
            <a:avLst/>
            <a:gdLst/>
            <a:ahLst/>
            <a:cxnLst>
              <a:cxn ang="0">
                <a:pos x="92" y="47"/>
              </a:cxn>
              <a:cxn ang="0">
                <a:pos x="85" y="41"/>
              </a:cxn>
              <a:cxn ang="0">
                <a:pos x="30" y="11"/>
              </a:cxn>
              <a:cxn ang="0">
                <a:pos x="22" y="7"/>
              </a:cxn>
              <a:cxn ang="0">
                <a:pos x="5" y="12"/>
              </a:cxn>
              <a:cxn ang="0">
                <a:pos x="10" y="30"/>
              </a:cxn>
              <a:cxn ang="0">
                <a:pos x="20" y="36"/>
              </a:cxn>
              <a:cxn ang="0">
                <a:pos x="62" y="57"/>
              </a:cxn>
              <a:cxn ang="0">
                <a:pos x="63" y="57"/>
              </a:cxn>
              <a:cxn ang="0">
                <a:pos x="62" y="58"/>
              </a:cxn>
              <a:cxn ang="0">
                <a:pos x="20" y="79"/>
              </a:cxn>
              <a:cxn ang="0">
                <a:pos x="10" y="84"/>
              </a:cxn>
              <a:cxn ang="0">
                <a:pos x="4" y="103"/>
              </a:cxn>
              <a:cxn ang="0">
                <a:pos x="22" y="108"/>
              </a:cxn>
              <a:cxn ang="0">
                <a:pos x="30" y="103"/>
              </a:cxn>
              <a:cxn ang="0">
                <a:pos x="85" y="73"/>
              </a:cxn>
              <a:cxn ang="0">
                <a:pos x="92" y="68"/>
              </a:cxn>
              <a:cxn ang="0">
                <a:pos x="92" y="67"/>
              </a:cxn>
              <a:cxn ang="0">
                <a:pos x="95" y="57"/>
              </a:cxn>
              <a:cxn ang="0">
                <a:pos x="92" y="47"/>
              </a:cxn>
            </a:cxnLst>
            <a:rect l="0" t="0" r="r" b="b"/>
            <a:pathLst>
              <a:path w="95" h="114">
                <a:moveTo>
                  <a:pt x="92" y="47"/>
                </a:moveTo>
                <a:cubicBezTo>
                  <a:pt x="90" y="45"/>
                  <a:pt x="88" y="43"/>
                  <a:pt x="85" y="41"/>
                </a:cubicBezTo>
                <a:cubicBezTo>
                  <a:pt x="30" y="11"/>
                  <a:pt x="30" y="11"/>
                  <a:pt x="30" y="11"/>
                </a:cubicBezTo>
                <a:cubicBezTo>
                  <a:pt x="22" y="7"/>
                  <a:pt x="22" y="7"/>
                  <a:pt x="22" y="7"/>
                </a:cubicBezTo>
                <a:cubicBezTo>
                  <a:pt x="22" y="7"/>
                  <a:pt x="11" y="0"/>
                  <a:pt x="5" y="12"/>
                </a:cubicBezTo>
                <a:cubicBezTo>
                  <a:pt x="0" y="20"/>
                  <a:pt x="3" y="26"/>
                  <a:pt x="10" y="30"/>
                </a:cubicBezTo>
                <a:cubicBezTo>
                  <a:pt x="19" y="35"/>
                  <a:pt x="20" y="36"/>
                  <a:pt x="20" y="36"/>
                </a:cubicBezTo>
                <a:cubicBezTo>
                  <a:pt x="62" y="57"/>
                  <a:pt x="62" y="57"/>
                  <a:pt x="62" y="57"/>
                </a:cubicBezTo>
                <a:cubicBezTo>
                  <a:pt x="63" y="57"/>
                  <a:pt x="63" y="57"/>
                  <a:pt x="63" y="57"/>
                </a:cubicBezTo>
                <a:cubicBezTo>
                  <a:pt x="62" y="58"/>
                  <a:pt x="62" y="58"/>
                  <a:pt x="62" y="58"/>
                </a:cubicBezTo>
                <a:cubicBezTo>
                  <a:pt x="20" y="79"/>
                  <a:pt x="20" y="79"/>
                  <a:pt x="20" y="79"/>
                </a:cubicBezTo>
                <a:cubicBezTo>
                  <a:pt x="20" y="79"/>
                  <a:pt x="19" y="80"/>
                  <a:pt x="10" y="84"/>
                </a:cubicBezTo>
                <a:cubicBezTo>
                  <a:pt x="2" y="89"/>
                  <a:pt x="0" y="94"/>
                  <a:pt x="4" y="103"/>
                </a:cubicBezTo>
                <a:cubicBezTo>
                  <a:pt x="11" y="114"/>
                  <a:pt x="22" y="108"/>
                  <a:pt x="22" y="108"/>
                </a:cubicBezTo>
                <a:cubicBezTo>
                  <a:pt x="30" y="103"/>
                  <a:pt x="30" y="103"/>
                  <a:pt x="30" y="103"/>
                </a:cubicBezTo>
                <a:cubicBezTo>
                  <a:pt x="85" y="73"/>
                  <a:pt x="85" y="73"/>
                  <a:pt x="85" y="73"/>
                </a:cubicBezTo>
                <a:cubicBezTo>
                  <a:pt x="88" y="72"/>
                  <a:pt x="90" y="70"/>
                  <a:pt x="92" y="68"/>
                </a:cubicBezTo>
                <a:cubicBezTo>
                  <a:pt x="92" y="67"/>
                  <a:pt x="92" y="67"/>
                  <a:pt x="92" y="67"/>
                </a:cubicBezTo>
                <a:cubicBezTo>
                  <a:pt x="94" y="65"/>
                  <a:pt x="95" y="62"/>
                  <a:pt x="95" y="57"/>
                </a:cubicBezTo>
                <a:cubicBezTo>
                  <a:pt x="95" y="53"/>
                  <a:pt x="94" y="49"/>
                  <a:pt x="92" y="4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53" name="Freeform 129"/>
          <p:cNvSpPr>
            <a:spLocks noEditPoints="1"/>
          </p:cNvSpPr>
          <p:nvPr userDrawn="1"/>
        </p:nvSpPr>
        <p:spPr bwMode="auto">
          <a:xfrm>
            <a:off x="9142413" y="6002338"/>
            <a:ext cx="85725" cy="128587"/>
          </a:xfrm>
          <a:custGeom>
            <a:avLst/>
            <a:gdLst/>
            <a:ahLst/>
            <a:cxnLst>
              <a:cxn ang="0">
                <a:pos x="34" y="79"/>
              </a:cxn>
              <a:cxn ang="0">
                <a:pos x="27" y="77"/>
              </a:cxn>
              <a:cxn ang="0">
                <a:pos x="24" y="70"/>
              </a:cxn>
              <a:cxn ang="0">
                <a:pos x="27" y="59"/>
              </a:cxn>
              <a:cxn ang="0">
                <a:pos x="32" y="51"/>
              </a:cxn>
              <a:cxn ang="0">
                <a:pos x="39" y="46"/>
              </a:cxn>
              <a:cxn ang="0">
                <a:pos x="46" y="42"/>
              </a:cxn>
              <a:cxn ang="0">
                <a:pos x="52" y="38"/>
              </a:cxn>
              <a:cxn ang="0">
                <a:pos x="54" y="32"/>
              </a:cxn>
              <a:cxn ang="0">
                <a:pos x="50" y="23"/>
              </a:cxn>
              <a:cxn ang="0">
                <a:pos x="38" y="19"/>
              </a:cxn>
              <a:cxn ang="0">
                <a:pos x="29" y="21"/>
              </a:cxn>
              <a:cxn ang="0">
                <a:pos x="22" y="26"/>
              </a:cxn>
              <a:cxn ang="0">
                <a:pos x="18" y="32"/>
              </a:cxn>
              <a:cxn ang="0">
                <a:pos x="16" y="39"/>
              </a:cxn>
              <a:cxn ang="0">
                <a:pos x="14" y="39"/>
              </a:cxn>
              <a:cxn ang="0">
                <a:pos x="8" y="38"/>
              </a:cxn>
              <a:cxn ang="0">
                <a:pos x="2" y="34"/>
              </a:cxn>
              <a:cxn ang="0">
                <a:pos x="0" y="27"/>
              </a:cxn>
              <a:cxn ang="0">
                <a:pos x="2" y="18"/>
              </a:cxn>
              <a:cxn ang="0">
                <a:pos x="10" y="9"/>
              </a:cxn>
              <a:cxn ang="0">
                <a:pos x="22" y="2"/>
              </a:cxn>
              <a:cxn ang="0">
                <a:pos x="39" y="0"/>
              </a:cxn>
              <a:cxn ang="0">
                <a:pos x="55" y="2"/>
              </a:cxn>
              <a:cxn ang="0">
                <a:pos x="67" y="8"/>
              </a:cxn>
              <a:cxn ang="0">
                <a:pos x="74" y="18"/>
              </a:cxn>
              <a:cxn ang="0">
                <a:pos x="77" y="30"/>
              </a:cxn>
              <a:cxn ang="0">
                <a:pos x="75" y="42"/>
              </a:cxn>
              <a:cxn ang="0">
                <a:pos x="69" y="50"/>
              </a:cxn>
              <a:cxn ang="0">
                <a:pos x="61" y="55"/>
              </a:cxn>
              <a:cxn ang="0">
                <a:pos x="53" y="60"/>
              </a:cxn>
              <a:cxn ang="0">
                <a:pos x="47" y="66"/>
              </a:cxn>
              <a:cxn ang="0">
                <a:pos x="44" y="74"/>
              </a:cxn>
              <a:cxn ang="0">
                <a:pos x="34" y="79"/>
              </a:cxn>
              <a:cxn ang="0">
                <a:pos x="22" y="102"/>
              </a:cxn>
              <a:cxn ang="0">
                <a:pos x="22" y="99"/>
              </a:cxn>
              <a:cxn ang="0">
                <a:pos x="33" y="88"/>
              </a:cxn>
              <a:cxn ang="0">
                <a:pos x="36" y="88"/>
              </a:cxn>
              <a:cxn ang="0">
                <a:pos x="48" y="99"/>
              </a:cxn>
              <a:cxn ang="0">
                <a:pos x="48" y="102"/>
              </a:cxn>
              <a:cxn ang="0">
                <a:pos x="36" y="113"/>
              </a:cxn>
              <a:cxn ang="0">
                <a:pos x="33" y="113"/>
              </a:cxn>
              <a:cxn ang="0">
                <a:pos x="22" y="102"/>
              </a:cxn>
            </a:cxnLst>
            <a:rect l="0" t="0" r="r" b="b"/>
            <a:pathLst>
              <a:path w="77" h="113">
                <a:moveTo>
                  <a:pt x="34" y="79"/>
                </a:moveTo>
                <a:cubicBezTo>
                  <a:pt x="31" y="79"/>
                  <a:pt x="29" y="78"/>
                  <a:pt x="27" y="77"/>
                </a:cubicBezTo>
                <a:cubicBezTo>
                  <a:pt x="25" y="75"/>
                  <a:pt x="24" y="73"/>
                  <a:pt x="24" y="70"/>
                </a:cubicBezTo>
                <a:cubicBezTo>
                  <a:pt x="25" y="66"/>
                  <a:pt x="25" y="62"/>
                  <a:pt x="27" y="59"/>
                </a:cubicBezTo>
                <a:cubicBezTo>
                  <a:pt x="28" y="56"/>
                  <a:pt x="30" y="53"/>
                  <a:pt x="32" y="51"/>
                </a:cubicBezTo>
                <a:cubicBezTo>
                  <a:pt x="35" y="49"/>
                  <a:pt x="37" y="47"/>
                  <a:pt x="39" y="46"/>
                </a:cubicBezTo>
                <a:cubicBezTo>
                  <a:pt x="42" y="45"/>
                  <a:pt x="44" y="43"/>
                  <a:pt x="46" y="42"/>
                </a:cubicBezTo>
                <a:cubicBezTo>
                  <a:pt x="49" y="41"/>
                  <a:pt x="50" y="39"/>
                  <a:pt x="52" y="38"/>
                </a:cubicBezTo>
                <a:cubicBezTo>
                  <a:pt x="53" y="36"/>
                  <a:pt x="54" y="34"/>
                  <a:pt x="54" y="32"/>
                </a:cubicBezTo>
                <a:cubicBezTo>
                  <a:pt x="54" y="28"/>
                  <a:pt x="53" y="25"/>
                  <a:pt x="50" y="23"/>
                </a:cubicBezTo>
                <a:cubicBezTo>
                  <a:pt x="47" y="20"/>
                  <a:pt x="43" y="19"/>
                  <a:pt x="38" y="19"/>
                </a:cubicBezTo>
                <a:cubicBezTo>
                  <a:pt x="35" y="19"/>
                  <a:pt x="32" y="20"/>
                  <a:pt x="29" y="21"/>
                </a:cubicBezTo>
                <a:cubicBezTo>
                  <a:pt x="26" y="22"/>
                  <a:pt x="24" y="24"/>
                  <a:pt x="22" y="26"/>
                </a:cubicBezTo>
                <a:cubicBezTo>
                  <a:pt x="21" y="27"/>
                  <a:pt x="19" y="29"/>
                  <a:pt x="18" y="32"/>
                </a:cubicBezTo>
                <a:cubicBezTo>
                  <a:pt x="17" y="34"/>
                  <a:pt x="16" y="37"/>
                  <a:pt x="16" y="39"/>
                </a:cubicBezTo>
                <a:cubicBezTo>
                  <a:pt x="16" y="39"/>
                  <a:pt x="15" y="39"/>
                  <a:pt x="14" y="39"/>
                </a:cubicBezTo>
                <a:cubicBezTo>
                  <a:pt x="12" y="39"/>
                  <a:pt x="10" y="39"/>
                  <a:pt x="8" y="38"/>
                </a:cubicBezTo>
                <a:cubicBezTo>
                  <a:pt x="6" y="37"/>
                  <a:pt x="4" y="36"/>
                  <a:pt x="2" y="34"/>
                </a:cubicBezTo>
                <a:cubicBezTo>
                  <a:pt x="1" y="33"/>
                  <a:pt x="0" y="30"/>
                  <a:pt x="0" y="27"/>
                </a:cubicBezTo>
                <a:cubicBezTo>
                  <a:pt x="0" y="24"/>
                  <a:pt x="1" y="21"/>
                  <a:pt x="2" y="18"/>
                </a:cubicBezTo>
                <a:cubicBezTo>
                  <a:pt x="4" y="14"/>
                  <a:pt x="6" y="11"/>
                  <a:pt x="10" y="9"/>
                </a:cubicBezTo>
                <a:cubicBezTo>
                  <a:pt x="13" y="6"/>
                  <a:pt x="17" y="4"/>
                  <a:pt x="22" y="2"/>
                </a:cubicBezTo>
                <a:cubicBezTo>
                  <a:pt x="26" y="1"/>
                  <a:pt x="32" y="0"/>
                  <a:pt x="39" y="0"/>
                </a:cubicBezTo>
                <a:cubicBezTo>
                  <a:pt x="45" y="0"/>
                  <a:pt x="50" y="0"/>
                  <a:pt x="55" y="2"/>
                </a:cubicBezTo>
                <a:cubicBezTo>
                  <a:pt x="59" y="3"/>
                  <a:pt x="63" y="5"/>
                  <a:pt x="67" y="8"/>
                </a:cubicBezTo>
                <a:cubicBezTo>
                  <a:pt x="70" y="11"/>
                  <a:pt x="73" y="14"/>
                  <a:pt x="74" y="18"/>
                </a:cubicBezTo>
                <a:cubicBezTo>
                  <a:pt x="76" y="21"/>
                  <a:pt x="77" y="26"/>
                  <a:pt x="77" y="30"/>
                </a:cubicBezTo>
                <a:cubicBezTo>
                  <a:pt x="77" y="35"/>
                  <a:pt x="76" y="39"/>
                  <a:pt x="75" y="42"/>
                </a:cubicBezTo>
                <a:cubicBezTo>
                  <a:pt x="73" y="45"/>
                  <a:pt x="71" y="47"/>
                  <a:pt x="69" y="50"/>
                </a:cubicBezTo>
                <a:cubicBezTo>
                  <a:pt x="67" y="52"/>
                  <a:pt x="64" y="54"/>
                  <a:pt x="61" y="55"/>
                </a:cubicBezTo>
                <a:cubicBezTo>
                  <a:pt x="58" y="57"/>
                  <a:pt x="56" y="58"/>
                  <a:pt x="53" y="60"/>
                </a:cubicBezTo>
                <a:cubicBezTo>
                  <a:pt x="51" y="62"/>
                  <a:pt x="49" y="64"/>
                  <a:pt x="47" y="66"/>
                </a:cubicBezTo>
                <a:cubicBezTo>
                  <a:pt x="45" y="68"/>
                  <a:pt x="45" y="71"/>
                  <a:pt x="44" y="74"/>
                </a:cubicBezTo>
                <a:cubicBezTo>
                  <a:pt x="43" y="77"/>
                  <a:pt x="40" y="79"/>
                  <a:pt x="34" y="79"/>
                </a:cubicBezTo>
                <a:close/>
                <a:moveTo>
                  <a:pt x="22" y="102"/>
                </a:moveTo>
                <a:cubicBezTo>
                  <a:pt x="22" y="99"/>
                  <a:pt x="22" y="99"/>
                  <a:pt x="22" y="99"/>
                </a:cubicBezTo>
                <a:cubicBezTo>
                  <a:pt x="22" y="92"/>
                  <a:pt x="26" y="88"/>
                  <a:pt x="33" y="88"/>
                </a:cubicBezTo>
                <a:cubicBezTo>
                  <a:pt x="36" y="88"/>
                  <a:pt x="36" y="88"/>
                  <a:pt x="36" y="88"/>
                </a:cubicBezTo>
                <a:cubicBezTo>
                  <a:pt x="44" y="88"/>
                  <a:pt x="48" y="92"/>
                  <a:pt x="48" y="99"/>
                </a:cubicBezTo>
                <a:cubicBezTo>
                  <a:pt x="48" y="102"/>
                  <a:pt x="48" y="102"/>
                  <a:pt x="48" y="102"/>
                </a:cubicBezTo>
                <a:cubicBezTo>
                  <a:pt x="48" y="109"/>
                  <a:pt x="44" y="113"/>
                  <a:pt x="36" y="113"/>
                </a:cubicBezTo>
                <a:cubicBezTo>
                  <a:pt x="33" y="113"/>
                  <a:pt x="33" y="113"/>
                  <a:pt x="33" y="113"/>
                </a:cubicBezTo>
                <a:cubicBezTo>
                  <a:pt x="26" y="113"/>
                  <a:pt x="22" y="109"/>
                  <a:pt x="22" y="102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57" name="Freeform 133"/>
          <p:cNvSpPr>
            <a:spLocks noEditPoints="1"/>
          </p:cNvSpPr>
          <p:nvPr userDrawn="1"/>
        </p:nvSpPr>
        <p:spPr bwMode="auto">
          <a:xfrm>
            <a:off x="9405938" y="6034088"/>
            <a:ext cx="87312" cy="58738"/>
          </a:xfrm>
          <a:custGeom>
            <a:avLst/>
            <a:gdLst/>
            <a:ahLst/>
            <a:cxnLst>
              <a:cxn ang="0">
                <a:pos x="10" y="51"/>
              </a:cxn>
              <a:cxn ang="0">
                <a:pos x="5" y="50"/>
              </a:cxn>
              <a:cxn ang="0">
                <a:pos x="2" y="48"/>
              </a:cxn>
              <a:cxn ang="0">
                <a:pos x="1" y="43"/>
              </a:cxn>
              <a:cxn ang="0">
                <a:pos x="10" y="11"/>
              </a:cxn>
              <a:cxn ang="0">
                <a:pos x="14" y="2"/>
              </a:cxn>
              <a:cxn ang="0">
                <a:pos x="23" y="0"/>
              </a:cxn>
              <a:cxn ang="0">
                <a:pos x="26" y="0"/>
              </a:cxn>
              <a:cxn ang="0">
                <a:pos x="34" y="2"/>
              </a:cxn>
              <a:cxn ang="0">
                <a:pos x="37" y="11"/>
              </a:cxn>
              <a:cxn ang="0">
                <a:pos x="37" y="13"/>
              </a:cxn>
              <a:cxn ang="0">
                <a:pos x="30" y="27"/>
              </a:cxn>
              <a:cxn ang="0">
                <a:pos x="15" y="49"/>
              </a:cxn>
              <a:cxn ang="0">
                <a:pos x="10" y="51"/>
              </a:cxn>
              <a:cxn ang="0">
                <a:pos x="50" y="51"/>
              </a:cxn>
              <a:cxn ang="0">
                <a:pos x="45" y="50"/>
              </a:cxn>
              <a:cxn ang="0">
                <a:pos x="41" y="48"/>
              </a:cxn>
              <a:cxn ang="0">
                <a:pos x="40" y="43"/>
              </a:cxn>
              <a:cxn ang="0">
                <a:pos x="49" y="11"/>
              </a:cxn>
              <a:cxn ang="0">
                <a:pos x="53" y="2"/>
              </a:cxn>
              <a:cxn ang="0">
                <a:pos x="62" y="0"/>
              </a:cxn>
              <a:cxn ang="0">
                <a:pos x="65" y="0"/>
              </a:cxn>
              <a:cxn ang="0">
                <a:pos x="73" y="2"/>
              </a:cxn>
              <a:cxn ang="0">
                <a:pos x="76" y="11"/>
              </a:cxn>
              <a:cxn ang="0">
                <a:pos x="76" y="13"/>
              </a:cxn>
              <a:cxn ang="0">
                <a:pos x="70" y="27"/>
              </a:cxn>
              <a:cxn ang="0">
                <a:pos x="54" y="49"/>
              </a:cxn>
              <a:cxn ang="0">
                <a:pos x="50" y="51"/>
              </a:cxn>
            </a:cxnLst>
            <a:rect l="0" t="0" r="r" b="b"/>
            <a:pathLst>
              <a:path w="76" h="51">
                <a:moveTo>
                  <a:pt x="10" y="51"/>
                </a:moveTo>
                <a:cubicBezTo>
                  <a:pt x="9" y="51"/>
                  <a:pt x="7" y="51"/>
                  <a:pt x="5" y="50"/>
                </a:cubicBezTo>
                <a:cubicBezTo>
                  <a:pt x="4" y="50"/>
                  <a:pt x="3" y="49"/>
                  <a:pt x="2" y="48"/>
                </a:cubicBezTo>
                <a:cubicBezTo>
                  <a:pt x="1" y="46"/>
                  <a:pt x="0" y="44"/>
                  <a:pt x="1" y="43"/>
                </a:cubicBezTo>
                <a:cubicBezTo>
                  <a:pt x="10" y="11"/>
                  <a:pt x="10" y="11"/>
                  <a:pt x="10" y="11"/>
                </a:cubicBezTo>
                <a:cubicBezTo>
                  <a:pt x="11" y="7"/>
                  <a:pt x="12" y="4"/>
                  <a:pt x="14" y="2"/>
                </a:cubicBezTo>
                <a:cubicBezTo>
                  <a:pt x="15" y="1"/>
                  <a:pt x="18" y="0"/>
                  <a:pt x="23" y="0"/>
                </a:cubicBezTo>
                <a:cubicBezTo>
                  <a:pt x="26" y="0"/>
                  <a:pt x="26" y="0"/>
                  <a:pt x="26" y="0"/>
                </a:cubicBezTo>
                <a:cubicBezTo>
                  <a:pt x="29" y="0"/>
                  <a:pt x="32" y="1"/>
                  <a:pt x="34" y="2"/>
                </a:cubicBezTo>
                <a:cubicBezTo>
                  <a:pt x="36" y="4"/>
                  <a:pt x="37" y="7"/>
                  <a:pt x="37" y="11"/>
                </a:cubicBezTo>
                <a:cubicBezTo>
                  <a:pt x="37" y="13"/>
                  <a:pt x="37" y="13"/>
                  <a:pt x="37" y="13"/>
                </a:cubicBezTo>
                <a:cubicBezTo>
                  <a:pt x="37" y="18"/>
                  <a:pt x="34" y="22"/>
                  <a:pt x="30" y="27"/>
                </a:cubicBezTo>
                <a:cubicBezTo>
                  <a:pt x="15" y="49"/>
                  <a:pt x="15" y="49"/>
                  <a:pt x="15" y="49"/>
                </a:cubicBezTo>
                <a:cubicBezTo>
                  <a:pt x="14" y="50"/>
                  <a:pt x="12" y="51"/>
                  <a:pt x="10" y="51"/>
                </a:cubicBezTo>
                <a:close/>
                <a:moveTo>
                  <a:pt x="50" y="51"/>
                </a:moveTo>
                <a:cubicBezTo>
                  <a:pt x="48" y="51"/>
                  <a:pt x="46" y="51"/>
                  <a:pt x="45" y="50"/>
                </a:cubicBezTo>
                <a:cubicBezTo>
                  <a:pt x="43" y="50"/>
                  <a:pt x="42" y="49"/>
                  <a:pt x="41" y="48"/>
                </a:cubicBezTo>
                <a:cubicBezTo>
                  <a:pt x="40" y="46"/>
                  <a:pt x="40" y="44"/>
                  <a:pt x="40" y="43"/>
                </a:cubicBezTo>
                <a:cubicBezTo>
                  <a:pt x="49" y="11"/>
                  <a:pt x="49" y="11"/>
                  <a:pt x="49" y="11"/>
                </a:cubicBezTo>
                <a:cubicBezTo>
                  <a:pt x="50" y="7"/>
                  <a:pt x="51" y="4"/>
                  <a:pt x="53" y="2"/>
                </a:cubicBezTo>
                <a:cubicBezTo>
                  <a:pt x="55" y="1"/>
                  <a:pt x="58" y="0"/>
                  <a:pt x="62" y="0"/>
                </a:cubicBezTo>
                <a:cubicBezTo>
                  <a:pt x="65" y="0"/>
                  <a:pt x="65" y="0"/>
                  <a:pt x="65" y="0"/>
                </a:cubicBezTo>
                <a:cubicBezTo>
                  <a:pt x="68" y="0"/>
                  <a:pt x="71" y="1"/>
                  <a:pt x="73" y="2"/>
                </a:cubicBezTo>
                <a:cubicBezTo>
                  <a:pt x="75" y="4"/>
                  <a:pt x="76" y="7"/>
                  <a:pt x="76" y="11"/>
                </a:cubicBezTo>
                <a:cubicBezTo>
                  <a:pt x="76" y="13"/>
                  <a:pt x="76" y="13"/>
                  <a:pt x="76" y="13"/>
                </a:cubicBezTo>
                <a:cubicBezTo>
                  <a:pt x="76" y="17"/>
                  <a:pt x="74" y="22"/>
                  <a:pt x="70" y="27"/>
                </a:cubicBezTo>
                <a:cubicBezTo>
                  <a:pt x="54" y="49"/>
                  <a:pt x="54" y="49"/>
                  <a:pt x="54" y="49"/>
                </a:cubicBezTo>
                <a:cubicBezTo>
                  <a:pt x="53" y="50"/>
                  <a:pt x="52" y="51"/>
                  <a:pt x="50" y="5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61" name="Freeform 137"/>
          <p:cNvSpPr>
            <a:spLocks/>
          </p:cNvSpPr>
          <p:nvPr userDrawn="1"/>
        </p:nvSpPr>
        <p:spPr bwMode="auto">
          <a:xfrm>
            <a:off x="9667875" y="5981700"/>
            <a:ext cx="74613" cy="165100"/>
          </a:xfrm>
          <a:custGeom>
            <a:avLst/>
            <a:gdLst/>
            <a:ahLst/>
            <a:cxnLst>
              <a:cxn ang="0">
                <a:pos x="57" y="110"/>
              </a:cxn>
              <a:cxn ang="0">
                <a:pos x="64" y="130"/>
              </a:cxn>
              <a:cxn ang="0">
                <a:pos x="65" y="140"/>
              </a:cxn>
              <a:cxn ang="0">
                <a:pos x="58" y="145"/>
              </a:cxn>
              <a:cxn ang="0">
                <a:pos x="57" y="145"/>
              </a:cxn>
              <a:cxn ang="0">
                <a:pos x="48" y="145"/>
              </a:cxn>
              <a:cxn ang="0">
                <a:pos x="43" y="137"/>
              </a:cxn>
              <a:cxn ang="0">
                <a:pos x="39" y="125"/>
              </a:cxn>
              <a:cxn ang="0">
                <a:pos x="38" y="121"/>
              </a:cxn>
              <a:cxn ang="0">
                <a:pos x="11" y="42"/>
              </a:cxn>
              <a:cxn ang="0">
                <a:pos x="10" y="40"/>
              </a:cxn>
              <a:cxn ang="0">
                <a:pos x="2" y="16"/>
              </a:cxn>
              <a:cxn ang="0">
                <a:pos x="8" y="2"/>
              </a:cxn>
              <a:cxn ang="0">
                <a:pos x="10" y="1"/>
              </a:cxn>
              <a:cxn ang="0">
                <a:pos x="23" y="9"/>
              </a:cxn>
              <a:cxn ang="0">
                <a:pos x="32" y="34"/>
              </a:cxn>
              <a:cxn ang="0">
                <a:pos x="34" y="41"/>
              </a:cxn>
              <a:cxn ang="0">
                <a:pos x="57" y="110"/>
              </a:cxn>
            </a:cxnLst>
            <a:rect l="0" t="0" r="r" b="b"/>
            <a:pathLst>
              <a:path w="66" h="146">
                <a:moveTo>
                  <a:pt x="57" y="110"/>
                </a:moveTo>
                <a:cubicBezTo>
                  <a:pt x="64" y="130"/>
                  <a:pt x="64" y="130"/>
                  <a:pt x="64" y="130"/>
                </a:cubicBezTo>
                <a:cubicBezTo>
                  <a:pt x="66" y="134"/>
                  <a:pt x="66" y="138"/>
                  <a:pt x="65" y="140"/>
                </a:cubicBezTo>
                <a:cubicBezTo>
                  <a:pt x="64" y="142"/>
                  <a:pt x="62" y="144"/>
                  <a:pt x="58" y="145"/>
                </a:cubicBezTo>
                <a:cubicBezTo>
                  <a:pt x="57" y="145"/>
                  <a:pt x="57" y="145"/>
                  <a:pt x="57" y="145"/>
                </a:cubicBezTo>
                <a:cubicBezTo>
                  <a:pt x="54" y="146"/>
                  <a:pt x="51" y="146"/>
                  <a:pt x="48" y="145"/>
                </a:cubicBezTo>
                <a:cubicBezTo>
                  <a:pt x="46" y="143"/>
                  <a:pt x="44" y="141"/>
                  <a:pt x="43" y="137"/>
                </a:cubicBezTo>
                <a:cubicBezTo>
                  <a:pt x="39" y="125"/>
                  <a:pt x="39" y="125"/>
                  <a:pt x="39" y="125"/>
                </a:cubicBezTo>
                <a:cubicBezTo>
                  <a:pt x="39" y="125"/>
                  <a:pt x="39" y="125"/>
                  <a:pt x="38" y="121"/>
                </a:cubicBezTo>
                <a:cubicBezTo>
                  <a:pt x="11" y="42"/>
                  <a:pt x="11" y="42"/>
                  <a:pt x="11" y="42"/>
                </a:cubicBezTo>
                <a:cubicBezTo>
                  <a:pt x="10" y="38"/>
                  <a:pt x="10" y="40"/>
                  <a:pt x="10" y="40"/>
                </a:cubicBezTo>
                <a:cubicBezTo>
                  <a:pt x="2" y="16"/>
                  <a:pt x="2" y="16"/>
                  <a:pt x="2" y="16"/>
                </a:cubicBezTo>
                <a:cubicBezTo>
                  <a:pt x="0" y="8"/>
                  <a:pt x="2" y="4"/>
                  <a:pt x="8" y="2"/>
                </a:cubicBezTo>
                <a:cubicBezTo>
                  <a:pt x="10" y="1"/>
                  <a:pt x="10" y="1"/>
                  <a:pt x="10" y="1"/>
                </a:cubicBezTo>
                <a:cubicBezTo>
                  <a:pt x="16" y="0"/>
                  <a:pt x="21" y="2"/>
                  <a:pt x="23" y="9"/>
                </a:cubicBezTo>
                <a:cubicBezTo>
                  <a:pt x="32" y="34"/>
                  <a:pt x="32" y="34"/>
                  <a:pt x="32" y="34"/>
                </a:cubicBezTo>
                <a:cubicBezTo>
                  <a:pt x="34" y="41"/>
                  <a:pt x="34" y="41"/>
                  <a:pt x="34" y="41"/>
                </a:cubicBezTo>
                <a:cubicBezTo>
                  <a:pt x="57" y="110"/>
                  <a:pt x="57" y="110"/>
                  <a:pt x="57" y="110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65" name="Freeform 141"/>
          <p:cNvSpPr>
            <a:spLocks/>
          </p:cNvSpPr>
          <p:nvPr userDrawn="1"/>
        </p:nvSpPr>
        <p:spPr bwMode="auto">
          <a:xfrm>
            <a:off x="9923463" y="5980113"/>
            <a:ext cx="74612" cy="165100"/>
          </a:xfrm>
          <a:custGeom>
            <a:avLst/>
            <a:gdLst/>
            <a:ahLst/>
            <a:cxnLst>
              <a:cxn ang="0">
                <a:pos x="8" y="110"/>
              </a:cxn>
              <a:cxn ang="0">
                <a:pos x="32" y="41"/>
              </a:cxn>
              <a:cxn ang="0">
                <a:pos x="34" y="34"/>
              </a:cxn>
              <a:cxn ang="0">
                <a:pos x="42" y="9"/>
              </a:cxn>
              <a:cxn ang="0">
                <a:pos x="56" y="1"/>
              </a:cxn>
              <a:cxn ang="0">
                <a:pos x="57" y="2"/>
              </a:cxn>
              <a:cxn ang="0">
                <a:pos x="64" y="16"/>
              </a:cxn>
              <a:cxn ang="0">
                <a:pos x="55" y="40"/>
              </a:cxn>
              <a:cxn ang="0">
                <a:pos x="55" y="42"/>
              </a:cxn>
              <a:cxn ang="0">
                <a:pos x="28" y="121"/>
              </a:cxn>
              <a:cxn ang="0">
                <a:pos x="26" y="125"/>
              </a:cxn>
              <a:cxn ang="0">
                <a:pos x="23" y="137"/>
              </a:cxn>
              <a:cxn ang="0">
                <a:pos x="17" y="145"/>
              </a:cxn>
              <a:cxn ang="0">
                <a:pos x="8" y="145"/>
              </a:cxn>
              <a:cxn ang="0">
                <a:pos x="7" y="145"/>
              </a:cxn>
              <a:cxn ang="0">
                <a:pos x="1" y="140"/>
              </a:cxn>
              <a:cxn ang="0">
                <a:pos x="1" y="130"/>
              </a:cxn>
              <a:cxn ang="0">
                <a:pos x="8" y="110"/>
              </a:cxn>
            </a:cxnLst>
            <a:rect l="0" t="0" r="r" b="b"/>
            <a:pathLst>
              <a:path w="66" h="146">
                <a:moveTo>
                  <a:pt x="8" y="110"/>
                </a:moveTo>
                <a:cubicBezTo>
                  <a:pt x="32" y="41"/>
                  <a:pt x="32" y="41"/>
                  <a:pt x="32" y="41"/>
                </a:cubicBezTo>
                <a:cubicBezTo>
                  <a:pt x="34" y="34"/>
                  <a:pt x="34" y="34"/>
                  <a:pt x="34" y="34"/>
                </a:cubicBezTo>
                <a:cubicBezTo>
                  <a:pt x="42" y="9"/>
                  <a:pt x="42" y="9"/>
                  <a:pt x="42" y="9"/>
                </a:cubicBezTo>
                <a:cubicBezTo>
                  <a:pt x="45" y="2"/>
                  <a:pt x="50" y="0"/>
                  <a:pt x="56" y="1"/>
                </a:cubicBezTo>
                <a:cubicBezTo>
                  <a:pt x="57" y="2"/>
                  <a:pt x="57" y="2"/>
                  <a:pt x="57" y="2"/>
                </a:cubicBezTo>
                <a:cubicBezTo>
                  <a:pt x="63" y="4"/>
                  <a:pt x="66" y="8"/>
                  <a:pt x="64" y="16"/>
                </a:cubicBezTo>
                <a:cubicBezTo>
                  <a:pt x="55" y="40"/>
                  <a:pt x="55" y="40"/>
                  <a:pt x="55" y="40"/>
                </a:cubicBezTo>
                <a:cubicBezTo>
                  <a:pt x="55" y="40"/>
                  <a:pt x="56" y="38"/>
                  <a:pt x="55" y="42"/>
                </a:cubicBezTo>
                <a:cubicBezTo>
                  <a:pt x="28" y="121"/>
                  <a:pt x="28" y="121"/>
                  <a:pt x="28" y="121"/>
                </a:cubicBezTo>
                <a:cubicBezTo>
                  <a:pt x="26" y="125"/>
                  <a:pt x="26" y="125"/>
                  <a:pt x="26" y="125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21" y="141"/>
                  <a:pt x="19" y="143"/>
                  <a:pt x="17" y="145"/>
                </a:cubicBezTo>
                <a:cubicBezTo>
                  <a:pt x="15" y="146"/>
                  <a:pt x="12" y="146"/>
                  <a:pt x="8" y="145"/>
                </a:cubicBezTo>
                <a:cubicBezTo>
                  <a:pt x="7" y="145"/>
                  <a:pt x="7" y="145"/>
                  <a:pt x="7" y="145"/>
                </a:cubicBezTo>
                <a:cubicBezTo>
                  <a:pt x="4" y="144"/>
                  <a:pt x="2" y="142"/>
                  <a:pt x="1" y="140"/>
                </a:cubicBezTo>
                <a:cubicBezTo>
                  <a:pt x="0" y="138"/>
                  <a:pt x="0" y="134"/>
                  <a:pt x="1" y="130"/>
                </a:cubicBezTo>
                <a:cubicBezTo>
                  <a:pt x="8" y="110"/>
                  <a:pt x="8" y="110"/>
                  <a:pt x="8" y="110"/>
                </a:cubicBezTo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69" name="Freeform 145"/>
          <p:cNvSpPr>
            <a:spLocks/>
          </p:cNvSpPr>
          <p:nvPr userDrawn="1"/>
        </p:nvSpPr>
        <p:spPr bwMode="auto">
          <a:xfrm>
            <a:off x="10174288" y="6002338"/>
            <a:ext cx="55563" cy="125412"/>
          </a:xfrm>
          <a:custGeom>
            <a:avLst/>
            <a:gdLst/>
            <a:ahLst/>
            <a:cxnLst>
              <a:cxn ang="0">
                <a:pos x="20" y="34"/>
              </a:cxn>
              <a:cxn ang="0">
                <a:pos x="15" y="34"/>
              </a:cxn>
              <a:cxn ang="0">
                <a:pos x="4" y="31"/>
              </a:cxn>
              <a:cxn ang="0">
                <a:pos x="0" y="20"/>
              </a:cxn>
              <a:cxn ang="0">
                <a:pos x="1" y="15"/>
              </a:cxn>
              <a:cxn ang="0">
                <a:pos x="3" y="11"/>
              </a:cxn>
              <a:cxn ang="0">
                <a:pos x="5" y="9"/>
              </a:cxn>
              <a:cxn ang="0">
                <a:pos x="6" y="9"/>
              </a:cxn>
              <a:cxn ang="0">
                <a:pos x="11" y="11"/>
              </a:cxn>
              <a:cxn ang="0">
                <a:pos x="17" y="12"/>
              </a:cxn>
              <a:cxn ang="0">
                <a:pos x="26" y="9"/>
              </a:cxn>
              <a:cxn ang="0">
                <a:pos x="31" y="0"/>
              </a:cxn>
              <a:cxn ang="0">
                <a:pos x="38" y="0"/>
              </a:cxn>
              <a:cxn ang="0">
                <a:pos x="49" y="11"/>
              </a:cxn>
              <a:cxn ang="0">
                <a:pos x="49" y="100"/>
              </a:cxn>
              <a:cxn ang="0">
                <a:pos x="38" y="111"/>
              </a:cxn>
              <a:cxn ang="0">
                <a:pos x="35" y="111"/>
              </a:cxn>
              <a:cxn ang="0">
                <a:pos x="24" y="100"/>
              </a:cxn>
              <a:cxn ang="0">
                <a:pos x="24" y="31"/>
              </a:cxn>
              <a:cxn ang="0">
                <a:pos x="20" y="34"/>
              </a:cxn>
            </a:cxnLst>
            <a:rect l="0" t="0" r="r" b="b"/>
            <a:pathLst>
              <a:path w="49" h="111">
                <a:moveTo>
                  <a:pt x="20" y="34"/>
                </a:moveTo>
                <a:cubicBezTo>
                  <a:pt x="18" y="34"/>
                  <a:pt x="17" y="34"/>
                  <a:pt x="15" y="34"/>
                </a:cubicBezTo>
                <a:cubicBezTo>
                  <a:pt x="10" y="34"/>
                  <a:pt x="7" y="33"/>
                  <a:pt x="4" y="31"/>
                </a:cubicBezTo>
                <a:cubicBezTo>
                  <a:pt x="1" y="28"/>
                  <a:pt x="0" y="25"/>
                  <a:pt x="0" y="20"/>
                </a:cubicBezTo>
                <a:cubicBezTo>
                  <a:pt x="0" y="18"/>
                  <a:pt x="0" y="17"/>
                  <a:pt x="1" y="15"/>
                </a:cubicBezTo>
                <a:cubicBezTo>
                  <a:pt x="1" y="14"/>
                  <a:pt x="2" y="12"/>
                  <a:pt x="3" y="11"/>
                </a:cubicBezTo>
                <a:cubicBezTo>
                  <a:pt x="3" y="10"/>
                  <a:pt x="4" y="10"/>
                  <a:pt x="5" y="9"/>
                </a:cubicBezTo>
                <a:cubicBezTo>
                  <a:pt x="6" y="9"/>
                  <a:pt x="6" y="9"/>
                  <a:pt x="6" y="9"/>
                </a:cubicBezTo>
                <a:cubicBezTo>
                  <a:pt x="8" y="10"/>
                  <a:pt x="9" y="11"/>
                  <a:pt x="11" y="11"/>
                </a:cubicBezTo>
                <a:cubicBezTo>
                  <a:pt x="13" y="12"/>
                  <a:pt x="14" y="12"/>
                  <a:pt x="17" y="12"/>
                </a:cubicBezTo>
                <a:cubicBezTo>
                  <a:pt x="20" y="12"/>
                  <a:pt x="23" y="11"/>
                  <a:pt x="26" y="9"/>
                </a:cubicBezTo>
                <a:cubicBezTo>
                  <a:pt x="29" y="7"/>
                  <a:pt x="30" y="4"/>
                  <a:pt x="31" y="0"/>
                </a:cubicBezTo>
                <a:cubicBezTo>
                  <a:pt x="38" y="0"/>
                  <a:pt x="38" y="0"/>
                  <a:pt x="38" y="0"/>
                </a:cubicBezTo>
                <a:cubicBezTo>
                  <a:pt x="45" y="0"/>
                  <a:pt x="49" y="4"/>
                  <a:pt x="49" y="11"/>
                </a:cubicBezTo>
                <a:cubicBezTo>
                  <a:pt x="49" y="100"/>
                  <a:pt x="49" y="100"/>
                  <a:pt x="49" y="100"/>
                </a:cubicBezTo>
                <a:cubicBezTo>
                  <a:pt x="49" y="107"/>
                  <a:pt x="45" y="111"/>
                  <a:pt x="38" y="111"/>
                </a:cubicBezTo>
                <a:cubicBezTo>
                  <a:pt x="35" y="111"/>
                  <a:pt x="35" y="111"/>
                  <a:pt x="35" y="111"/>
                </a:cubicBezTo>
                <a:cubicBezTo>
                  <a:pt x="28" y="111"/>
                  <a:pt x="24" y="107"/>
                  <a:pt x="24" y="100"/>
                </a:cubicBezTo>
                <a:cubicBezTo>
                  <a:pt x="24" y="31"/>
                  <a:pt x="24" y="31"/>
                  <a:pt x="24" y="31"/>
                </a:cubicBezTo>
                <a:cubicBezTo>
                  <a:pt x="23" y="32"/>
                  <a:pt x="21" y="33"/>
                  <a:pt x="20" y="34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73" name="Freeform 149"/>
          <p:cNvSpPr>
            <a:spLocks/>
          </p:cNvSpPr>
          <p:nvPr userDrawn="1"/>
        </p:nvSpPr>
        <p:spPr bwMode="auto">
          <a:xfrm>
            <a:off x="10418763" y="5983288"/>
            <a:ext cx="52388" cy="163512"/>
          </a:xfrm>
          <a:custGeom>
            <a:avLst/>
            <a:gdLst/>
            <a:ahLst/>
            <a:cxnLst>
              <a:cxn ang="0">
                <a:pos x="33" y="145"/>
              </a:cxn>
              <a:cxn ang="0">
                <a:pos x="13" y="145"/>
              </a:cxn>
              <a:cxn ang="0">
                <a:pos x="3" y="141"/>
              </a:cxn>
              <a:cxn ang="0">
                <a:pos x="0" y="131"/>
              </a:cxn>
              <a:cxn ang="0">
                <a:pos x="0" y="14"/>
              </a:cxn>
              <a:cxn ang="0">
                <a:pos x="3" y="4"/>
              </a:cxn>
              <a:cxn ang="0">
                <a:pos x="13" y="0"/>
              </a:cxn>
              <a:cxn ang="0">
                <a:pos x="33" y="0"/>
              </a:cxn>
              <a:cxn ang="0">
                <a:pos x="42" y="2"/>
              </a:cxn>
              <a:cxn ang="0">
                <a:pos x="45" y="9"/>
              </a:cxn>
              <a:cxn ang="0">
                <a:pos x="45" y="10"/>
              </a:cxn>
              <a:cxn ang="0">
                <a:pos x="42" y="17"/>
              </a:cxn>
              <a:cxn ang="0">
                <a:pos x="33" y="20"/>
              </a:cxn>
              <a:cxn ang="0">
                <a:pos x="22" y="20"/>
              </a:cxn>
              <a:cxn ang="0">
                <a:pos x="22" y="125"/>
              </a:cxn>
              <a:cxn ang="0">
                <a:pos x="33" y="125"/>
              </a:cxn>
              <a:cxn ang="0">
                <a:pos x="42" y="127"/>
              </a:cxn>
              <a:cxn ang="0">
                <a:pos x="45" y="134"/>
              </a:cxn>
              <a:cxn ang="0">
                <a:pos x="45" y="135"/>
              </a:cxn>
              <a:cxn ang="0">
                <a:pos x="42" y="143"/>
              </a:cxn>
              <a:cxn ang="0">
                <a:pos x="33" y="145"/>
              </a:cxn>
            </a:cxnLst>
            <a:rect l="0" t="0" r="r" b="b"/>
            <a:pathLst>
              <a:path w="45" h="145">
                <a:moveTo>
                  <a:pt x="33" y="145"/>
                </a:moveTo>
                <a:cubicBezTo>
                  <a:pt x="13" y="145"/>
                  <a:pt x="13" y="145"/>
                  <a:pt x="13" y="145"/>
                </a:cubicBezTo>
                <a:cubicBezTo>
                  <a:pt x="9" y="145"/>
                  <a:pt x="6" y="144"/>
                  <a:pt x="3" y="141"/>
                </a:cubicBezTo>
                <a:cubicBezTo>
                  <a:pt x="1" y="139"/>
                  <a:pt x="0" y="135"/>
                  <a:pt x="0" y="131"/>
                </a:cubicBezTo>
                <a:cubicBezTo>
                  <a:pt x="0" y="14"/>
                  <a:pt x="0" y="14"/>
                  <a:pt x="0" y="14"/>
                </a:cubicBezTo>
                <a:cubicBezTo>
                  <a:pt x="0" y="9"/>
                  <a:pt x="1" y="6"/>
                  <a:pt x="3" y="4"/>
                </a:cubicBezTo>
                <a:cubicBezTo>
                  <a:pt x="6" y="1"/>
                  <a:pt x="9" y="0"/>
                  <a:pt x="13" y="0"/>
                </a:cubicBezTo>
                <a:cubicBezTo>
                  <a:pt x="33" y="0"/>
                  <a:pt x="33" y="0"/>
                  <a:pt x="33" y="0"/>
                </a:cubicBezTo>
                <a:cubicBezTo>
                  <a:pt x="37" y="0"/>
                  <a:pt x="40" y="1"/>
                  <a:pt x="42" y="2"/>
                </a:cubicBezTo>
                <a:cubicBezTo>
                  <a:pt x="44" y="4"/>
                  <a:pt x="45" y="6"/>
                  <a:pt x="45" y="9"/>
                </a:cubicBezTo>
                <a:cubicBezTo>
                  <a:pt x="45" y="10"/>
                  <a:pt x="45" y="10"/>
                  <a:pt x="45" y="10"/>
                </a:cubicBezTo>
                <a:cubicBezTo>
                  <a:pt x="45" y="14"/>
                  <a:pt x="44" y="16"/>
                  <a:pt x="42" y="17"/>
                </a:cubicBezTo>
                <a:cubicBezTo>
                  <a:pt x="40" y="19"/>
                  <a:pt x="37" y="20"/>
                  <a:pt x="33" y="20"/>
                </a:cubicBezTo>
                <a:cubicBezTo>
                  <a:pt x="22" y="20"/>
                  <a:pt x="22" y="20"/>
                  <a:pt x="22" y="20"/>
                </a:cubicBezTo>
                <a:cubicBezTo>
                  <a:pt x="22" y="125"/>
                  <a:pt x="22" y="125"/>
                  <a:pt x="22" y="125"/>
                </a:cubicBezTo>
                <a:cubicBezTo>
                  <a:pt x="33" y="125"/>
                  <a:pt x="33" y="125"/>
                  <a:pt x="33" y="125"/>
                </a:cubicBezTo>
                <a:cubicBezTo>
                  <a:pt x="37" y="125"/>
                  <a:pt x="40" y="126"/>
                  <a:pt x="42" y="127"/>
                </a:cubicBezTo>
                <a:cubicBezTo>
                  <a:pt x="44" y="129"/>
                  <a:pt x="45" y="131"/>
                  <a:pt x="45" y="134"/>
                </a:cubicBezTo>
                <a:cubicBezTo>
                  <a:pt x="45" y="135"/>
                  <a:pt x="45" y="135"/>
                  <a:pt x="45" y="135"/>
                </a:cubicBezTo>
                <a:cubicBezTo>
                  <a:pt x="45" y="139"/>
                  <a:pt x="44" y="141"/>
                  <a:pt x="42" y="143"/>
                </a:cubicBezTo>
                <a:cubicBezTo>
                  <a:pt x="40" y="144"/>
                  <a:pt x="37" y="145"/>
                  <a:pt x="33" y="145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77" name="Freeform 153"/>
          <p:cNvSpPr>
            <a:spLocks/>
          </p:cNvSpPr>
          <p:nvPr userDrawn="1"/>
        </p:nvSpPr>
        <p:spPr bwMode="auto">
          <a:xfrm>
            <a:off x="10650538" y="5981700"/>
            <a:ext cx="52388" cy="165100"/>
          </a:xfrm>
          <a:custGeom>
            <a:avLst/>
            <a:gdLst/>
            <a:ahLst/>
            <a:cxnLst>
              <a:cxn ang="0">
                <a:pos x="2" y="143"/>
              </a:cxn>
              <a:cxn ang="0">
                <a:pos x="0" y="135"/>
              </a:cxn>
              <a:cxn ang="0">
                <a:pos x="0" y="134"/>
              </a:cxn>
              <a:cxn ang="0">
                <a:pos x="2" y="127"/>
              </a:cxn>
              <a:cxn ang="0">
                <a:pos x="11" y="125"/>
              </a:cxn>
              <a:cxn ang="0">
                <a:pos x="23" y="125"/>
              </a:cxn>
              <a:cxn ang="0">
                <a:pos x="23" y="20"/>
              </a:cxn>
              <a:cxn ang="0">
                <a:pos x="12" y="20"/>
              </a:cxn>
              <a:cxn ang="0">
                <a:pos x="3" y="17"/>
              </a:cxn>
              <a:cxn ang="0">
                <a:pos x="0" y="10"/>
              </a:cxn>
              <a:cxn ang="0">
                <a:pos x="0" y="9"/>
              </a:cxn>
              <a:cxn ang="0">
                <a:pos x="3" y="2"/>
              </a:cxn>
              <a:cxn ang="0">
                <a:pos x="12" y="0"/>
              </a:cxn>
              <a:cxn ang="0">
                <a:pos x="32" y="0"/>
              </a:cxn>
              <a:cxn ang="0">
                <a:pos x="41" y="4"/>
              </a:cxn>
              <a:cxn ang="0">
                <a:pos x="45" y="14"/>
              </a:cxn>
              <a:cxn ang="0">
                <a:pos x="45" y="131"/>
              </a:cxn>
              <a:cxn ang="0">
                <a:pos x="41" y="141"/>
              </a:cxn>
              <a:cxn ang="0">
                <a:pos x="32" y="145"/>
              </a:cxn>
              <a:cxn ang="0">
                <a:pos x="11" y="145"/>
              </a:cxn>
              <a:cxn ang="0">
                <a:pos x="2" y="143"/>
              </a:cxn>
            </a:cxnLst>
            <a:rect l="0" t="0" r="r" b="b"/>
            <a:pathLst>
              <a:path w="45" h="145">
                <a:moveTo>
                  <a:pt x="2" y="143"/>
                </a:moveTo>
                <a:cubicBezTo>
                  <a:pt x="1" y="141"/>
                  <a:pt x="0" y="139"/>
                  <a:pt x="0" y="135"/>
                </a:cubicBezTo>
                <a:cubicBezTo>
                  <a:pt x="0" y="134"/>
                  <a:pt x="0" y="134"/>
                  <a:pt x="0" y="134"/>
                </a:cubicBezTo>
                <a:cubicBezTo>
                  <a:pt x="0" y="131"/>
                  <a:pt x="1" y="129"/>
                  <a:pt x="2" y="127"/>
                </a:cubicBezTo>
                <a:cubicBezTo>
                  <a:pt x="4" y="126"/>
                  <a:pt x="7" y="125"/>
                  <a:pt x="11" y="125"/>
                </a:cubicBezTo>
                <a:cubicBezTo>
                  <a:pt x="23" y="125"/>
                  <a:pt x="23" y="125"/>
                  <a:pt x="23" y="125"/>
                </a:cubicBezTo>
                <a:cubicBezTo>
                  <a:pt x="23" y="20"/>
                  <a:pt x="23" y="20"/>
                  <a:pt x="23" y="20"/>
                </a:cubicBezTo>
                <a:cubicBezTo>
                  <a:pt x="12" y="20"/>
                  <a:pt x="12" y="20"/>
                  <a:pt x="12" y="20"/>
                </a:cubicBezTo>
                <a:cubicBezTo>
                  <a:pt x="8" y="20"/>
                  <a:pt x="5" y="19"/>
                  <a:pt x="3" y="17"/>
                </a:cubicBezTo>
                <a:cubicBezTo>
                  <a:pt x="1" y="16"/>
                  <a:pt x="0" y="14"/>
                  <a:pt x="0" y="10"/>
                </a:cubicBezTo>
                <a:cubicBezTo>
                  <a:pt x="0" y="9"/>
                  <a:pt x="0" y="9"/>
                  <a:pt x="0" y="9"/>
                </a:cubicBezTo>
                <a:cubicBezTo>
                  <a:pt x="0" y="6"/>
                  <a:pt x="1" y="4"/>
                  <a:pt x="3" y="2"/>
                </a:cubicBezTo>
                <a:cubicBezTo>
                  <a:pt x="5" y="1"/>
                  <a:pt x="8" y="0"/>
                  <a:pt x="12" y="0"/>
                </a:cubicBezTo>
                <a:cubicBezTo>
                  <a:pt x="32" y="0"/>
                  <a:pt x="32" y="0"/>
                  <a:pt x="32" y="0"/>
                </a:cubicBezTo>
                <a:cubicBezTo>
                  <a:pt x="36" y="0"/>
                  <a:pt x="39" y="1"/>
                  <a:pt x="41" y="4"/>
                </a:cubicBezTo>
                <a:cubicBezTo>
                  <a:pt x="44" y="6"/>
                  <a:pt x="45" y="9"/>
                  <a:pt x="45" y="14"/>
                </a:cubicBezTo>
                <a:cubicBezTo>
                  <a:pt x="45" y="131"/>
                  <a:pt x="45" y="131"/>
                  <a:pt x="45" y="131"/>
                </a:cubicBezTo>
                <a:cubicBezTo>
                  <a:pt x="45" y="135"/>
                  <a:pt x="44" y="139"/>
                  <a:pt x="41" y="141"/>
                </a:cubicBezTo>
                <a:cubicBezTo>
                  <a:pt x="39" y="144"/>
                  <a:pt x="36" y="145"/>
                  <a:pt x="32" y="145"/>
                </a:cubicBezTo>
                <a:cubicBezTo>
                  <a:pt x="11" y="145"/>
                  <a:pt x="11" y="145"/>
                  <a:pt x="11" y="145"/>
                </a:cubicBezTo>
                <a:cubicBezTo>
                  <a:pt x="7" y="145"/>
                  <a:pt x="4" y="144"/>
                  <a:pt x="2" y="14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1" name="Freeform 157"/>
          <p:cNvSpPr>
            <a:spLocks/>
          </p:cNvSpPr>
          <p:nvPr userDrawn="1"/>
        </p:nvSpPr>
        <p:spPr bwMode="auto">
          <a:xfrm>
            <a:off x="10887075" y="5992813"/>
            <a:ext cx="34925" cy="146050"/>
          </a:xfrm>
          <a:custGeom>
            <a:avLst/>
            <a:gdLst/>
            <a:ahLst/>
            <a:cxnLst>
              <a:cxn ang="0">
                <a:pos x="25" y="8"/>
              </a:cxn>
              <a:cxn ang="0">
                <a:pos x="14" y="0"/>
              </a:cxn>
              <a:cxn ang="0">
                <a:pos x="0" y="14"/>
              </a:cxn>
              <a:cxn ang="0">
                <a:pos x="4" y="26"/>
              </a:cxn>
              <a:cxn ang="0">
                <a:pos x="9" y="63"/>
              </a:cxn>
              <a:cxn ang="0">
                <a:pos x="3" y="103"/>
              </a:cxn>
              <a:cxn ang="0">
                <a:pos x="0" y="114"/>
              </a:cxn>
              <a:cxn ang="0">
                <a:pos x="14" y="127"/>
              </a:cxn>
              <a:cxn ang="0">
                <a:pos x="22" y="123"/>
              </a:cxn>
              <a:cxn ang="0">
                <a:pos x="37" y="63"/>
              </a:cxn>
              <a:cxn ang="0">
                <a:pos x="25" y="8"/>
              </a:cxn>
            </a:cxnLst>
            <a:rect l="0" t="0" r="r" b="b"/>
            <a:pathLst>
              <a:path w="37" h="127">
                <a:moveTo>
                  <a:pt x="25" y="8"/>
                </a:moveTo>
                <a:cubicBezTo>
                  <a:pt x="22" y="2"/>
                  <a:pt x="18" y="0"/>
                  <a:pt x="14" y="0"/>
                </a:cubicBezTo>
                <a:cubicBezTo>
                  <a:pt x="6" y="0"/>
                  <a:pt x="0" y="6"/>
                  <a:pt x="0" y="14"/>
                </a:cubicBezTo>
                <a:cubicBezTo>
                  <a:pt x="0" y="16"/>
                  <a:pt x="4" y="26"/>
                  <a:pt x="4" y="26"/>
                </a:cubicBezTo>
                <a:cubicBezTo>
                  <a:pt x="7" y="37"/>
                  <a:pt x="9" y="50"/>
                  <a:pt x="9" y="63"/>
                </a:cubicBezTo>
                <a:cubicBezTo>
                  <a:pt x="9" y="76"/>
                  <a:pt x="7" y="90"/>
                  <a:pt x="3" y="103"/>
                </a:cubicBezTo>
                <a:cubicBezTo>
                  <a:pt x="2" y="104"/>
                  <a:pt x="0" y="111"/>
                  <a:pt x="0" y="114"/>
                </a:cubicBezTo>
                <a:cubicBezTo>
                  <a:pt x="0" y="121"/>
                  <a:pt x="6" y="127"/>
                  <a:pt x="14" y="127"/>
                </a:cubicBezTo>
                <a:cubicBezTo>
                  <a:pt x="17" y="127"/>
                  <a:pt x="20" y="125"/>
                  <a:pt x="22" y="123"/>
                </a:cubicBezTo>
                <a:cubicBezTo>
                  <a:pt x="33" y="112"/>
                  <a:pt x="37" y="73"/>
                  <a:pt x="37" y="63"/>
                </a:cubicBezTo>
                <a:cubicBezTo>
                  <a:pt x="37" y="48"/>
                  <a:pt x="33" y="21"/>
                  <a:pt x="25" y="8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5" name="Freeform 161"/>
          <p:cNvSpPr>
            <a:spLocks/>
          </p:cNvSpPr>
          <p:nvPr userDrawn="1"/>
        </p:nvSpPr>
        <p:spPr bwMode="auto">
          <a:xfrm>
            <a:off x="11114088" y="5992813"/>
            <a:ext cx="41275" cy="146050"/>
          </a:xfrm>
          <a:custGeom>
            <a:avLst/>
            <a:gdLst/>
            <a:ahLst/>
            <a:cxnLst>
              <a:cxn ang="0">
                <a:pos x="27" y="63"/>
              </a:cxn>
              <a:cxn ang="0">
                <a:pos x="33" y="26"/>
              </a:cxn>
              <a:cxn ang="0">
                <a:pos x="37" y="14"/>
              </a:cxn>
              <a:cxn ang="0">
                <a:pos x="23" y="0"/>
              </a:cxn>
              <a:cxn ang="0">
                <a:pos x="11" y="8"/>
              </a:cxn>
              <a:cxn ang="0">
                <a:pos x="0" y="63"/>
              </a:cxn>
              <a:cxn ang="0">
                <a:pos x="15" y="123"/>
              </a:cxn>
              <a:cxn ang="0">
                <a:pos x="23" y="127"/>
              </a:cxn>
              <a:cxn ang="0">
                <a:pos x="37" y="114"/>
              </a:cxn>
              <a:cxn ang="0">
                <a:pos x="34" y="103"/>
              </a:cxn>
              <a:cxn ang="0">
                <a:pos x="27" y="63"/>
              </a:cxn>
            </a:cxnLst>
            <a:rect l="0" t="0" r="r" b="b"/>
            <a:pathLst>
              <a:path w="37" h="127">
                <a:moveTo>
                  <a:pt x="27" y="63"/>
                </a:moveTo>
                <a:cubicBezTo>
                  <a:pt x="27" y="50"/>
                  <a:pt x="29" y="37"/>
                  <a:pt x="33" y="26"/>
                </a:cubicBezTo>
                <a:cubicBezTo>
                  <a:pt x="34" y="23"/>
                  <a:pt x="37" y="16"/>
                  <a:pt x="37" y="14"/>
                </a:cubicBezTo>
                <a:cubicBezTo>
                  <a:pt x="37" y="6"/>
                  <a:pt x="31" y="0"/>
                  <a:pt x="23" y="0"/>
                </a:cubicBezTo>
                <a:cubicBezTo>
                  <a:pt x="18" y="0"/>
                  <a:pt x="14" y="3"/>
                  <a:pt x="11" y="8"/>
                </a:cubicBezTo>
                <a:cubicBezTo>
                  <a:pt x="4" y="21"/>
                  <a:pt x="0" y="48"/>
                  <a:pt x="0" y="63"/>
                </a:cubicBezTo>
                <a:cubicBezTo>
                  <a:pt x="0" y="73"/>
                  <a:pt x="4" y="112"/>
                  <a:pt x="15" y="123"/>
                </a:cubicBezTo>
                <a:cubicBezTo>
                  <a:pt x="17" y="125"/>
                  <a:pt x="20" y="127"/>
                  <a:pt x="23" y="127"/>
                </a:cubicBezTo>
                <a:cubicBezTo>
                  <a:pt x="31" y="127"/>
                  <a:pt x="37" y="121"/>
                  <a:pt x="37" y="114"/>
                </a:cubicBezTo>
                <a:cubicBezTo>
                  <a:pt x="37" y="111"/>
                  <a:pt x="34" y="104"/>
                  <a:pt x="34" y="103"/>
                </a:cubicBezTo>
                <a:cubicBezTo>
                  <a:pt x="29" y="90"/>
                  <a:pt x="27" y="76"/>
                  <a:pt x="27" y="63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9" name="Freeform 165"/>
          <p:cNvSpPr>
            <a:spLocks noEditPoints="1"/>
          </p:cNvSpPr>
          <p:nvPr userDrawn="1"/>
        </p:nvSpPr>
        <p:spPr bwMode="auto">
          <a:xfrm>
            <a:off x="11333163" y="6000750"/>
            <a:ext cx="34925" cy="127000"/>
          </a:xfrm>
          <a:custGeom>
            <a:avLst/>
            <a:gdLst/>
            <a:ahLst/>
            <a:cxnLst>
              <a:cxn ang="0">
                <a:pos x="10" y="76"/>
              </a:cxn>
              <a:cxn ang="0">
                <a:pos x="8" y="70"/>
              </a:cxn>
              <a:cxn ang="0">
                <a:pos x="1" y="15"/>
              </a:cxn>
              <a:cxn ang="0">
                <a:pos x="3" y="4"/>
              </a:cxn>
              <a:cxn ang="0">
                <a:pos x="13" y="0"/>
              </a:cxn>
              <a:cxn ang="0">
                <a:pos x="17" y="0"/>
              </a:cxn>
              <a:cxn ang="0">
                <a:pos x="27" y="4"/>
              </a:cxn>
              <a:cxn ang="0">
                <a:pos x="29" y="15"/>
              </a:cxn>
              <a:cxn ang="0">
                <a:pos x="23" y="70"/>
              </a:cxn>
              <a:cxn ang="0">
                <a:pos x="21" y="76"/>
              </a:cxn>
              <a:cxn ang="0">
                <a:pos x="16" y="77"/>
              </a:cxn>
              <a:cxn ang="0">
                <a:pos x="14" y="77"/>
              </a:cxn>
              <a:cxn ang="0">
                <a:pos x="10" y="76"/>
              </a:cxn>
              <a:cxn ang="0">
                <a:pos x="2" y="101"/>
              </a:cxn>
              <a:cxn ang="0">
                <a:pos x="2" y="99"/>
              </a:cxn>
              <a:cxn ang="0">
                <a:pos x="14" y="88"/>
              </a:cxn>
              <a:cxn ang="0">
                <a:pos x="17" y="88"/>
              </a:cxn>
              <a:cxn ang="0">
                <a:pos x="28" y="99"/>
              </a:cxn>
              <a:cxn ang="0">
                <a:pos x="28" y="101"/>
              </a:cxn>
              <a:cxn ang="0">
                <a:pos x="17" y="113"/>
              </a:cxn>
              <a:cxn ang="0">
                <a:pos x="14" y="113"/>
              </a:cxn>
              <a:cxn ang="0">
                <a:pos x="2" y="101"/>
              </a:cxn>
            </a:cxnLst>
            <a:rect l="0" t="0" r="r" b="b"/>
            <a:pathLst>
              <a:path w="30" h="113">
                <a:moveTo>
                  <a:pt x="10" y="76"/>
                </a:moveTo>
                <a:cubicBezTo>
                  <a:pt x="9" y="74"/>
                  <a:pt x="9" y="72"/>
                  <a:pt x="8" y="70"/>
                </a:cubicBezTo>
                <a:cubicBezTo>
                  <a:pt x="1" y="15"/>
                  <a:pt x="1" y="15"/>
                  <a:pt x="1" y="15"/>
                </a:cubicBezTo>
                <a:cubicBezTo>
                  <a:pt x="0" y="10"/>
                  <a:pt x="1" y="7"/>
                  <a:pt x="3" y="4"/>
                </a:cubicBezTo>
                <a:cubicBezTo>
                  <a:pt x="5" y="1"/>
                  <a:pt x="9" y="0"/>
                  <a:pt x="13" y="0"/>
                </a:cubicBezTo>
                <a:cubicBezTo>
                  <a:pt x="17" y="0"/>
                  <a:pt x="17" y="0"/>
                  <a:pt x="17" y="0"/>
                </a:cubicBezTo>
                <a:cubicBezTo>
                  <a:pt x="22" y="0"/>
                  <a:pt x="25" y="1"/>
                  <a:pt x="27" y="4"/>
                </a:cubicBezTo>
                <a:cubicBezTo>
                  <a:pt x="30" y="7"/>
                  <a:pt x="30" y="10"/>
                  <a:pt x="29" y="15"/>
                </a:cubicBezTo>
                <a:cubicBezTo>
                  <a:pt x="23" y="70"/>
                  <a:pt x="23" y="70"/>
                  <a:pt x="23" y="70"/>
                </a:cubicBezTo>
                <a:cubicBezTo>
                  <a:pt x="22" y="72"/>
                  <a:pt x="21" y="74"/>
                  <a:pt x="21" y="76"/>
                </a:cubicBezTo>
                <a:cubicBezTo>
                  <a:pt x="20" y="77"/>
                  <a:pt x="18" y="77"/>
                  <a:pt x="16" y="77"/>
                </a:cubicBezTo>
                <a:cubicBezTo>
                  <a:pt x="14" y="77"/>
                  <a:pt x="14" y="77"/>
                  <a:pt x="14" y="77"/>
                </a:cubicBezTo>
                <a:cubicBezTo>
                  <a:pt x="12" y="77"/>
                  <a:pt x="11" y="77"/>
                  <a:pt x="10" y="76"/>
                </a:cubicBezTo>
                <a:close/>
                <a:moveTo>
                  <a:pt x="2" y="101"/>
                </a:moveTo>
                <a:cubicBezTo>
                  <a:pt x="2" y="99"/>
                  <a:pt x="2" y="99"/>
                  <a:pt x="2" y="99"/>
                </a:cubicBezTo>
                <a:cubicBezTo>
                  <a:pt x="2" y="92"/>
                  <a:pt x="6" y="88"/>
                  <a:pt x="14" y="88"/>
                </a:cubicBezTo>
                <a:cubicBezTo>
                  <a:pt x="17" y="88"/>
                  <a:pt x="17" y="88"/>
                  <a:pt x="17" y="88"/>
                </a:cubicBezTo>
                <a:cubicBezTo>
                  <a:pt x="24" y="88"/>
                  <a:pt x="28" y="92"/>
                  <a:pt x="28" y="99"/>
                </a:cubicBezTo>
                <a:cubicBezTo>
                  <a:pt x="28" y="101"/>
                  <a:pt x="28" y="101"/>
                  <a:pt x="28" y="101"/>
                </a:cubicBezTo>
                <a:cubicBezTo>
                  <a:pt x="28" y="109"/>
                  <a:pt x="24" y="113"/>
                  <a:pt x="17" y="113"/>
                </a:cubicBezTo>
                <a:cubicBezTo>
                  <a:pt x="14" y="113"/>
                  <a:pt x="14" y="113"/>
                  <a:pt x="14" y="113"/>
                </a:cubicBezTo>
                <a:cubicBezTo>
                  <a:pt x="6" y="113"/>
                  <a:pt x="2" y="109"/>
                  <a:pt x="2" y="101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93" name="Freeform 169"/>
          <p:cNvSpPr>
            <a:spLocks/>
          </p:cNvSpPr>
          <p:nvPr userDrawn="1"/>
        </p:nvSpPr>
        <p:spPr bwMode="auto">
          <a:xfrm>
            <a:off x="11542713" y="6030913"/>
            <a:ext cx="74612" cy="68262"/>
          </a:xfrm>
          <a:custGeom>
            <a:avLst/>
            <a:gdLst/>
            <a:ahLst/>
            <a:cxnLst>
              <a:cxn ang="0">
                <a:pos x="26" y="6"/>
              </a:cxn>
              <a:cxn ang="0">
                <a:pos x="28" y="1"/>
              </a:cxn>
              <a:cxn ang="0">
                <a:pos x="32" y="0"/>
              </a:cxn>
              <a:cxn ang="0">
                <a:pos x="33" y="0"/>
              </a:cxn>
              <a:cxn ang="0">
                <a:pos x="37" y="1"/>
              </a:cxn>
              <a:cxn ang="0">
                <a:pos x="39" y="6"/>
              </a:cxn>
              <a:cxn ang="0">
                <a:pos x="41" y="20"/>
              </a:cxn>
              <a:cxn ang="0">
                <a:pos x="55" y="17"/>
              </a:cxn>
              <a:cxn ang="0">
                <a:pos x="61" y="18"/>
              </a:cxn>
              <a:cxn ang="0">
                <a:pos x="64" y="22"/>
              </a:cxn>
              <a:cxn ang="0">
                <a:pos x="64" y="22"/>
              </a:cxn>
              <a:cxn ang="0">
                <a:pos x="64" y="27"/>
              </a:cxn>
              <a:cxn ang="0">
                <a:pos x="60" y="31"/>
              </a:cxn>
              <a:cxn ang="0">
                <a:pos x="46" y="37"/>
              </a:cxn>
              <a:cxn ang="0">
                <a:pos x="54" y="50"/>
              </a:cxn>
              <a:cxn ang="0">
                <a:pos x="55" y="56"/>
              </a:cxn>
              <a:cxn ang="0">
                <a:pos x="52" y="59"/>
              </a:cxn>
              <a:cxn ang="0">
                <a:pos x="52" y="60"/>
              </a:cxn>
              <a:cxn ang="0">
                <a:pos x="48" y="61"/>
              </a:cxn>
              <a:cxn ang="0">
                <a:pos x="43" y="58"/>
              </a:cxn>
              <a:cxn ang="0">
                <a:pos x="32" y="47"/>
              </a:cxn>
              <a:cxn ang="0">
                <a:pos x="22" y="58"/>
              </a:cxn>
              <a:cxn ang="0">
                <a:pos x="17" y="61"/>
              </a:cxn>
              <a:cxn ang="0">
                <a:pos x="13" y="60"/>
              </a:cxn>
              <a:cxn ang="0">
                <a:pos x="12" y="59"/>
              </a:cxn>
              <a:cxn ang="0">
                <a:pos x="9" y="56"/>
              </a:cxn>
              <a:cxn ang="0">
                <a:pos x="11" y="50"/>
              </a:cxn>
              <a:cxn ang="0">
                <a:pos x="18" y="37"/>
              </a:cxn>
              <a:cxn ang="0">
                <a:pos x="5" y="31"/>
              </a:cxn>
              <a:cxn ang="0">
                <a:pos x="1" y="27"/>
              </a:cxn>
              <a:cxn ang="0">
                <a:pos x="1" y="22"/>
              </a:cxn>
              <a:cxn ang="0">
                <a:pos x="1" y="22"/>
              </a:cxn>
              <a:cxn ang="0">
                <a:pos x="3" y="18"/>
              </a:cxn>
              <a:cxn ang="0">
                <a:pos x="9" y="17"/>
              </a:cxn>
              <a:cxn ang="0">
                <a:pos x="24" y="20"/>
              </a:cxn>
              <a:cxn ang="0">
                <a:pos x="26" y="6"/>
              </a:cxn>
            </a:cxnLst>
            <a:rect l="0" t="0" r="r" b="b"/>
            <a:pathLst>
              <a:path w="65" h="61">
                <a:moveTo>
                  <a:pt x="26" y="6"/>
                </a:moveTo>
                <a:cubicBezTo>
                  <a:pt x="26" y="3"/>
                  <a:pt x="27" y="2"/>
                  <a:pt x="28" y="1"/>
                </a:cubicBezTo>
                <a:cubicBezTo>
                  <a:pt x="29" y="0"/>
                  <a:pt x="30" y="0"/>
                  <a:pt x="32" y="0"/>
                </a:cubicBezTo>
                <a:cubicBezTo>
                  <a:pt x="33" y="0"/>
                  <a:pt x="33" y="0"/>
                  <a:pt x="33" y="0"/>
                </a:cubicBezTo>
                <a:cubicBezTo>
                  <a:pt x="35" y="0"/>
                  <a:pt x="36" y="0"/>
                  <a:pt x="37" y="1"/>
                </a:cubicBezTo>
                <a:cubicBezTo>
                  <a:pt x="38" y="2"/>
                  <a:pt x="39" y="3"/>
                  <a:pt x="39" y="6"/>
                </a:cubicBezTo>
                <a:cubicBezTo>
                  <a:pt x="41" y="20"/>
                  <a:pt x="41" y="20"/>
                  <a:pt x="41" y="20"/>
                </a:cubicBezTo>
                <a:cubicBezTo>
                  <a:pt x="55" y="17"/>
                  <a:pt x="55" y="17"/>
                  <a:pt x="55" y="17"/>
                </a:cubicBezTo>
                <a:cubicBezTo>
                  <a:pt x="58" y="17"/>
                  <a:pt x="60" y="17"/>
                  <a:pt x="61" y="18"/>
                </a:cubicBezTo>
                <a:cubicBezTo>
                  <a:pt x="62" y="19"/>
                  <a:pt x="63" y="20"/>
                  <a:pt x="64" y="22"/>
                </a:cubicBezTo>
                <a:cubicBezTo>
                  <a:pt x="64" y="22"/>
                  <a:pt x="64" y="22"/>
                  <a:pt x="64" y="22"/>
                </a:cubicBezTo>
                <a:cubicBezTo>
                  <a:pt x="65" y="24"/>
                  <a:pt x="65" y="26"/>
                  <a:pt x="64" y="27"/>
                </a:cubicBezTo>
                <a:cubicBezTo>
                  <a:pt x="64" y="28"/>
                  <a:pt x="62" y="29"/>
                  <a:pt x="60" y="31"/>
                </a:cubicBezTo>
                <a:cubicBezTo>
                  <a:pt x="46" y="37"/>
                  <a:pt x="46" y="37"/>
                  <a:pt x="46" y="37"/>
                </a:cubicBezTo>
                <a:cubicBezTo>
                  <a:pt x="54" y="50"/>
                  <a:pt x="54" y="50"/>
                  <a:pt x="54" y="50"/>
                </a:cubicBezTo>
                <a:cubicBezTo>
                  <a:pt x="55" y="52"/>
                  <a:pt x="56" y="54"/>
                  <a:pt x="55" y="56"/>
                </a:cubicBezTo>
                <a:cubicBezTo>
                  <a:pt x="55" y="57"/>
                  <a:pt x="54" y="58"/>
                  <a:pt x="52" y="59"/>
                </a:cubicBezTo>
                <a:cubicBezTo>
                  <a:pt x="52" y="60"/>
                  <a:pt x="52" y="60"/>
                  <a:pt x="52" y="60"/>
                </a:cubicBezTo>
                <a:cubicBezTo>
                  <a:pt x="51" y="60"/>
                  <a:pt x="49" y="61"/>
                  <a:pt x="48" y="61"/>
                </a:cubicBezTo>
                <a:cubicBezTo>
                  <a:pt x="46" y="61"/>
                  <a:pt x="45" y="60"/>
                  <a:pt x="43" y="58"/>
                </a:cubicBezTo>
                <a:cubicBezTo>
                  <a:pt x="32" y="47"/>
                  <a:pt x="32" y="47"/>
                  <a:pt x="32" y="47"/>
                </a:cubicBezTo>
                <a:cubicBezTo>
                  <a:pt x="22" y="58"/>
                  <a:pt x="22" y="58"/>
                  <a:pt x="22" y="58"/>
                </a:cubicBezTo>
                <a:cubicBezTo>
                  <a:pt x="20" y="60"/>
                  <a:pt x="18" y="61"/>
                  <a:pt x="17" y="61"/>
                </a:cubicBezTo>
                <a:cubicBezTo>
                  <a:pt x="16" y="61"/>
                  <a:pt x="14" y="60"/>
                  <a:pt x="13" y="60"/>
                </a:cubicBezTo>
                <a:cubicBezTo>
                  <a:pt x="12" y="59"/>
                  <a:pt x="12" y="59"/>
                  <a:pt x="12" y="59"/>
                </a:cubicBezTo>
                <a:cubicBezTo>
                  <a:pt x="11" y="58"/>
                  <a:pt x="10" y="57"/>
                  <a:pt x="9" y="56"/>
                </a:cubicBezTo>
                <a:cubicBezTo>
                  <a:pt x="9" y="54"/>
                  <a:pt x="9" y="52"/>
                  <a:pt x="11" y="50"/>
                </a:cubicBezTo>
                <a:cubicBezTo>
                  <a:pt x="18" y="37"/>
                  <a:pt x="18" y="37"/>
                  <a:pt x="18" y="37"/>
                </a:cubicBezTo>
                <a:cubicBezTo>
                  <a:pt x="5" y="31"/>
                  <a:pt x="5" y="31"/>
                  <a:pt x="5" y="31"/>
                </a:cubicBezTo>
                <a:cubicBezTo>
                  <a:pt x="2" y="29"/>
                  <a:pt x="1" y="28"/>
                  <a:pt x="1" y="27"/>
                </a:cubicBezTo>
                <a:cubicBezTo>
                  <a:pt x="0" y="26"/>
                  <a:pt x="0" y="24"/>
                  <a:pt x="1" y="22"/>
                </a:cubicBezTo>
                <a:cubicBezTo>
                  <a:pt x="1" y="22"/>
                  <a:pt x="1" y="22"/>
                  <a:pt x="1" y="22"/>
                </a:cubicBezTo>
                <a:cubicBezTo>
                  <a:pt x="1" y="20"/>
                  <a:pt x="2" y="18"/>
                  <a:pt x="3" y="18"/>
                </a:cubicBezTo>
                <a:cubicBezTo>
                  <a:pt x="5" y="17"/>
                  <a:pt x="6" y="17"/>
                  <a:pt x="9" y="17"/>
                </a:cubicBezTo>
                <a:cubicBezTo>
                  <a:pt x="24" y="20"/>
                  <a:pt x="24" y="20"/>
                  <a:pt x="24" y="20"/>
                </a:cubicBezTo>
                <a:lnTo>
                  <a:pt x="26" y="6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4" name="Freeform 6"/>
          <p:cNvSpPr>
            <a:spLocks/>
          </p:cNvSpPr>
          <p:nvPr userDrawn="1"/>
        </p:nvSpPr>
        <p:spPr bwMode="auto">
          <a:xfrm>
            <a:off x="1828056" y="5070678"/>
            <a:ext cx="509315" cy="554783"/>
          </a:xfrm>
          <a:custGeom>
            <a:avLst/>
            <a:gdLst/>
            <a:ahLst/>
            <a:cxnLst>
              <a:cxn ang="0">
                <a:pos x="306" y="419"/>
              </a:cxn>
              <a:cxn ang="0">
                <a:pos x="363" y="378"/>
              </a:cxn>
              <a:cxn ang="0">
                <a:pos x="314" y="231"/>
              </a:cxn>
              <a:cxn ang="0">
                <a:pos x="294" y="233"/>
              </a:cxn>
              <a:cxn ang="0">
                <a:pos x="273" y="235"/>
              </a:cxn>
              <a:cxn ang="0">
                <a:pos x="261" y="241"/>
              </a:cxn>
              <a:cxn ang="0">
                <a:pos x="242" y="245"/>
              </a:cxn>
              <a:cxn ang="0">
                <a:pos x="227" y="250"/>
              </a:cxn>
              <a:cxn ang="0">
                <a:pos x="202" y="254"/>
              </a:cxn>
              <a:cxn ang="0">
                <a:pos x="168" y="199"/>
              </a:cxn>
              <a:cxn ang="0">
                <a:pos x="216" y="320"/>
              </a:cxn>
              <a:cxn ang="0">
                <a:pos x="199" y="338"/>
              </a:cxn>
              <a:cxn ang="0">
                <a:pos x="154" y="331"/>
              </a:cxn>
              <a:cxn ang="0">
                <a:pos x="158" y="337"/>
              </a:cxn>
              <a:cxn ang="0">
                <a:pos x="148" y="362"/>
              </a:cxn>
              <a:cxn ang="0">
                <a:pos x="178" y="3"/>
              </a:cxn>
              <a:cxn ang="0">
                <a:pos x="368" y="176"/>
              </a:cxn>
              <a:cxn ang="0">
                <a:pos x="353" y="190"/>
              </a:cxn>
              <a:cxn ang="0">
                <a:pos x="273" y="173"/>
              </a:cxn>
              <a:cxn ang="0">
                <a:pos x="161" y="102"/>
              </a:cxn>
              <a:cxn ang="0">
                <a:pos x="134" y="252"/>
              </a:cxn>
              <a:cxn ang="0">
                <a:pos x="118" y="273"/>
              </a:cxn>
              <a:cxn ang="0">
                <a:pos x="153" y="77"/>
              </a:cxn>
              <a:cxn ang="0">
                <a:pos x="298" y="159"/>
              </a:cxn>
              <a:cxn ang="0">
                <a:pos x="291" y="70"/>
              </a:cxn>
              <a:cxn ang="0">
                <a:pos x="31" y="191"/>
              </a:cxn>
              <a:cxn ang="0">
                <a:pos x="131" y="318"/>
              </a:cxn>
              <a:cxn ang="0">
                <a:pos x="180" y="304"/>
              </a:cxn>
              <a:cxn ang="0">
                <a:pos x="136" y="204"/>
              </a:cxn>
              <a:cxn ang="0">
                <a:pos x="193" y="177"/>
              </a:cxn>
              <a:cxn ang="0">
                <a:pos x="215" y="219"/>
              </a:cxn>
              <a:cxn ang="0">
                <a:pos x="246" y="217"/>
              </a:cxn>
              <a:cxn ang="0">
                <a:pos x="281" y="208"/>
              </a:cxn>
              <a:cxn ang="0">
                <a:pos x="333" y="213"/>
              </a:cxn>
              <a:cxn ang="0">
                <a:pos x="391" y="385"/>
              </a:cxn>
              <a:cxn ang="0">
                <a:pos x="324" y="425"/>
              </a:cxn>
            </a:cxnLst>
            <a:rect l="0" t="0" r="r" b="b"/>
            <a:pathLst>
              <a:path w="392" h="427">
                <a:moveTo>
                  <a:pt x="318" y="427"/>
                </a:moveTo>
                <a:cubicBezTo>
                  <a:pt x="313" y="427"/>
                  <a:pt x="308" y="424"/>
                  <a:pt x="306" y="419"/>
                </a:cubicBezTo>
                <a:cubicBezTo>
                  <a:pt x="303" y="412"/>
                  <a:pt x="306" y="404"/>
                  <a:pt x="313" y="401"/>
                </a:cubicBezTo>
                <a:cubicBezTo>
                  <a:pt x="363" y="378"/>
                  <a:pt x="363" y="378"/>
                  <a:pt x="363" y="378"/>
                </a:cubicBezTo>
                <a:cubicBezTo>
                  <a:pt x="351" y="267"/>
                  <a:pt x="339" y="255"/>
                  <a:pt x="323" y="239"/>
                </a:cubicBezTo>
                <a:cubicBezTo>
                  <a:pt x="320" y="237"/>
                  <a:pt x="317" y="234"/>
                  <a:pt x="314" y="231"/>
                </a:cubicBezTo>
                <a:cubicBezTo>
                  <a:pt x="311" y="228"/>
                  <a:pt x="308" y="225"/>
                  <a:pt x="304" y="225"/>
                </a:cubicBezTo>
                <a:cubicBezTo>
                  <a:pt x="300" y="225"/>
                  <a:pt x="296" y="230"/>
                  <a:pt x="294" y="233"/>
                </a:cubicBezTo>
                <a:cubicBezTo>
                  <a:pt x="292" y="236"/>
                  <a:pt x="288" y="238"/>
                  <a:pt x="284" y="239"/>
                </a:cubicBezTo>
                <a:cubicBezTo>
                  <a:pt x="280" y="239"/>
                  <a:pt x="276" y="238"/>
                  <a:pt x="273" y="235"/>
                </a:cubicBezTo>
                <a:cubicBezTo>
                  <a:pt x="272" y="233"/>
                  <a:pt x="270" y="232"/>
                  <a:pt x="270" y="232"/>
                </a:cubicBezTo>
                <a:cubicBezTo>
                  <a:pt x="267" y="233"/>
                  <a:pt x="263" y="238"/>
                  <a:pt x="261" y="241"/>
                </a:cubicBezTo>
                <a:cubicBezTo>
                  <a:pt x="259" y="244"/>
                  <a:pt x="256" y="246"/>
                  <a:pt x="252" y="247"/>
                </a:cubicBezTo>
                <a:cubicBezTo>
                  <a:pt x="248" y="248"/>
                  <a:pt x="245" y="247"/>
                  <a:pt x="242" y="245"/>
                </a:cubicBezTo>
                <a:cubicBezTo>
                  <a:pt x="234" y="240"/>
                  <a:pt x="231" y="240"/>
                  <a:pt x="231" y="240"/>
                </a:cubicBezTo>
                <a:cubicBezTo>
                  <a:pt x="229" y="241"/>
                  <a:pt x="228" y="247"/>
                  <a:pt x="227" y="250"/>
                </a:cubicBezTo>
                <a:cubicBezTo>
                  <a:pt x="227" y="256"/>
                  <a:pt x="222" y="261"/>
                  <a:pt x="216" y="262"/>
                </a:cubicBezTo>
                <a:cubicBezTo>
                  <a:pt x="210" y="263"/>
                  <a:pt x="204" y="260"/>
                  <a:pt x="202" y="254"/>
                </a:cubicBezTo>
                <a:cubicBezTo>
                  <a:pt x="177" y="199"/>
                  <a:pt x="177" y="199"/>
                  <a:pt x="177" y="199"/>
                </a:cubicBezTo>
                <a:cubicBezTo>
                  <a:pt x="174" y="198"/>
                  <a:pt x="171" y="198"/>
                  <a:pt x="168" y="199"/>
                </a:cubicBezTo>
                <a:cubicBezTo>
                  <a:pt x="166" y="200"/>
                  <a:pt x="164" y="203"/>
                  <a:pt x="163" y="205"/>
                </a:cubicBezTo>
                <a:cubicBezTo>
                  <a:pt x="216" y="320"/>
                  <a:pt x="216" y="320"/>
                  <a:pt x="216" y="320"/>
                </a:cubicBezTo>
                <a:cubicBezTo>
                  <a:pt x="219" y="325"/>
                  <a:pt x="218" y="331"/>
                  <a:pt x="214" y="335"/>
                </a:cubicBezTo>
                <a:cubicBezTo>
                  <a:pt x="210" y="339"/>
                  <a:pt x="204" y="340"/>
                  <a:pt x="199" y="338"/>
                </a:cubicBezTo>
                <a:cubicBezTo>
                  <a:pt x="199" y="338"/>
                  <a:pt x="191" y="335"/>
                  <a:pt x="167" y="329"/>
                </a:cubicBezTo>
                <a:cubicBezTo>
                  <a:pt x="160" y="327"/>
                  <a:pt x="155" y="329"/>
                  <a:pt x="154" y="331"/>
                </a:cubicBezTo>
                <a:cubicBezTo>
                  <a:pt x="153" y="333"/>
                  <a:pt x="153" y="334"/>
                  <a:pt x="154" y="335"/>
                </a:cubicBezTo>
                <a:cubicBezTo>
                  <a:pt x="158" y="337"/>
                  <a:pt x="158" y="337"/>
                  <a:pt x="158" y="337"/>
                </a:cubicBezTo>
                <a:cubicBezTo>
                  <a:pt x="163" y="341"/>
                  <a:pt x="165" y="347"/>
                  <a:pt x="163" y="353"/>
                </a:cubicBezTo>
                <a:cubicBezTo>
                  <a:pt x="161" y="359"/>
                  <a:pt x="154" y="363"/>
                  <a:pt x="148" y="362"/>
                </a:cubicBezTo>
                <a:cubicBezTo>
                  <a:pt x="67" y="344"/>
                  <a:pt x="8" y="274"/>
                  <a:pt x="5" y="192"/>
                </a:cubicBezTo>
                <a:cubicBezTo>
                  <a:pt x="0" y="92"/>
                  <a:pt x="78" y="7"/>
                  <a:pt x="178" y="3"/>
                </a:cubicBezTo>
                <a:cubicBezTo>
                  <a:pt x="227" y="0"/>
                  <a:pt x="273" y="17"/>
                  <a:pt x="309" y="50"/>
                </a:cubicBezTo>
                <a:cubicBezTo>
                  <a:pt x="345" y="83"/>
                  <a:pt x="366" y="128"/>
                  <a:pt x="368" y="176"/>
                </a:cubicBezTo>
                <a:cubicBezTo>
                  <a:pt x="368" y="180"/>
                  <a:pt x="366" y="183"/>
                  <a:pt x="364" y="186"/>
                </a:cubicBezTo>
                <a:cubicBezTo>
                  <a:pt x="361" y="189"/>
                  <a:pt x="357" y="190"/>
                  <a:pt x="353" y="190"/>
                </a:cubicBezTo>
                <a:cubicBezTo>
                  <a:pt x="285" y="185"/>
                  <a:pt x="285" y="185"/>
                  <a:pt x="285" y="185"/>
                </a:cubicBezTo>
                <a:cubicBezTo>
                  <a:pt x="279" y="184"/>
                  <a:pt x="274" y="179"/>
                  <a:pt x="273" y="173"/>
                </a:cubicBezTo>
                <a:cubicBezTo>
                  <a:pt x="270" y="145"/>
                  <a:pt x="252" y="120"/>
                  <a:pt x="227" y="107"/>
                </a:cubicBezTo>
                <a:cubicBezTo>
                  <a:pt x="206" y="97"/>
                  <a:pt x="183" y="95"/>
                  <a:pt x="161" y="102"/>
                </a:cubicBezTo>
                <a:cubicBezTo>
                  <a:pt x="139" y="109"/>
                  <a:pt x="121" y="124"/>
                  <a:pt x="111" y="145"/>
                </a:cubicBezTo>
                <a:cubicBezTo>
                  <a:pt x="92" y="181"/>
                  <a:pt x="102" y="226"/>
                  <a:pt x="134" y="252"/>
                </a:cubicBezTo>
                <a:cubicBezTo>
                  <a:pt x="140" y="256"/>
                  <a:pt x="141" y="265"/>
                  <a:pt x="137" y="270"/>
                </a:cubicBezTo>
                <a:cubicBezTo>
                  <a:pt x="132" y="276"/>
                  <a:pt x="124" y="277"/>
                  <a:pt x="118" y="273"/>
                </a:cubicBezTo>
                <a:cubicBezTo>
                  <a:pt x="76" y="239"/>
                  <a:pt x="63" y="181"/>
                  <a:pt x="87" y="133"/>
                </a:cubicBezTo>
                <a:cubicBezTo>
                  <a:pt x="101" y="106"/>
                  <a:pt x="124" y="86"/>
                  <a:pt x="153" y="77"/>
                </a:cubicBezTo>
                <a:cubicBezTo>
                  <a:pt x="182" y="67"/>
                  <a:pt x="212" y="70"/>
                  <a:pt x="239" y="83"/>
                </a:cubicBezTo>
                <a:cubicBezTo>
                  <a:pt x="269" y="99"/>
                  <a:pt x="290" y="126"/>
                  <a:pt x="298" y="159"/>
                </a:cubicBezTo>
                <a:cubicBezTo>
                  <a:pt x="340" y="162"/>
                  <a:pt x="340" y="162"/>
                  <a:pt x="340" y="162"/>
                </a:cubicBezTo>
                <a:cubicBezTo>
                  <a:pt x="335" y="127"/>
                  <a:pt x="318" y="94"/>
                  <a:pt x="291" y="70"/>
                </a:cubicBezTo>
                <a:cubicBezTo>
                  <a:pt x="260" y="42"/>
                  <a:pt x="221" y="27"/>
                  <a:pt x="179" y="29"/>
                </a:cubicBezTo>
                <a:cubicBezTo>
                  <a:pt x="94" y="33"/>
                  <a:pt x="28" y="105"/>
                  <a:pt x="31" y="191"/>
                </a:cubicBezTo>
                <a:cubicBezTo>
                  <a:pt x="34" y="252"/>
                  <a:pt x="72" y="305"/>
                  <a:pt x="127" y="327"/>
                </a:cubicBezTo>
                <a:cubicBezTo>
                  <a:pt x="128" y="324"/>
                  <a:pt x="129" y="321"/>
                  <a:pt x="131" y="318"/>
                </a:cubicBezTo>
                <a:cubicBezTo>
                  <a:pt x="139" y="304"/>
                  <a:pt x="155" y="298"/>
                  <a:pt x="174" y="303"/>
                </a:cubicBezTo>
                <a:cubicBezTo>
                  <a:pt x="176" y="303"/>
                  <a:pt x="178" y="304"/>
                  <a:pt x="180" y="304"/>
                </a:cubicBezTo>
                <a:cubicBezTo>
                  <a:pt x="137" y="212"/>
                  <a:pt x="137" y="212"/>
                  <a:pt x="137" y="212"/>
                </a:cubicBezTo>
                <a:cubicBezTo>
                  <a:pt x="136" y="210"/>
                  <a:pt x="136" y="207"/>
                  <a:pt x="136" y="204"/>
                </a:cubicBezTo>
                <a:cubicBezTo>
                  <a:pt x="136" y="202"/>
                  <a:pt x="140" y="183"/>
                  <a:pt x="156" y="175"/>
                </a:cubicBezTo>
                <a:cubicBezTo>
                  <a:pt x="163" y="172"/>
                  <a:pt x="176" y="169"/>
                  <a:pt x="193" y="177"/>
                </a:cubicBezTo>
                <a:cubicBezTo>
                  <a:pt x="195" y="179"/>
                  <a:pt x="198" y="181"/>
                  <a:pt x="199" y="184"/>
                </a:cubicBezTo>
                <a:cubicBezTo>
                  <a:pt x="215" y="219"/>
                  <a:pt x="215" y="219"/>
                  <a:pt x="215" y="219"/>
                </a:cubicBezTo>
                <a:cubicBezTo>
                  <a:pt x="216" y="218"/>
                  <a:pt x="218" y="217"/>
                  <a:pt x="219" y="216"/>
                </a:cubicBezTo>
                <a:cubicBezTo>
                  <a:pt x="227" y="213"/>
                  <a:pt x="236" y="213"/>
                  <a:pt x="246" y="217"/>
                </a:cubicBezTo>
                <a:cubicBezTo>
                  <a:pt x="251" y="212"/>
                  <a:pt x="258" y="207"/>
                  <a:pt x="267" y="206"/>
                </a:cubicBezTo>
                <a:cubicBezTo>
                  <a:pt x="270" y="205"/>
                  <a:pt x="275" y="206"/>
                  <a:pt x="281" y="208"/>
                </a:cubicBezTo>
                <a:cubicBezTo>
                  <a:pt x="286" y="203"/>
                  <a:pt x="293" y="199"/>
                  <a:pt x="302" y="198"/>
                </a:cubicBezTo>
                <a:cubicBezTo>
                  <a:pt x="310" y="198"/>
                  <a:pt x="322" y="200"/>
                  <a:pt x="333" y="213"/>
                </a:cubicBezTo>
                <a:cubicBezTo>
                  <a:pt x="336" y="215"/>
                  <a:pt x="339" y="218"/>
                  <a:pt x="341" y="220"/>
                </a:cubicBezTo>
                <a:cubicBezTo>
                  <a:pt x="362" y="240"/>
                  <a:pt x="378" y="256"/>
                  <a:pt x="391" y="385"/>
                </a:cubicBezTo>
                <a:cubicBezTo>
                  <a:pt x="392" y="390"/>
                  <a:pt x="388" y="396"/>
                  <a:pt x="383" y="398"/>
                </a:cubicBezTo>
                <a:cubicBezTo>
                  <a:pt x="324" y="425"/>
                  <a:pt x="324" y="425"/>
                  <a:pt x="324" y="425"/>
                </a:cubicBezTo>
                <a:cubicBezTo>
                  <a:pt x="322" y="426"/>
                  <a:pt x="320" y="427"/>
                  <a:pt x="318" y="427"/>
                </a:cubicBez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5" name="Freeform 6"/>
          <p:cNvSpPr>
            <a:spLocks/>
          </p:cNvSpPr>
          <p:nvPr userDrawn="1"/>
        </p:nvSpPr>
        <p:spPr bwMode="auto">
          <a:xfrm>
            <a:off x="6935213" y="3718379"/>
            <a:ext cx="544462" cy="353600"/>
          </a:xfrm>
          <a:custGeom>
            <a:avLst/>
            <a:gdLst/>
            <a:ahLst/>
            <a:cxnLst>
              <a:cxn ang="0">
                <a:pos x="175" y="236"/>
              </a:cxn>
              <a:cxn ang="0">
                <a:pos x="157" y="291"/>
              </a:cxn>
              <a:cxn ang="0">
                <a:pos x="0" y="278"/>
              </a:cxn>
              <a:cxn ang="0">
                <a:pos x="36" y="141"/>
              </a:cxn>
              <a:cxn ang="0">
                <a:pos x="27" y="80"/>
              </a:cxn>
              <a:cxn ang="0">
                <a:pos x="103" y="1"/>
              </a:cxn>
              <a:cxn ang="0">
                <a:pos x="182" y="77"/>
              </a:cxn>
              <a:cxn ang="0">
                <a:pos x="182" y="167"/>
              </a:cxn>
              <a:cxn ang="0">
                <a:pos x="219" y="182"/>
              </a:cxn>
              <a:cxn ang="0">
                <a:pos x="180" y="194"/>
              </a:cxn>
              <a:cxn ang="0">
                <a:pos x="119" y="141"/>
              </a:cxn>
              <a:cxn ang="0">
                <a:pos x="155" y="77"/>
              </a:cxn>
              <a:cxn ang="0">
                <a:pos x="104" y="27"/>
              </a:cxn>
              <a:cxn ang="0">
                <a:pos x="54" y="79"/>
              </a:cxn>
              <a:cxn ang="0">
                <a:pos x="86" y="125"/>
              </a:cxn>
              <a:cxn ang="0">
                <a:pos x="81" y="151"/>
              </a:cxn>
              <a:cxn ang="0">
                <a:pos x="55" y="160"/>
              </a:cxn>
              <a:cxn ang="0">
                <a:pos x="147" y="264"/>
              </a:cxn>
              <a:cxn ang="0">
                <a:pos x="146" y="216"/>
              </a:cxn>
              <a:cxn ang="0">
                <a:pos x="221" y="210"/>
              </a:cxn>
              <a:cxn ang="0">
                <a:pos x="291" y="210"/>
              </a:cxn>
              <a:cxn ang="0">
                <a:pos x="303" y="229"/>
              </a:cxn>
              <a:cxn ang="0">
                <a:pos x="421" y="264"/>
              </a:cxn>
              <a:cxn ang="0">
                <a:pos x="373" y="151"/>
              </a:cxn>
              <a:cxn ang="0">
                <a:pos x="354" y="140"/>
              </a:cxn>
              <a:cxn ang="0">
                <a:pos x="366" y="124"/>
              </a:cxn>
              <a:cxn ang="0">
                <a:pos x="380" y="43"/>
              </a:cxn>
              <a:cxn ang="0">
                <a:pos x="308" y="42"/>
              </a:cxn>
              <a:cxn ang="0">
                <a:pos x="322" y="124"/>
              </a:cxn>
              <a:cxn ang="0">
                <a:pos x="327" y="145"/>
              </a:cxn>
              <a:cxn ang="0">
                <a:pos x="243" y="195"/>
              </a:cxn>
              <a:cxn ang="0">
                <a:pos x="242" y="169"/>
              </a:cxn>
              <a:cxn ang="0">
                <a:pos x="300" y="143"/>
              </a:cxn>
              <a:cxn ang="0">
                <a:pos x="289" y="22"/>
              </a:cxn>
              <a:cxn ang="0">
                <a:pos x="399" y="24"/>
              </a:cxn>
              <a:cxn ang="0">
                <a:pos x="399" y="131"/>
              </a:cxn>
              <a:cxn ang="0">
                <a:pos x="444" y="225"/>
              </a:cxn>
              <a:cxn ang="0">
                <a:pos x="434" y="291"/>
              </a:cxn>
              <a:cxn ang="0">
                <a:pos x="278" y="283"/>
              </a:cxn>
              <a:cxn ang="0">
                <a:pos x="227" y="236"/>
              </a:cxn>
            </a:cxnLst>
            <a:rect l="0" t="0" r="r" b="b"/>
            <a:pathLst>
              <a:path w="448" h="291">
                <a:moveTo>
                  <a:pt x="221" y="236"/>
                </a:moveTo>
                <a:cubicBezTo>
                  <a:pt x="175" y="236"/>
                  <a:pt x="175" y="236"/>
                  <a:pt x="175" y="236"/>
                </a:cubicBezTo>
                <a:cubicBezTo>
                  <a:pt x="178" y="260"/>
                  <a:pt x="170" y="281"/>
                  <a:pt x="169" y="283"/>
                </a:cubicBezTo>
                <a:cubicBezTo>
                  <a:pt x="167" y="288"/>
                  <a:pt x="163" y="291"/>
                  <a:pt x="157" y="291"/>
                </a:cubicBezTo>
                <a:cubicBezTo>
                  <a:pt x="14" y="291"/>
                  <a:pt x="14" y="291"/>
                  <a:pt x="14" y="291"/>
                </a:cubicBezTo>
                <a:cubicBezTo>
                  <a:pt x="6" y="291"/>
                  <a:pt x="0" y="285"/>
                  <a:pt x="0" y="278"/>
                </a:cubicBezTo>
                <a:cubicBezTo>
                  <a:pt x="0" y="277"/>
                  <a:pt x="0" y="253"/>
                  <a:pt x="4" y="225"/>
                </a:cubicBezTo>
                <a:cubicBezTo>
                  <a:pt x="9" y="185"/>
                  <a:pt x="20" y="157"/>
                  <a:pt x="36" y="141"/>
                </a:cubicBezTo>
                <a:cubicBezTo>
                  <a:pt x="40" y="137"/>
                  <a:pt x="44" y="134"/>
                  <a:pt x="48" y="131"/>
                </a:cubicBezTo>
                <a:cubicBezTo>
                  <a:pt x="35" y="118"/>
                  <a:pt x="27" y="99"/>
                  <a:pt x="27" y="80"/>
                </a:cubicBezTo>
                <a:cubicBezTo>
                  <a:pt x="27" y="59"/>
                  <a:pt x="34" y="39"/>
                  <a:pt x="49" y="24"/>
                </a:cubicBezTo>
                <a:cubicBezTo>
                  <a:pt x="63" y="9"/>
                  <a:pt x="82" y="1"/>
                  <a:pt x="103" y="1"/>
                </a:cubicBezTo>
                <a:cubicBezTo>
                  <a:pt x="124" y="0"/>
                  <a:pt x="143" y="8"/>
                  <a:pt x="158" y="22"/>
                </a:cubicBezTo>
                <a:cubicBezTo>
                  <a:pt x="173" y="37"/>
                  <a:pt x="182" y="56"/>
                  <a:pt x="182" y="77"/>
                </a:cubicBezTo>
                <a:cubicBezTo>
                  <a:pt x="183" y="103"/>
                  <a:pt x="169" y="128"/>
                  <a:pt x="148" y="142"/>
                </a:cubicBezTo>
                <a:cubicBezTo>
                  <a:pt x="151" y="150"/>
                  <a:pt x="161" y="166"/>
                  <a:pt x="182" y="167"/>
                </a:cubicBezTo>
                <a:cubicBezTo>
                  <a:pt x="196" y="168"/>
                  <a:pt x="206" y="168"/>
                  <a:pt x="206" y="168"/>
                </a:cubicBezTo>
                <a:cubicBezTo>
                  <a:pt x="213" y="169"/>
                  <a:pt x="219" y="175"/>
                  <a:pt x="219" y="182"/>
                </a:cubicBezTo>
                <a:cubicBezTo>
                  <a:pt x="218" y="190"/>
                  <a:pt x="212" y="195"/>
                  <a:pt x="205" y="195"/>
                </a:cubicBezTo>
                <a:cubicBezTo>
                  <a:pt x="205" y="195"/>
                  <a:pt x="195" y="195"/>
                  <a:pt x="180" y="194"/>
                </a:cubicBezTo>
                <a:cubicBezTo>
                  <a:pt x="143" y="191"/>
                  <a:pt x="125" y="161"/>
                  <a:pt x="121" y="145"/>
                </a:cubicBezTo>
                <a:cubicBezTo>
                  <a:pt x="119" y="141"/>
                  <a:pt x="119" y="141"/>
                  <a:pt x="119" y="141"/>
                </a:cubicBezTo>
                <a:cubicBezTo>
                  <a:pt x="117" y="134"/>
                  <a:pt x="120" y="127"/>
                  <a:pt x="126" y="124"/>
                </a:cubicBezTo>
                <a:cubicBezTo>
                  <a:pt x="144" y="116"/>
                  <a:pt x="156" y="97"/>
                  <a:pt x="155" y="77"/>
                </a:cubicBezTo>
                <a:cubicBezTo>
                  <a:pt x="155" y="64"/>
                  <a:pt x="150" y="51"/>
                  <a:pt x="140" y="42"/>
                </a:cubicBezTo>
                <a:cubicBezTo>
                  <a:pt x="130" y="32"/>
                  <a:pt x="117" y="27"/>
                  <a:pt x="104" y="27"/>
                </a:cubicBezTo>
                <a:cubicBezTo>
                  <a:pt x="90" y="28"/>
                  <a:pt x="77" y="33"/>
                  <a:pt x="68" y="43"/>
                </a:cubicBezTo>
                <a:cubicBezTo>
                  <a:pt x="59" y="53"/>
                  <a:pt x="53" y="66"/>
                  <a:pt x="54" y="79"/>
                </a:cubicBezTo>
                <a:cubicBezTo>
                  <a:pt x="54" y="98"/>
                  <a:pt x="65" y="115"/>
                  <a:pt x="82" y="124"/>
                </a:cubicBezTo>
                <a:cubicBezTo>
                  <a:pt x="86" y="125"/>
                  <a:pt x="86" y="125"/>
                  <a:pt x="86" y="125"/>
                </a:cubicBezTo>
                <a:cubicBezTo>
                  <a:pt x="92" y="128"/>
                  <a:pt x="95" y="134"/>
                  <a:pt x="94" y="140"/>
                </a:cubicBezTo>
                <a:cubicBezTo>
                  <a:pt x="93" y="147"/>
                  <a:pt x="87" y="151"/>
                  <a:pt x="81" y="151"/>
                </a:cubicBezTo>
                <a:cubicBezTo>
                  <a:pt x="74" y="151"/>
                  <a:pt x="74" y="151"/>
                  <a:pt x="74" y="151"/>
                </a:cubicBezTo>
                <a:cubicBezTo>
                  <a:pt x="67" y="151"/>
                  <a:pt x="61" y="154"/>
                  <a:pt x="55" y="160"/>
                </a:cubicBezTo>
                <a:cubicBezTo>
                  <a:pt x="34" y="181"/>
                  <a:pt x="28" y="234"/>
                  <a:pt x="27" y="264"/>
                </a:cubicBezTo>
                <a:cubicBezTo>
                  <a:pt x="147" y="264"/>
                  <a:pt x="147" y="264"/>
                  <a:pt x="147" y="264"/>
                </a:cubicBezTo>
                <a:cubicBezTo>
                  <a:pt x="149" y="255"/>
                  <a:pt x="151" y="241"/>
                  <a:pt x="145" y="229"/>
                </a:cubicBezTo>
                <a:cubicBezTo>
                  <a:pt x="143" y="225"/>
                  <a:pt x="143" y="220"/>
                  <a:pt x="146" y="216"/>
                </a:cubicBezTo>
                <a:cubicBezTo>
                  <a:pt x="148" y="212"/>
                  <a:pt x="152" y="210"/>
                  <a:pt x="157" y="210"/>
                </a:cubicBezTo>
                <a:cubicBezTo>
                  <a:pt x="221" y="210"/>
                  <a:pt x="221" y="210"/>
                  <a:pt x="221" y="210"/>
                </a:cubicBezTo>
                <a:cubicBezTo>
                  <a:pt x="227" y="210"/>
                  <a:pt x="227" y="210"/>
                  <a:pt x="227" y="210"/>
                </a:cubicBezTo>
                <a:cubicBezTo>
                  <a:pt x="291" y="210"/>
                  <a:pt x="291" y="210"/>
                  <a:pt x="291" y="210"/>
                </a:cubicBezTo>
                <a:cubicBezTo>
                  <a:pt x="295" y="210"/>
                  <a:pt x="299" y="212"/>
                  <a:pt x="302" y="216"/>
                </a:cubicBezTo>
                <a:cubicBezTo>
                  <a:pt x="304" y="220"/>
                  <a:pt x="305" y="225"/>
                  <a:pt x="303" y="229"/>
                </a:cubicBezTo>
                <a:cubicBezTo>
                  <a:pt x="297" y="241"/>
                  <a:pt x="299" y="256"/>
                  <a:pt x="301" y="264"/>
                </a:cubicBezTo>
                <a:cubicBezTo>
                  <a:pt x="421" y="264"/>
                  <a:pt x="421" y="264"/>
                  <a:pt x="421" y="264"/>
                </a:cubicBezTo>
                <a:cubicBezTo>
                  <a:pt x="419" y="234"/>
                  <a:pt x="413" y="181"/>
                  <a:pt x="392" y="160"/>
                </a:cubicBezTo>
                <a:cubicBezTo>
                  <a:pt x="387" y="154"/>
                  <a:pt x="381" y="151"/>
                  <a:pt x="373" y="151"/>
                </a:cubicBezTo>
                <a:cubicBezTo>
                  <a:pt x="367" y="151"/>
                  <a:pt x="367" y="151"/>
                  <a:pt x="367" y="151"/>
                </a:cubicBezTo>
                <a:cubicBezTo>
                  <a:pt x="360" y="151"/>
                  <a:pt x="355" y="147"/>
                  <a:pt x="354" y="140"/>
                </a:cubicBezTo>
                <a:cubicBezTo>
                  <a:pt x="353" y="134"/>
                  <a:pt x="356" y="128"/>
                  <a:pt x="362" y="126"/>
                </a:cubicBezTo>
                <a:cubicBezTo>
                  <a:pt x="366" y="124"/>
                  <a:pt x="366" y="124"/>
                  <a:pt x="366" y="124"/>
                </a:cubicBezTo>
                <a:cubicBezTo>
                  <a:pt x="383" y="115"/>
                  <a:pt x="394" y="98"/>
                  <a:pt x="394" y="79"/>
                </a:cubicBezTo>
                <a:cubicBezTo>
                  <a:pt x="394" y="66"/>
                  <a:pt x="389" y="53"/>
                  <a:pt x="380" y="43"/>
                </a:cubicBezTo>
                <a:cubicBezTo>
                  <a:pt x="370" y="33"/>
                  <a:pt x="358" y="28"/>
                  <a:pt x="344" y="27"/>
                </a:cubicBezTo>
                <a:cubicBezTo>
                  <a:pt x="330" y="27"/>
                  <a:pt x="318" y="32"/>
                  <a:pt x="308" y="42"/>
                </a:cubicBezTo>
                <a:cubicBezTo>
                  <a:pt x="298" y="51"/>
                  <a:pt x="292" y="64"/>
                  <a:pt x="292" y="77"/>
                </a:cubicBezTo>
                <a:cubicBezTo>
                  <a:pt x="292" y="97"/>
                  <a:pt x="303" y="116"/>
                  <a:pt x="322" y="124"/>
                </a:cubicBezTo>
                <a:cubicBezTo>
                  <a:pt x="328" y="127"/>
                  <a:pt x="331" y="134"/>
                  <a:pt x="328" y="141"/>
                </a:cubicBezTo>
                <a:cubicBezTo>
                  <a:pt x="327" y="145"/>
                  <a:pt x="327" y="145"/>
                  <a:pt x="327" y="145"/>
                </a:cubicBezTo>
                <a:cubicBezTo>
                  <a:pt x="323" y="162"/>
                  <a:pt x="305" y="192"/>
                  <a:pt x="267" y="194"/>
                </a:cubicBezTo>
                <a:cubicBezTo>
                  <a:pt x="253" y="195"/>
                  <a:pt x="243" y="195"/>
                  <a:pt x="243" y="195"/>
                </a:cubicBezTo>
                <a:cubicBezTo>
                  <a:pt x="235" y="196"/>
                  <a:pt x="229" y="190"/>
                  <a:pt x="229" y="183"/>
                </a:cubicBezTo>
                <a:cubicBezTo>
                  <a:pt x="229" y="175"/>
                  <a:pt x="234" y="169"/>
                  <a:pt x="242" y="169"/>
                </a:cubicBezTo>
                <a:cubicBezTo>
                  <a:pt x="242" y="169"/>
                  <a:pt x="251" y="168"/>
                  <a:pt x="266" y="167"/>
                </a:cubicBezTo>
                <a:cubicBezTo>
                  <a:pt x="287" y="166"/>
                  <a:pt x="296" y="150"/>
                  <a:pt x="300" y="143"/>
                </a:cubicBezTo>
                <a:cubicBezTo>
                  <a:pt x="278" y="128"/>
                  <a:pt x="265" y="103"/>
                  <a:pt x="266" y="77"/>
                </a:cubicBezTo>
                <a:cubicBezTo>
                  <a:pt x="266" y="56"/>
                  <a:pt x="274" y="37"/>
                  <a:pt x="289" y="22"/>
                </a:cubicBezTo>
                <a:cubicBezTo>
                  <a:pt x="304" y="8"/>
                  <a:pt x="324" y="0"/>
                  <a:pt x="344" y="1"/>
                </a:cubicBezTo>
                <a:cubicBezTo>
                  <a:pt x="365" y="1"/>
                  <a:pt x="384" y="10"/>
                  <a:pt x="399" y="24"/>
                </a:cubicBezTo>
                <a:cubicBezTo>
                  <a:pt x="413" y="39"/>
                  <a:pt x="421" y="59"/>
                  <a:pt x="421" y="80"/>
                </a:cubicBezTo>
                <a:cubicBezTo>
                  <a:pt x="420" y="99"/>
                  <a:pt x="412" y="118"/>
                  <a:pt x="399" y="131"/>
                </a:cubicBezTo>
                <a:cubicBezTo>
                  <a:pt x="404" y="134"/>
                  <a:pt x="408" y="137"/>
                  <a:pt x="411" y="141"/>
                </a:cubicBezTo>
                <a:cubicBezTo>
                  <a:pt x="428" y="157"/>
                  <a:pt x="438" y="186"/>
                  <a:pt x="444" y="225"/>
                </a:cubicBezTo>
                <a:cubicBezTo>
                  <a:pt x="448" y="253"/>
                  <a:pt x="447" y="277"/>
                  <a:pt x="447" y="278"/>
                </a:cubicBezTo>
                <a:cubicBezTo>
                  <a:pt x="447" y="285"/>
                  <a:pt x="441" y="291"/>
                  <a:pt x="434" y="291"/>
                </a:cubicBezTo>
                <a:cubicBezTo>
                  <a:pt x="291" y="291"/>
                  <a:pt x="291" y="291"/>
                  <a:pt x="291" y="291"/>
                </a:cubicBezTo>
                <a:cubicBezTo>
                  <a:pt x="285" y="291"/>
                  <a:pt x="280" y="288"/>
                  <a:pt x="278" y="283"/>
                </a:cubicBezTo>
                <a:cubicBezTo>
                  <a:pt x="278" y="282"/>
                  <a:pt x="269" y="260"/>
                  <a:pt x="273" y="236"/>
                </a:cubicBezTo>
                <a:cubicBezTo>
                  <a:pt x="227" y="236"/>
                  <a:pt x="227" y="236"/>
                  <a:pt x="227" y="236"/>
                </a:cubicBezTo>
                <a:lnTo>
                  <a:pt x="221" y="236"/>
                </a:lnTo>
                <a:close/>
              </a:path>
            </a:pathLst>
          </a:custGeom>
          <a:solidFill>
            <a:srgbClr val="009530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>
              <a:solidFill>
                <a:srgbClr val="009530"/>
              </a:solidFill>
            </a:endParaRPr>
          </a:p>
        </p:txBody>
      </p:sp>
      <p:sp>
        <p:nvSpPr>
          <p:cNvPr id="194" name="TextBox 193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eneric Pictos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algn="l">
              <a:defRPr>
                <a:solidFill>
                  <a:srgbClr val="FFFFFF"/>
                </a:solidFill>
              </a:defRPr>
            </a:lvl1pPr>
          </a:lstStyle>
          <a:p>
            <a:r>
              <a:rPr lang="en-US" dirty="0"/>
              <a:t>Generic Pictograms and symbols</a:t>
            </a:r>
            <a:endParaRPr lang="en-US" noProof="0" dirty="0"/>
          </a:p>
        </p:txBody>
      </p:sp>
      <p:sp>
        <p:nvSpPr>
          <p:cNvPr id="5" name="Freeform 171"/>
          <p:cNvSpPr>
            <a:spLocks/>
          </p:cNvSpPr>
          <p:nvPr userDrawn="1"/>
        </p:nvSpPr>
        <p:spPr bwMode="auto">
          <a:xfrm>
            <a:off x="553108" y="1163244"/>
            <a:ext cx="466725" cy="517525"/>
          </a:xfrm>
          <a:custGeom>
            <a:avLst/>
            <a:gdLst/>
            <a:ahLst/>
            <a:cxnLst>
              <a:cxn ang="0">
                <a:pos x="201" y="427"/>
              </a:cxn>
              <a:cxn ang="0">
                <a:pos x="166" y="301"/>
              </a:cxn>
              <a:cxn ang="0">
                <a:pos x="141" y="194"/>
              </a:cxn>
              <a:cxn ang="0">
                <a:pos x="128" y="238"/>
              </a:cxn>
              <a:cxn ang="0">
                <a:pos x="50" y="224"/>
              </a:cxn>
              <a:cxn ang="0">
                <a:pos x="63" y="122"/>
              </a:cxn>
              <a:cxn ang="0">
                <a:pos x="166" y="106"/>
              </a:cxn>
              <a:cxn ang="0">
                <a:pos x="39" y="97"/>
              </a:cxn>
              <a:cxn ang="0">
                <a:pos x="27" y="106"/>
              </a:cxn>
              <a:cxn ang="0">
                <a:pos x="115" y="416"/>
              </a:cxn>
              <a:cxn ang="0">
                <a:pos x="142" y="323"/>
              </a:cxn>
              <a:cxn ang="0">
                <a:pos x="129" y="442"/>
              </a:cxn>
              <a:cxn ang="0">
                <a:pos x="0" y="429"/>
              </a:cxn>
              <a:cxn ang="0">
                <a:pos x="39" y="70"/>
              </a:cxn>
              <a:cxn ang="0">
                <a:pos x="183" y="81"/>
              </a:cxn>
              <a:cxn ang="0">
                <a:pos x="179" y="148"/>
              </a:cxn>
              <a:cxn ang="0">
                <a:pos x="115" y="180"/>
              </a:cxn>
              <a:cxn ang="0">
                <a:pos x="179" y="167"/>
              </a:cxn>
              <a:cxn ang="0">
                <a:pos x="193" y="290"/>
              </a:cxn>
              <a:cxn ang="0">
                <a:pos x="193" y="346"/>
              </a:cxn>
              <a:cxn ang="0">
                <a:pos x="284" y="432"/>
              </a:cxn>
              <a:cxn ang="0">
                <a:pos x="333" y="422"/>
              </a:cxn>
              <a:cxn ang="0">
                <a:pos x="365" y="259"/>
              </a:cxn>
              <a:cxn ang="0">
                <a:pos x="303" y="179"/>
              </a:cxn>
              <a:cxn ang="0">
                <a:pos x="312" y="168"/>
              </a:cxn>
              <a:cxn ang="0">
                <a:pos x="321" y="164"/>
              </a:cxn>
              <a:cxn ang="0">
                <a:pos x="348" y="132"/>
              </a:cxn>
              <a:cxn ang="0">
                <a:pos x="349" y="95"/>
              </a:cxn>
              <a:cxn ang="0">
                <a:pos x="344" y="95"/>
              </a:cxn>
              <a:cxn ang="0">
                <a:pos x="330" y="32"/>
              </a:cxn>
              <a:cxn ang="0">
                <a:pos x="326" y="27"/>
              </a:cxn>
              <a:cxn ang="0">
                <a:pos x="321" y="81"/>
              </a:cxn>
              <a:cxn ang="0">
                <a:pos x="308" y="94"/>
              </a:cxn>
              <a:cxn ang="0">
                <a:pos x="261" y="81"/>
              </a:cxn>
              <a:cxn ang="0">
                <a:pos x="257" y="27"/>
              </a:cxn>
              <a:cxn ang="0">
                <a:pos x="252" y="32"/>
              </a:cxn>
              <a:cxn ang="0">
                <a:pos x="237" y="95"/>
              </a:cxn>
              <a:cxn ang="0">
                <a:pos x="233" y="95"/>
              </a:cxn>
              <a:cxn ang="0">
                <a:pos x="234" y="139"/>
              </a:cxn>
              <a:cxn ang="0">
                <a:pos x="240" y="152"/>
              </a:cxn>
              <a:cxn ang="0">
                <a:pos x="271" y="167"/>
              </a:cxn>
              <a:cxn ang="0">
                <a:pos x="264" y="192"/>
              </a:cxn>
              <a:cxn ang="0">
                <a:pos x="209" y="150"/>
              </a:cxn>
              <a:cxn ang="0">
                <a:pos x="207" y="132"/>
              </a:cxn>
              <a:cxn ang="0">
                <a:pos x="210" y="80"/>
              </a:cxn>
              <a:cxn ang="0">
                <a:pos x="225" y="70"/>
              </a:cxn>
              <a:cxn ang="0">
                <a:pos x="257" y="0"/>
              </a:cxn>
              <a:cxn ang="0">
                <a:pos x="287" y="32"/>
              </a:cxn>
              <a:cxn ang="0">
                <a:pos x="295" y="32"/>
              </a:cxn>
              <a:cxn ang="0">
                <a:pos x="348" y="10"/>
              </a:cxn>
              <a:cxn ang="0">
                <a:pos x="356" y="70"/>
              </a:cxn>
              <a:cxn ang="0">
                <a:pos x="375" y="111"/>
              </a:cxn>
              <a:cxn ang="0">
                <a:pos x="368" y="160"/>
              </a:cxn>
              <a:cxn ang="0">
                <a:pos x="388" y="246"/>
              </a:cxn>
              <a:cxn ang="0">
                <a:pos x="398" y="394"/>
              </a:cxn>
              <a:cxn ang="0">
                <a:pos x="285" y="459"/>
              </a:cxn>
            </a:cxnLst>
            <a:rect l="0" t="0" r="r" b="b"/>
            <a:pathLst>
              <a:path w="413" h="459">
                <a:moveTo>
                  <a:pt x="285" y="459"/>
                </a:moveTo>
                <a:cubicBezTo>
                  <a:pt x="285" y="459"/>
                  <a:pt x="284" y="459"/>
                  <a:pt x="284" y="459"/>
                </a:cubicBezTo>
                <a:cubicBezTo>
                  <a:pt x="284" y="459"/>
                  <a:pt x="284" y="459"/>
                  <a:pt x="284" y="459"/>
                </a:cubicBezTo>
                <a:cubicBezTo>
                  <a:pt x="246" y="459"/>
                  <a:pt x="219" y="445"/>
                  <a:pt x="201" y="427"/>
                </a:cubicBezTo>
                <a:cubicBezTo>
                  <a:pt x="201" y="427"/>
                  <a:pt x="201" y="427"/>
                  <a:pt x="201" y="427"/>
                </a:cubicBezTo>
                <a:cubicBezTo>
                  <a:pt x="183" y="409"/>
                  <a:pt x="175" y="388"/>
                  <a:pt x="171" y="372"/>
                </a:cubicBezTo>
                <a:cubicBezTo>
                  <a:pt x="171" y="372"/>
                  <a:pt x="171" y="372"/>
                  <a:pt x="171" y="372"/>
                </a:cubicBezTo>
                <a:cubicBezTo>
                  <a:pt x="168" y="361"/>
                  <a:pt x="167" y="352"/>
                  <a:pt x="167" y="348"/>
                </a:cubicBezTo>
                <a:cubicBezTo>
                  <a:pt x="167" y="348"/>
                  <a:pt x="167" y="348"/>
                  <a:pt x="167" y="348"/>
                </a:cubicBezTo>
                <a:cubicBezTo>
                  <a:pt x="166" y="335"/>
                  <a:pt x="166" y="314"/>
                  <a:pt x="166" y="301"/>
                </a:cubicBezTo>
                <a:cubicBezTo>
                  <a:pt x="166" y="301"/>
                  <a:pt x="166" y="301"/>
                  <a:pt x="166" y="301"/>
                </a:cubicBezTo>
                <a:cubicBezTo>
                  <a:pt x="166" y="294"/>
                  <a:pt x="166" y="290"/>
                  <a:pt x="166" y="290"/>
                </a:cubicBezTo>
                <a:cubicBezTo>
                  <a:pt x="166" y="290"/>
                  <a:pt x="166" y="290"/>
                  <a:pt x="166" y="290"/>
                </a:cubicBezTo>
                <a:cubicBezTo>
                  <a:pt x="166" y="194"/>
                  <a:pt x="166" y="194"/>
                  <a:pt x="166" y="194"/>
                </a:cubicBezTo>
                <a:cubicBezTo>
                  <a:pt x="141" y="194"/>
                  <a:pt x="141" y="194"/>
                  <a:pt x="141" y="194"/>
                </a:cubicBezTo>
                <a:cubicBezTo>
                  <a:pt x="141" y="224"/>
                  <a:pt x="141" y="224"/>
                  <a:pt x="141" y="224"/>
                </a:cubicBezTo>
                <a:cubicBezTo>
                  <a:pt x="141" y="228"/>
                  <a:pt x="140" y="231"/>
                  <a:pt x="137" y="234"/>
                </a:cubicBezTo>
                <a:cubicBezTo>
                  <a:pt x="137" y="234"/>
                  <a:pt x="137" y="234"/>
                  <a:pt x="137" y="234"/>
                </a:cubicBezTo>
                <a:cubicBezTo>
                  <a:pt x="135" y="236"/>
                  <a:pt x="132" y="238"/>
                  <a:pt x="128" y="238"/>
                </a:cubicBezTo>
                <a:cubicBezTo>
                  <a:pt x="128" y="238"/>
                  <a:pt x="128" y="238"/>
                  <a:pt x="128" y="238"/>
                </a:cubicBezTo>
                <a:cubicBezTo>
                  <a:pt x="63" y="238"/>
                  <a:pt x="63" y="238"/>
                  <a:pt x="63" y="238"/>
                </a:cubicBezTo>
                <a:cubicBezTo>
                  <a:pt x="60" y="238"/>
                  <a:pt x="56" y="236"/>
                  <a:pt x="54" y="234"/>
                </a:cubicBezTo>
                <a:cubicBezTo>
                  <a:pt x="54" y="234"/>
                  <a:pt x="54" y="234"/>
                  <a:pt x="54" y="234"/>
                </a:cubicBezTo>
                <a:cubicBezTo>
                  <a:pt x="51" y="231"/>
                  <a:pt x="50" y="228"/>
                  <a:pt x="50" y="224"/>
                </a:cubicBezTo>
                <a:cubicBezTo>
                  <a:pt x="50" y="224"/>
                  <a:pt x="50" y="224"/>
                  <a:pt x="50" y="224"/>
                </a:cubicBezTo>
                <a:cubicBezTo>
                  <a:pt x="50" y="135"/>
                  <a:pt x="50" y="135"/>
                  <a:pt x="50" y="135"/>
                </a:cubicBezTo>
                <a:cubicBezTo>
                  <a:pt x="50" y="131"/>
                  <a:pt x="51" y="128"/>
                  <a:pt x="54" y="126"/>
                </a:cubicBezTo>
                <a:cubicBezTo>
                  <a:pt x="54" y="126"/>
                  <a:pt x="54" y="126"/>
                  <a:pt x="54" y="126"/>
                </a:cubicBezTo>
                <a:cubicBezTo>
                  <a:pt x="56" y="123"/>
                  <a:pt x="60" y="122"/>
                  <a:pt x="63" y="122"/>
                </a:cubicBezTo>
                <a:cubicBezTo>
                  <a:pt x="63" y="122"/>
                  <a:pt x="63" y="122"/>
                  <a:pt x="63" y="122"/>
                </a:cubicBezTo>
                <a:cubicBezTo>
                  <a:pt x="166" y="122"/>
                  <a:pt x="166" y="122"/>
                  <a:pt x="166" y="122"/>
                </a:cubicBezTo>
                <a:cubicBezTo>
                  <a:pt x="166" y="122"/>
                  <a:pt x="166" y="122"/>
                  <a:pt x="166" y="122"/>
                </a:cubicBezTo>
                <a:cubicBezTo>
                  <a:pt x="166" y="122"/>
                  <a:pt x="166" y="122"/>
                  <a:pt x="166" y="122"/>
                </a:cubicBezTo>
                <a:cubicBezTo>
                  <a:pt x="166" y="115"/>
                  <a:pt x="166" y="107"/>
                  <a:pt x="166" y="106"/>
                </a:cubicBezTo>
                <a:cubicBezTo>
                  <a:pt x="166" y="106"/>
                  <a:pt x="166" y="106"/>
                  <a:pt x="166" y="106"/>
                </a:cubicBezTo>
                <a:cubicBezTo>
                  <a:pt x="166" y="103"/>
                  <a:pt x="165" y="101"/>
                  <a:pt x="164" y="99"/>
                </a:cubicBezTo>
                <a:cubicBezTo>
                  <a:pt x="164" y="99"/>
                  <a:pt x="164" y="99"/>
                  <a:pt x="164" y="99"/>
                </a:cubicBezTo>
                <a:cubicBezTo>
                  <a:pt x="162" y="98"/>
                  <a:pt x="160" y="97"/>
                  <a:pt x="159" y="97"/>
                </a:cubicBezTo>
                <a:cubicBezTo>
                  <a:pt x="159" y="97"/>
                  <a:pt x="159" y="97"/>
                  <a:pt x="159" y="97"/>
                </a:cubicBezTo>
                <a:cubicBezTo>
                  <a:pt x="128" y="97"/>
                  <a:pt x="52" y="97"/>
                  <a:pt x="39" y="97"/>
                </a:cubicBezTo>
                <a:cubicBezTo>
                  <a:pt x="39" y="97"/>
                  <a:pt x="39" y="97"/>
                  <a:pt x="39" y="97"/>
                </a:cubicBezTo>
                <a:cubicBezTo>
                  <a:pt x="32" y="97"/>
                  <a:pt x="30" y="99"/>
                  <a:pt x="29" y="100"/>
                </a:cubicBezTo>
                <a:cubicBezTo>
                  <a:pt x="29" y="100"/>
                  <a:pt x="29" y="100"/>
                  <a:pt x="29" y="100"/>
                </a:cubicBezTo>
                <a:cubicBezTo>
                  <a:pt x="28" y="101"/>
                  <a:pt x="27" y="104"/>
                  <a:pt x="27" y="106"/>
                </a:cubicBezTo>
                <a:cubicBezTo>
                  <a:pt x="27" y="106"/>
                  <a:pt x="27" y="106"/>
                  <a:pt x="27" y="106"/>
                </a:cubicBezTo>
                <a:cubicBezTo>
                  <a:pt x="27" y="108"/>
                  <a:pt x="27" y="188"/>
                  <a:pt x="27" y="269"/>
                </a:cubicBezTo>
                <a:cubicBezTo>
                  <a:pt x="27" y="269"/>
                  <a:pt x="27" y="269"/>
                  <a:pt x="27" y="269"/>
                </a:cubicBezTo>
                <a:cubicBezTo>
                  <a:pt x="27" y="329"/>
                  <a:pt x="27" y="390"/>
                  <a:pt x="27" y="416"/>
                </a:cubicBezTo>
                <a:cubicBezTo>
                  <a:pt x="27" y="416"/>
                  <a:pt x="27" y="416"/>
                  <a:pt x="27" y="416"/>
                </a:cubicBezTo>
                <a:cubicBezTo>
                  <a:pt x="115" y="416"/>
                  <a:pt x="115" y="416"/>
                  <a:pt x="115" y="416"/>
                </a:cubicBezTo>
                <a:cubicBezTo>
                  <a:pt x="115" y="323"/>
                  <a:pt x="115" y="323"/>
                  <a:pt x="115" y="323"/>
                </a:cubicBezTo>
                <a:cubicBezTo>
                  <a:pt x="115" y="316"/>
                  <a:pt x="121" y="310"/>
                  <a:pt x="129" y="310"/>
                </a:cubicBezTo>
                <a:cubicBezTo>
                  <a:pt x="129" y="310"/>
                  <a:pt x="129" y="310"/>
                  <a:pt x="129" y="310"/>
                </a:cubicBezTo>
                <a:cubicBezTo>
                  <a:pt x="136" y="310"/>
                  <a:pt x="142" y="316"/>
                  <a:pt x="142" y="323"/>
                </a:cubicBezTo>
                <a:cubicBezTo>
                  <a:pt x="142" y="323"/>
                  <a:pt x="142" y="323"/>
                  <a:pt x="142" y="323"/>
                </a:cubicBezTo>
                <a:cubicBezTo>
                  <a:pt x="142" y="429"/>
                  <a:pt x="142" y="429"/>
                  <a:pt x="142" y="429"/>
                </a:cubicBezTo>
                <a:cubicBezTo>
                  <a:pt x="142" y="433"/>
                  <a:pt x="141" y="436"/>
                  <a:pt x="138" y="438"/>
                </a:cubicBezTo>
                <a:cubicBezTo>
                  <a:pt x="138" y="438"/>
                  <a:pt x="138" y="438"/>
                  <a:pt x="138" y="438"/>
                </a:cubicBezTo>
                <a:cubicBezTo>
                  <a:pt x="136" y="441"/>
                  <a:pt x="132" y="442"/>
                  <a:pt x="129" y="442"/>
                </a:cubicBezTo>
                <a:cubicBezTo>
                  <a:pt x="129" y="442"/>
                  <a:pt x="129" y="442"/>
                  <a:pt x="129" y="442"/>
                </a:cubicBezTo>
                <a:cubicBezTo>
                  <a:pt x="13" y="442"/>
                  <a:pt x="13" y="442"/>
                  <a:pt x="13" y="442"/>
                </a:cubicBezTo>
                <a:cubicBezTo>
                  <a:pt x="10" y="442"/>
                  <a:pt x="6" y="441"/>
                  <a:pt x="4" y="438"/>
                </a:cubicBezTo>
                <a:cubicBezTo>
                  <a:pt x="4" y="438"/>
                  <a:pt x="4" y="438"/>
                  <a:pt x="4" y="438"/>
                </a:cubicBezTo>
                <a:cubicBezTo>
                  <a:pt x="1" y="436"/>
                  <a:pt x="0" y="433"/>
                  <a:pt x="0" y="429"/>
                </a:cubicBezTo>
                <a:cubicBezTo>
                  <a:pt x="0" y="429"/>
                  <a:pt x="0" y="429"/>
                  <a:pt x="0" y="429"/>
                </a:cubicBezTo>
                <a:cubicBezTo>
                  <a:pt x="0" y="429"/>
                  <a:pt x="0" y="109"/>
                  <a:pt x="0" y="106"/>
                </a:cubicBezTo>
                <a:cubicBezTo>
                  <a:pt x="0" y="106"/>
                  <a:pt x="0" y="106"/>
                  <a:pt x="0" y="106"/>
                </a:cubicBezTo>
                <a:cubicBezTo>
                  <a:pt x="0" y="98"/>
                  <a:pt x="3" y="89"/>
                  <a:pt x="9" y="82"/>
                </a:cubicBezTo>
                <a:cubicBezTo>
                  <a:pt x="9" y="82"/>
                  <a:pt x="9" y="82"/>
                  <a:pt x="9" y="82"/>
                </a:cubicBezTo>
                <a:cubicBezTo>
                  <a:pt x="16" y="75"/>
                  <a:pt x="27" y="70"/>
                  <a:pt x="39" y="70"/>
                </a:cubicBezTo>
                <a:cubicBezTo>
                  <a:pt x="39" y="70"/>
                  <a:pt x="39" y="70"/>
                  <a:pt x="39" y="70"/>
                </a:cubicBezTo>
                <a:cubicBezTo>
                  <a:pt x="52" y="70"/>
                  <a:pt x="128" y="70"/>
                  <a:pt x="159" y="70"/>
                </a:cubicBezTo>
                <a:cubicBezTo>
                  <a:pt x="159" y="70"/>
                  <a:pt x="159" y="70"/>
                  <a:pt x="159" y="70"/>
                </a:cubicBezTo>
                <a:cubicBezTo>
                  <a:pt x="168" y="70"/>
                  <a:pt x="176" y="74"/>
                  <a:pt x="183" y="81"/>
                </a:cubicBezTo>
                <a:cubicBezTo>
                  <a:pt x="183" y="81"/>
                  <a:pt x="183" y="81"/>
                  <a:pt x="183" y="81"/>
                </a:cubicBezTo>
                <a:cubicBezTo>
                  <a:pt x="189" y="87"/>
                  <a:pt x="193" y="96"/>
                  <a:pt x="193" y="106"/>
                </a:cubicBezTo>
                <a:cubicBezTo>
                  <a:pt x="193" y="106"/>
                  <a:pt x="193" y="106"/>
                  <a:pt x="193" y="106"/>
                </a:cubicBezTo>
                <a:cubicBezTo>
                  <a:pt x="193" y="110"/>
                  <a:pt x="193" y="135"/>
                  <a:pt x="193" y="135"/>
                </a:cubicBezTo>
                <a:cubicBezTo>
                  <a:pt x="193" y="135"/>
                  <a:pt x="193" y="135"/>
                  <a:pt x="193" y="135"/>
                </a:cubicBezTo>
                <a:cubicBezTo>
                  <a:pt x="193" y="143"/>
                  <a:pt x="187" y="148"/>
                  <a:pt x="179" y="148"/>
                </a:cubicBezTo>
                <a:cubicBezTo>
                  <a:pt x="179" y="148"/>
                  <a:pt x="179" y="148"/>
                  <a:pt x="179" y="148"/>
                </a:cubicBezTo>
                <a:cubicBezTo>
                  <a:pt x="77" y="148"/>
                  <a:pt x="77" y="148"/>
                  <a:pt x="77" y="148"/>
                </a:cubicBezTo>
                <a:cubicBezTo>
                  <a:pt x="77" y="211"/>
                  <a:pt x="77" y="211"/>
                  <a:pt x="77" y="211"/>
                </a:cubicBezTo>
                <a:cubicBezTo>
                  <a:pt x="115" y="211"/>
                  <a:pt x="115" y="211"/>
                  <a:pt x="115" y="211"/>
                </a:cubicBezTo>
                <a:cubicBezTo>
                  <a:pt x="115" y="180"/>
                  <a:pt x="115" y="180"/>
                  <a:pt x="115" y="180"/>
                </a:cubicBezTo>
                <a:cubicBezTo>
                  <a:pt x="115" y="177"/>
                  <a:pt x="116" y="173"/>
                  <a:pt x="119" y="171"/>
                </a:cubicBezTo>
                <a:cubicBezTo>
                  <a:pt x="119" y="171"/>
                  <a:pt x="119" y="171"/>
                  <a:pt x="119" y="171"/>
                </a:cubicBezTo>
                <a:cubicBezTo>
                  <a:pt x="121" y="168"/>
                  <a:pt x="124" y="167"/>
                  <a:pt x="128" y="167"/>
                </a:cubicBezTo>
                <a:cubicBezTo>
                  <a:pt x="128" y="167"/>
                  <a:pt x="128" y="167"/>
                  <a:pt x="128" y="167"/>
                </a:cubicBezTo>
                <a:cubicBezTo>
                  <a:pt x="179" y="167"/>
                  <a:pt x="179" y="167"/>
                  <a:pt x="179" y="167"/>
                </a:cubicBezTo>
                <a:cubicBezTo>
                  <a:pt x="183" y="167"/>
                  <a:pt x="186" y="168"/>
                  <a:pt x="189" y="171"/>
                </a:cubicBezTo>
                <a:cubicBezTo>
                  <a:pt x="189" y="171"/>
                  <a:pt x="189" y="171"/>
                  <a:pt x="189" y="171"/>
                </a:cubicBezTo>
                <a:cubicBezTo>
                  <a:pt x="191" y="173"/>
                  <a:pt x="193" y="177"/>
                  <a:pt x="193" y="180"/>
                </a:cubicBezTo>
                <a:cubicBezTo>
                  <a:pt x="193" y="180"/>
                  <a:pt x="193" y="180"/>
                  <a:pt x="193" y="180"/>
                </a:cubicBezTo>
                <a:cubicBezTo>
                  <a:pt x="193" y="290"/>
                  <a:pt x="193" y="290"/>
                  <a:pt x="193" y="290"/>
                </a:cubicBezTo>
                <a:cubicBezTo>
                  <a:pt x="193" y="290"/>
                  <a:pt x="193" y="290"/>
                  <a:pt x="193" y="290"/>
                </a:cubicBezTo>
                <a:cubicBezTo>
                  <a:pt x="193" y="290"/>
                  <a:pt x="193" y="294"/>
                  <a:pt x="193" y="301"/>
                </a:cubicBezTo>
                <a:cubicBezTo>
                  <a:pt x="193" y="301"/>
                  <a:pt x="193" y="301"/>
                  <a:pt x="193" y="301"/>
                </a:cubicBezTo>
                <a:cubicBezTo>
                  <a:pt x="193" y="314"/>
                  <a:pt x="193" y="334"/>
                  <a:pt x="193" y="346"/>
                </a:cubicBezTo>
                <a:cubicBezTo>
                  <a:pt x="193" y="346"/>
                  <a:pt x="193" y="346"/>
                  <a:pt x="193" y="346"/>
                </a:cubicBezTo>
                <a:cubicBezTo>
                  <a:pt x="193" y="350"/>
                  <a:pt x="195" y="364"/>
                  <a:pt x="201" y="379"/>
                </a:cubicBezTo>
                <a:cubicBezTo>
                  <a:pt x="201" y="379"/>
                  <a:pt x="201" y="379"/>
                  <a:pt x="201" y="379"/>
                </a:cubicBezTo>
                <a:cubicBezTo>
                  <a:pt x="207" y="394"/>
                  <a:pt x="218" y="410"/>
                  <a:pt x="235" y="420"/>
                </a:cubicBezTo>
                <a:cubicBezTo>
                  <a:pt x="235" y="420"/>
                  <a:pt x="235" y="420"/>
                  <a:pt x="235" y="420"/>
                </a:cubicBezTo>
                <a:cubicBezTo>
                  <a:pt x="247" y="427"/>
                  <a:pt x="263" y="432"/>
                  <a:pt x="284" y="432"/>
                </a:cubicBezTo>
                <a:cubicBezTo>
                  <a:pt x="284" y="432"/>
                  <a:pt x="284" y="432"/>
                  <a:pt x="284" y="432"/>
                </a:cubicBezTo>
                <a:cubicBezTo>
                  <a:pt x="284" y="432"/>
                  <a:pt x="285" y="432"/>
                  <a:pt x="285" y="432"/>
                </a:cubicBezTo>
                <a:cubicBezTo>
                  <a:pt x="285" y="432"/>
                  <a:pt x="285" y="432"/>
                  <a:pt x="285" y="432"/>
                </a:cubicBezTo>
                <a:cubicBezTo>
                  <a:pt x="304" y="432"/>
                  <a:pt x="320" y="429"/>
                  <a:pt x="333" y="422"/>
                </a:cubicBezTo>
                <a:cubicBezTo>
                  <a:pt x="333" y="422"/>
                  <a:pt x="333" y="422"/>
                  <a:pt x="333" y="422"/>
                </a:cubicBezTo>
                <a:cubicBezTo>
                  <a:pt x="345" y="416"/>
                  <a:pt x="356" y="408"/>
                  <a:pt x="364" y="398"/>
                </a:cubicBezTo>
                <a:cubicBezTo>
                  <a:pt x="364" y="398"/>
                  <a:pt x="364" y="398"/>
                  <a:pt x="364" y="398"/>
                </a:cubicBezTo>
                <a:cubicBezTo>
                  <a:pt x="380" y="378"/>
                  <a:pt x="387" y="352"/>
                  <a:pt x="387" y="330"/>
                </a:cubicBezTo>
                <a:cubicBezTo>
                  <a:pt x="387" y="330"/>
                  <a:pt x="387" y="330"/>
                  <a:pt x="387" y="330"/>
                </a:cubicBezTo>
                <a:cubicBezTo>
                  <a:pt x="387" y="308"/>
                  <a:pt x="379" y="283"/>
                  <a:pt x="365" y="259"/>
                </a:cubicBezTo>
                <a:cubicBezTo>
                  <a:pt x="365" y="259"/>
                  <a:pt x="365" y="259"/>
                  <a:pt x="365" y="259"/>
                </a:cubicBezTo>
                <a:cubicBezTo>
                  <a:pt x="351" y="234"/>
                  <a:pt x="331" y="211"/>
                  <a:pt x="308" y="191"/>
                </a:cubicBezTo>
                <a:cubicBezTo>
                  <a:pt x="308" y="191"/>
                  <a:pt x="308" y="191"/>
                  <a:pt x="308" y="191"/>
                </a:cubicBezTo>
                <a:cubicBezTo>
                  <a:pt x="304" y="188"/>
                  <a:pt x="303" y="184"/>
                  <a:pt x="303" y="179"/>
                </a:cubicBezTo>
                <a:cubicBezTo>
                  <a:pt x="303" y="179"/>
                  <a:pt x="303" y="179"/>
                  <a:pt x="303" y="179"/>
                </a:cubicBezTo>
                <a:cubicBezTo>
                  <a:pt x="304" y="174"/>
                  <a:pt x="307" y="170"/>
                  <a:pt x="311" y="169"/>
                </a:cubicBezTo>
                <a:cubicBezTo>
                  <a:pt x="311" y="169"/>
                  <a:pt x="311" y="169"/>
                  <a:pt x="311" y="169"/>
                </a:cubicBezTo>
                <a:cubicBezTo>
                  <a:pt x="311" y="169"/>
                  <a:pt x="311" y="169"/>
                  <a:pt x="312" y="169"/>
                </a:cubicBezTo>
                <a:cubicBezTo>
                  <a:pt x="312" y="169"/>
                  <a:pt x="312" y="169"/>
                  <a:pt x="312" y="169"/>
                </a:cubicBezTo>
                <a:cubicBezTo>
                  <a:pt x="312" y="169"/>
                  <a:pt x="312" y="168"/>
                  <a:pt x="312" y="168"/>
                </a:cubicBezTo>
                <a:cubicBezTo>
                  <a:pt x="312" y="168"/>
                  <a:pt x="312" y="168"/>
                  <a:pt x="312" y="168"/>
                </a:cubicBezTo>
                <a:cubicBezTo>
                  <a:pt x="313" y="168"/>
                  <a:pt x="313" y="168"/>
                  <a:pt x="314" y="168"/>
                </a:cubicBezTo>
                <a:cubicBezTo>
                  <a:pt x="314" y="168"/>
                  <a:pt x="314" y="168"/>
                  <a:pt x="314" y="168"/>
                </a:cubicBezTo>
                <a:cubicBezTo>
                  <a:pt x="316" y="167"/>
                  <a:pt x="318" y="166"/>
                  <a:pt x="321" y="164"/>
                </a:cubicBezTo>
                <a:cubicBezTo>
                  <a:pt x="321" y="164"/>
                  <a:pt x="321" y="164"/>
                  <a:pt x="321" y="164"/>
                </a:cubicBezTo>
                <a:cubicBezTo>
                  <a:pt x="327" y="161"/>
                  <a:pt x="333" y="158"/>
                  <a:pt x="338" y="154"/>
                </a:cubicBezTo>
                <a:cubicBezTo>
                  <a:pt x="338" y="154"/>
                  <a:pt x="338" y="154"/>
                  <a:pt x="338" y="154"/>
                </a:cubicBezTo>
                <a:cubicBezTo>
                  <a:pt x="342" y="151"/>
                  <a:pt x="344" y="148"/>
                  <a:pt x="344" y="147"/>
                </a:cubicBezTo>
                <a:cubicBezTo>
                  <a:pt x="344" y="147"/>
                  <a:pt x="344" y="147"/>
                  <a:pt x="344" y="147"/>
                </a:cubicBezTo>
                <a:cubicBezTo>
                  <a:pt x="346" y="145"/>
                  <a:pt x="347" y="139"/>
                  <a:pt x="348" y="132"/>
                </a:cubicBezTo>
                <a:cubicBezTo>
                  <a:pt x="348" y="132"/>
                  <a:pt x="348" y="132"/>
                  <a:pt x="348" y="132"/>
                </a:cubicBezTo>
                <a:cubicBezTo>
                  <a:pt x="349" y="125"/>
                  <a:pt x="349" y="117"/>
                  <a:pt x="349" y="111"/>
                </a:cubicBezTo>
                <a:cubicBezTo>
                  <a:pt x="349" y="111"/>
                  <a:pt x="349" y="111"/>
                  <a:pt x="349" y="111"/>
                </a:cubicBezTo>
                <a:cubicBezTo>
                  <a:pt x="349" y="104"/>
                  <a:pt x="349" y="99"/>
                  <a:pt x="349" y="95"/>
                </a:cubicBezTo>
                <a:cubicBezTo>
                  <a:pt x="349" y="95"/>
                  <a:pt x="349" y="95"/>
                  <a:pt x="349" y="95"/>
                </a:cubicBezTo>
                <a:cubicBezTo>
                  <a:pt x="348" y="95"/>
                  <a:pt x="346" y="95"/>
                  <a:pt x="345" y="95"/>
                </a:cubicBezTo>
                <a:cubicBezTo>
                  <a:pt x="345" y="95"/>
                  <a:pt x="345" y="95"/>
                  <a:pt x="345" y="95"/>
                </a:cubicBezTo>
                <a:cubicBezTo>
                  <a:pt x="344" y="95"/>
                  <a:pt x="344" y="95"/>
                  <a:pt x="344" y="95"/>
                </a:cubicBezTo>
                <a:cubicBezTo>
                  <a:pt x="344" y="95"/>
                  <a:pt x="344" y="95"/>
                  <a:pt x="344" y="95"/>
                </a:cubicBezTo>
                <a:cubicBezTo>
                  <a:pt x="344" y="95"/>
                  <a:pt x="344" y="95"/>
                  <a:pt x="344" y="95"/>
                </a:cubicBezTo>
                <a:cubicBezTo>
                  <a:pt x="340" y="95"/>
                  <a:pt x="337" y="94"/>
                  <a:pt x="334" y="91"/>
                </a:cubicBezTo>
                <a:cubicBezTo>
                  <a:pt x="334" y="91"/>
                  <a:pt x="334" y="91"/>
                  <a:pt x="334" y="91"/>
                </a:cubicBezTo>
                <a:cubicBezTo>
                  <a:pt x="331" y="89"/>
                  <a:pt x="330" y="85"/>
                  <a:pt x="330" y="81"/>
                </a:cubicBezTo>
                <a:cubicBezTo>
                  <a:pt x="330" y="81"/>
                  <a:pt x="330" y="81"/>
                  <a:pt x="330" y="81"/>
                </a:cubicBezTo>
                <a:cubicBezTo>
                  <a:pt x="330" y="81"/>
                  <a:pt x="330" y="40"/>
                  <a:pt x="330" y="32"/>
                </a:cubicBezTo>
                <a:cubicBezTo>
                  <a:pt x="330" y="32"/>
                  <a:pt x="330" y="32"/>
                  <a:pt x="330" y="32"/>
                </a:cubicBezTo>
                <a:cubicBezTo>
                  <a:pt x="330" y="30"/>
                  <a:pt x="329" y="28"/>
                  <a:pt x="328" y="28"/>
                </a:cubicBezTo>
                <a:cubicBezTo>
                  <a:pt x="328" y="28"/>
                  <a:pt x="328" y="28"/>
                  <a:pt x="328" y="28"/>
                </a:cubicBezTo>
                <a:cubicBezTo>
                  <a:pt x="328" y="27"/>
                  <a:pt x="327" y="27"/>
                  <a:pt x="326" y="27"/>
                </a:cubicBezTo>
                <a:cubicBezTo>
                  <a:pt x="326" y="27"/>
                  <a:pt x="326" y="27"/>
                  <a:pt x="326" y="27"/>
                </a:cubicBezTo>
                <a:cubicBezTo>
                  <a:pt x="324" y="27"/>
                  <a:pt x="323" y="27"/>
                  <a:pt x="323" y="28"/>
                </a:cubicBezTo>
                <a:cubicBezTo>
                  <a:pt x="323" y="28"/>
                  <a:pt x="323" y="28"/>
                  <a:pt x="323" y="28"/>
                </a:cubicBezTo>
                <a:cubicBezTo>
                  <a:pt x="322" y="28"/>
                  <a:pt x="321" y="29"/>
                  <a:pt x="321" y="32"/>
                </a:cubicBezTo>
                <a:cubicBezTo>
                  <a:pt x="321" y="32"/>
                  <a:pt x="321" y="32"/>
                  <a:pt x="321" y="32"/>
                </a:cubicBezTo>
                <a:cubicBezTo>
                  <a:pt x="321" y="41"/>
                  <a:pt x="321" y="76"/>
                  <a:pt x="321" y="81"/>
                </a:cubicBezTo>
                <a:cubicBezTo>
                  <a:pt x="321" y="81"/>
                  <a:pt x="321" y="81"/>
                  <a:pt x="321" y="81"/>
                </a:cubicBezTo>
                <a:cubicBezTo>
                  <a:pt x="321" y="85"/>
                  <a:pt x="320" y="88"/>
                  <a:pt x="317" y="90"/>
                </a:cubicBezTo>
                <a:cubicBezTo>
                  <a:pt x="317" y="90"/>
                  <a:pt x="317" y="90"/>
                  <a:pt x="317" y="90"/>
                </a:cubicBezTo>
                <a:cubicBezTo>
                  <a:pt x="315" y="93"/>
                  <a:pt x="312" y="94"/>
                  <a:pt x="308" y="94"/>
                </a:cubicBezTo>
                <a:cubicBezTo>
                  <a:pt x="308" y="94"/>
                  <a:pt x="308" y="94"/>
                  <a:pt x="308" y="94"/>
                </a:cubicBezTo>
                <a:cubicBezTo>
                  <a:pt x="274" y="94"/>
                  <a:pt x="274" y="94"/>
                  <a:pt x="274" y="94"/>
                </a:cubicBezTo>
                <a:cubicBezTo>
                  <a:pt x="270" y="94"/>
                  <a:pt x="267" y="93"/>
                  <a:pt x="265" y="90"/>
                </a:cubicBezTo>
                <a:cubicBezTo>
                  <a:pt x="265" y="90"/>
                  <a:pt x="265" y="90"/>
                  <a:pt x="265" y="90"/>
                </a:cubicBezTo>
                <a:cubicBezTo>
                  <a:pt x="262" y="88"/>
                  <a:pt x="261" y="85"/>
                  <a:pt x="261" y="81"/>
                </a:cubicBezTo>
                <a:cubicBezTo>
                  <a:pt x="261" y="81"/>
                  <a:pt x="261" y="81"/>
                  <a:pt x="261" y="81"/>
                </a:cubicBezTo>
                <a:cubicBezTo>
                  <a:pt x="261" y="81"/>
                  <a:pt x="261" y="42"/>
                  <a:pt x="261" y="32"/>
                </a:cubicBezTo>
                <a:cubicBezTo>
                  <a:pt x="261" y="32"/>
                  <a:pt x="261" y="32"/>
                  <a:pt x="261" y="32"/>
                </a:cubicBezTo>
                <a:cubicBezTo>
                  <a:pt x="261" y="29"/>
                  <a:pt x="260" y="28"/>
                  <a:pt x="259" y="28"/>
                </a:cubicBezTo>
                <a:cubicBezTo>
                  <a:pt x="259" y="28"/>
                  <a:pt x="259" y="28"/>
                  <a:pt x="259" y="28"/>
                </a:cubicBezTo>
                <a:cubicBezTo>
                  <a:pt x="259" y="27"/>
                  <a:pt x="258" y="27"/>
                  <a:pt x="257" y="27"/>
                </a:cubicBezTo>
                <a:cubicBezTo>
                  <a:pt x="257" y="27"/>
                  <a:pt x="257" y="27"/>
                  <a:pt x="257" y="27"/>
                </a:cubicBezTo>
                <a:cubicBezTo>
                  <a:pt x="255" y="27"/>
                  <a:pt x="254" y="27"/>
                  <a:pt x="253" y="28"/>
                </a:cubicBezTo>
                <a:cubicBezTo>
                  <a:pt x="253" y="28"/>
                  <a:pt x="253" y="28"/>
                  <a:pt x="253" y="28"/>
                </a:cubicBezTo>
                <a:cubicBezTo>
                  <a:pt x="253" y="28"/>
                  <a:pt x="252" y="29"/>
                  <a:pt x="252" y="32"/>
                </a:cubicBezTo>
                <a:cubicBezTo>
                  <a:pt x="252" y="32"/>
                  <a:pt x="252" y="32"/>
                  <a:pt x="252" y="32"/>
                </a:cubicBezTo>
                <a:cubicBezTo>
                  <a:pt x="252" y="41"/>
                  <a:pt x="252" y="74"/>
                  <a:pt x="252" y="82"/>
                </a:cubicBezTo>
                <a:cubicBezTo>
                  <a:pt x="252" y="82"/>
                  <a:pt x="252" y="82"/>
                  <a:pt x="252" y="82"/>
                </a:cubicBezTo>
                <a:cubicBezTo>
                  <a:pt x="252" y="86"/>
                  <a:pt x="250" y="89"/>
                  <a:pt x="247" y="92"/>
                </a:cubicBezTo>
                <a:cubicBezTo>
                  <a:pt x="247" y="92"/>
                  <a:pt x="247" y="92"/>
                  <a:pt x="247" y="92"/>
                </a:cubicBezTo>
                <a:cubicBezTo>
                  <a:pt x="245" y="94"/>
                  <a:pt x="241" y="95"/>
                  <a:pt x="237" y="95"/>
                </a:cubicBezTo>
                <a:cubicBezTo>
                  <a:pt x="237" y="95"/>
                  <a:pt x="237" y="95"/>
                  <a:pt x="237" y="95"/>
                </a:cubicBezTo>
                <a:cubicBezTo>
                  <a:pt x="237" y="95"/>
                  <a:pt x="237" y="95"/>
                  <a:pt x="237" y="95"/>
                </a:cubicBezTo>
                <a:cubicBezTo>
                  <a:pt x="237" y="95"/>
                  <a:pt x="236" y="95"/>
                  <a:pt x="236" y="95"/>
                </a:cubicBezTo>
                <a:cubicBezTo>
                  <a:pt x="236" y="95"/>
                  <a:pt x="236" y="95"/>
                  <a:pt x="236" y="95"/>
                </a:cubicBezTo>
                <a:cubicBezTo>
                  <a:pt x="235" y="95"/>
                  <a:pt x="234" y="95"/>
                  <a:pt x="233" y="95"/>
                </a:cubicBezTo>
                <a:cubicBezTo>
                  <a:pt x="233" y="95"/>
                  <a:pt x="233" y="95"/>
                  <a:pt x="233" y="95"/>
                </a:cubicBezTo>
                <a:cubicBezTo>
                  <a:pt x="233" y="98"/>
                  <a:pt x="233" y="102"/>
                  <a:pt x="233" y="106"/>
                </a:cubicBezTo>
                <a:cubicBezTo>
                  <a:pt x="233" y="106"/>
                  <a:pt x="233" y="106"/>
                  <a:pt x="233" y="106"/>
                </a:cubicBezTo>
                <a:cubicBezTo>
                  <a:pt x="233" y="116"/>
                  <a:pt x="233" y="130"/>
                  <a:pt x="234" y="139"/>
                </a:cubicBezTo>
                <a:cubicBezTo>
                  <a:pt x="234" y="139"/>
                  <a:pt x="234" y="139"/>
                  <a:pt x="234" y="139"/>
                </a:cubicBezTo>
                <a:cubicBezTo>
                  <a:pt x="234" y="142"/>
                  <a:pt x="235" y="144"/>
                  <a:pt x="235" y="145"/>
                </a:cubicBezTo>
                <a:cubicBezTo>
                  <a:pt x="235" y="145"/>
                  <a:pt x="235" y="145"/>
                  <a:pt x="235" y="145"/>
                </a:cubicBezTo>
                <a:cubicBezTo>
                  <a:pt x="235" y="145"/>
                  <a:pt x="235" y="145"/>
                  <a:pt x="235" y="145"/>
                </a:cubicBezTo>
                <a:cubicBezTo>
                  <a:pt x="235" y="145"/>
                  <a:pt x="235" y="145"/>
                  <a:pt x="235" y="145"/>
                </a:cubicBezTo>
                <a:cubicBezTo>
                  <a:pt x="236" y="148"/>
                  <a:pt x="238" y="150"/>
                  <a:pt x="240" y="152"/>
                </a:cubicBezTo>
                <a:cubicBezTo>
                  <a:pt x="240" y="152"/>
                  <a:pt x="240" y="152"/>
                  <a:pt x="240" y="152"/>
                </a:cubicBezTo>
                <a:cubicBezTo>
                  <a:pt x="242" y="154"/>
                  <a:pt x="246" y="156"/>
                  <a:pt x="249" y="158"/>
                </a:cubicBezTo>
                <a:cubicBezTo>
                  <a:pt x="249" y="158"/>
                  <a:pt x="249" y="158"/>
                  <a:pt x="249" y="158"/>
                </a:cubicBezTo>
                <a:cubicBezTo>
                  <a:pt x="256" y="162"/>
                  <a:pt x="265" y="165"/>
                  <a:pt x="271" y="167"/>
                </a:cubicBezTo>
                <a:cubicBezTo>
                  <a:pt x="271" y="167"/>
                  <a:pt x="271" y="167"/>
                  <a:pt x="271" y="167"/>
                </a:cubicBezTo>
                <a:cubicBezTo>
                  <a:pt x="271" y="167"/>
                  <a:pt x="271" y="167"/>
                  <a:pt x="271" y="167"/>
                </a:cubicBezTo>
                <a:cubicBezTo>
                  <a:pt x="279" y="169"/>
                  <a:pt x="283" y="176"/>
                  <a:pt x="281" y="183"/>
                </a:cubicBezTo>
                <a:cubicBezTo>
                  <a:pt x="281" y="183"/>
                  <a:pt x="281" y="183"/>
                  <a:pt x="281" y="183"/>
                </a:cubicBezTo>
                <a:cubicBezTo>
                  <a:pt x="279" y="190"/>
                  <a:pt x="271" y="194"/>
                  <a:pt x="264" y="192"/>
                </a:cubicBezTo>
                <a:cubicBezTo>
                  <a:pt x="264" y="192"/>
                  <a:pt x="264" y="192"/>
                  <a:pt x="264" y="192"/>
                </a:cubicBezTo>
                <a:cubicBezTo>
                  <a:pt x="253" y="189"/>
                  <a:pt x="236" y="184"/>
                  <a:pt x="222" y="172"/>
                </a:cubicBezTo>
                <a:cubicBezTo>
                  <a:pt x="222" y="172"/>
                  <a:pt x="222" y="172"/>
                  <a:pt x="222" y="172"/>
                </a:cubicBezTo>
                <a:cubicBezTo>
                  <a:pt x="217" y="167"/>
                  <a:pt x="213" y="162"/>
                  <a:pt x="210" y="156"/>
                </a:cubicBezTo>
                <a:cubicBezTo>
                  <a:pt x="210" y="156"/>
                  <a:pt x="210" y="156"/>
                  <a:pt x="210" y="156"/>
                </a:cubicBezTo>
                <a:cubicBezTo>
                  <a:pt x="210" y="154"/>
                  <a:pt x="209" y="152"/>
                  <a:pt x="209" y="150"/>
                </a:cubicBezTo>
                <a:cubicBezTo>
                  <a:pt x="209" y="150"/>
                  <a:pt x="209" y="150"/>
                  <a:pt x="209" y="150"/>
                </a:cubicBezTo>
                <a:cubicBezTo>
                  <a:pt x="208" y="148"/>
                  <a:pt x="208" y="147"/>
                  <a:pt x="208" y="145"/>
                </a:cubicBezTo>
                <a:cubicBezTo>
                  <a:pt x="208" y="145"/>
                  <a:pt x="208" y="145"/>
                  <a:pt x="208" y="145"/>
                </a:cubicBezTo>
                <a:cubicBezTo>
                  <a:pt x="207" y="141"/>
                  <a:pt x="207" y="137"/>
                  <a:pt x="207" y="132"/>
                </a:cubicBezTo>
                <a:cubicBezTo>
                  <a:pt x="207" y="132"/>
                  <a:pt x="207" y="132"/>
                  <a:pt x="207" y="132"/>
                </a:cubicBezTo>
                <a:cubicBezTo>
                  <a:pt x="206" y="124"/>
                  <a:pt x="206" y="114"/>
                  <a:pt x="206" y="106"/>
                </a:cubicBezTo>
                <a:cubicBezTo>
                  <a:pt x="206" y="106"/>
                  <a:pt x="206" y="106"/>
                  <a:pt x="206" y="106"/>
                </a:cubicBezTo>
                <a:cubicBezTo>
                  <a:pt x="206" y="101"/>
                  <a:pt x="206" y="97"/>
                  <a:pt x="206" y="94"/>
                </a:cubicBezTo>
                <a:cubicBezTo>
                  <a:pt x="206" y="94"/>
                  <a:pt x="206" y="94"/>
                  <a:pt x="206" y="94"/>
                </a:cubicBezTo>
                <a:cubicBezTo>
                  <a:pt x="206" y="89"/>
                  <a:pt x="208" y="84"/>
                  <a:pt x="210" y="80"/>
                </a:cubicBezTo>
                <a:cubicBezTo>
                  <a:pt x="210" y="80"/>
                  <a:pt x="210" y="80"/>
                  <a:pt x="210" y="80"/>
                </a:cubicBezTo>
                <a:cubicBezTo>
                  <a:pt x="213" y="76"/>
                  <a:pt x="216" y="74"/>
                  <a:pt x="220" y="72"/>
                </a:cubicBezTo>
                <a:cubicBezTo>
                  <a:pt x="220" y="72"/>
                  <a:pt x="220" y="72"/>
                  <a:pt x="220" y="72"/>
                </a:cubicBezTo>
                <a:cubicBezTo>
                  <a:pt x="222" y="71"/>
                  <a:pt x="223" y="70"/>
                  <a:pt x="225" y="70"/>
                </a:cubicBezTo>
                <a:cubicBezTo>
                  <a:pt x="225" y="70"/>
                  <a:pt x="225" y="70"/>
                  <a:pt x="225" y="70"/>
                </a:cubicBezTo>
                <a:cubicBezTo>
                  <a:pt x="225" y="57"/>
                  <a:pt x="225" y="38"/>
                  <a:pt x="225" y="32"/>
                </a:cubicBezTo>
                <a:cubicBezTo>
                  <a:pt x="225" y="32"/>
                  <a:pt x="225" y="32"/>
                  <a:pt x="225" y="32"/>
                </a:cubicBezTo>
                <a:cubicBezTo>
                  <a:pt x="225" y="23"/>
                  <a:pt x="229" y="14"/>
                  <a:pt x="235" y="8"/>
                </a:cubicBezTo>
                <a:cubicBezTo>
                  <a:pt x="235" y="8"/>
                  <a:pt x="235" y="8"/>
                  <a:pt x="235" y="8"/>
                </a:cubicBezTo>
                <a:cubicBezTo>
                  <a:pt x="242" y="2"/>
                  <a:pt x="249" y="0"/>
                  <a:pt x="257" y="0"/>
                </a:cubicBezTo>
                <a:cubicBezTo>
                  <a:pt x="257" y="0"/>
                  <a:pt x="257" y="0"/>
                  <a:pt x="257" y="0"/>
                </a:cubicBezTo>
                <a:cubicBezTo>
                  <a:pt x="265" y="0"/>
                  <a:pt x="273" y="3"/>
                  <a:pt x="278" y="9"/>
                </a:cubicBezTo>
                <a:cubicBezTo>
                  <a:pt x="278" y="9"/>
                  <a:pt x="278" y="9"/>
                  <a:pt x="278" y="9"/>
                </a:cubicBezTo>
                <a:cubicBezTo>
                  <a:pt x="284" y="15"/>
                  <a:pt x="287" y="23"/>
                  <a:pt x="287" y="32"/>
                </a:cubicBezTo>
                <a:cubicBezTo>
                  <a:pt x="287" y="32"/>
                  <a:pt x="287" y="32"/>
                  <a:pt x="287" y="32"/>
                </a:cubicBezTo>
                <a:cubicBezTo>
                  <a:pt x="287" y="38"/>
                  <a:pt x="287" y="55"/>
                  <a:pt x="287" y="68"/>
                </a:cubicBezTo>
                <a:cubicBezTo>
                  <a:pt x="287" y="68"/>
                  <a:pt x="287" y="68"/>
                  <a:pt x="287" y="68"/>
                </a:cubicBezTo>
                <a:cubicBezTo>
                  <a:pt x="295" y="68"/>
                  <a:pt x="295" y="68"/>
                  <a:pt x="295" y="68"/>
                </a:cubicBezTo>
                <a:cubicBezTo>
                  <a:pt x="295" y="55"/>
                  <a:pt x="295" y="38"/>
                  <a:pt x="295" y="32"/>
                </a:cubicBezTo>
                <a:cubicBezTo>
                  <a:pt x="295" y="32"/>
                  <a:pt x="295" y="32"/>
                  <a:pt x="295" y="32"/>
                </a:cubicBezTo>
                <a:cubicBezTo>
                  <a:pt x="295" y="23"/>
                  <a:pt x="298" y="15"/>
                  <a:pt x="304" y="9"/>
                </a:cubicBezTo>
                <a:cubicBezTo>
                  <a:pt x="304" y="9"/>
                  <a:pt x="304" y="9"/>
                  <a:pt x="304" y="9"/>
                </a:cubicBezTo>
                <a:cubicBezTo>
                  <a:pt x="309" y="3"/>
                  <a:pt x="318" y="0"/>
                  <a:pt x="326" y="0"/>
                </a:cubicBezTo>
                <a:cubicBezTo>
                  <a:pt x="326" y="0"/>
                  <a:pt x="326" y="0"/>
                  <a:pt x="326" y="0"/>
                </a:cubicBezTo>
                <a:cubicBezTo>
                  <a:pt x="334" y="0"/>
                  <a:pt x="342" y="4"/>
                  <a:pt x="348" y="10"/>
                </a:cubicBezTo>
                <a:cubicBezTo>
                  <a:pt x="348" y="10"/>
                  <a:pt x="348" y="10"/>
                  <a:pt x="348" y="10"/>
                </a:cubicBezTo>
                <a:cubicBezTo>
                  <a:pt x="353" y="15"/>
                  <a:pt x="356" y="24"/>
                  <a:pt x="356" y="32"/>
                </a:cubicBezTo>
                <a:cubicBezTo>
                  <a:pt x="356" y="32"/>
                  <a:pt x="356" y="32"/>
                  <a:pt x="356" y="32"/>
                </a:cubicBezTo>
                <a:cubicBezTo>
                  <a:pt x="356" y="37"/>
                  <a:pt x="356" y="57"/>
                  <a:pt x="356" y="70"/>
                </a:cubicBezTo>
                <a:cubicBezTo>
                  <a:pt x="356" y="70"/>
                  <a:pt x="356" y="70"/>
                  <a:pt x="356" y="70"/>
                </a:cubicBezTo>
                <a:cubicBezTo>
                  <a:pt x="361" y="71"/>
                  <a:pt x="367" y="74"/>
                  <a:pt x="371" y="80"/>
                </a:cubicBezTo>
                <a:cubicBezTo>
                  <a:pt x="371" y="80"/>
                  <a:pt x="371" y="80"/>
                  <a:pt x="371" y="80"/>
                </a:cubicBezTo>
                <a:cubicBezTo>
                  <a:pt x="374" y="84"/>
                  <a:pt x="375" y="89"/>
                  <a:pt x="375" y="95"/>
                </a:cubicBezTo>
                <a:cubicBezTo>
                  <a:pt x="375" y="95"/>
                  <a:pt x="375" y="95"/>
                  <a:pt x="375" y="95"/>
                </a:cubicBezTo>
                <a:cubicBezTo>
                  <a:pt x="375" y="98"/>
                  <a:pt x="375" y="104"/>
                  <a:pt x="375" y="111"/>
                </a:cubicBezTo>
                <a:cubicBezTo>
                  <a:pt x="375" y="111"/>
                  <a:pt x="375" y="111"/>
                  <a:pt x="375" y="111"/>
                </a:cubicBezTo>
                <a:cubicBezTo>
                  <a:pt x="375" y="118"/>
                  <a:pt x="375" y="127"/>
                  <a:pt x="374" y="135"/>
                </a:cubicBezTo>
                <a:cubicBezTo>
                  <a:pt x="374" y="135"/>
                  <a:pt x="374" y="135"/>
                  <a:pt x="374" y="135"/>
                </a:cubicBezTo>
                <a:cubicBezTo>
                  <a:pt x="373" y="144"/>
                  <a:pt x="372" y="152"/>
                  <a:pt x="368" y="160"/>
                </a:cubicBezTo>
                <a:cubicBezTo>
                  <a:pt x="368" y="160"/>
                  <a:pt x="368" y="160"/>
                  <a:pt x="368" y="160"/>
                </a:cubicBezTo>
                <a:cubicBezTo>
                  <a:pt x="364" y="166"/>
                  <a:pt x="360" y="171"/>
                  <a:pt x="355" y="174"/>
                </a:cubicBezTo>
                <a:cubicBezTo>
                  <a:pt x="355" y="174"/>
                  <a:pt x="355" y="174"/>
                  <a:pt x="355" y="174"/>
                </a:cubicBezTo>
                <a:cubicBezTo>
                  <a:pt x="350" y="178"/>
                  <a:pt x="345" y="182"/>
                  <a:pt x="340" y="184"/>
                </a:cubicBezTo>
                <a:cubicBezTo>
                  <a:pt x="340" y="184"/>
                  <a:pt x="340" y="184"/>
                  <a:pt x="340" y="184"/>
                </a:cubicBezTo>
                <a:cubicBezTo>
                  <a:pt x="359" y="203"/>
                  <a:pt x="376" y="224"/>
                  <a:pt x="388" y="246"/>
                </a:cubicBezTo>
                <a:cubicBezTo>
                  <a:pt x="388" y="246"/>
                  <a:pt x="388" y="246"/>
                  <a:pt x="388" y="246"/>
                </a:cubicBezTo>
                <a:cubicBezTo>
                  <a:pt x="404" y="273"/>
                  <a:pt x="413" y="302"/>
                  <a:pt x="413" y="330"/>
                </a:cubicBezTo>
                <a:cubicBezTo>
                  <a:pt x="413" y="330"/>
                  <a:pt x="413" y="330"/>
                  <a:pt x="413" y="330"/>
                </a:cubicBezTo>
                <a:cubicBezTo>
                  <a:pt x="413" y="351"/>
                  <a:pt x="409" y="373"/>
                  <a:pt x="398" y="394"/>
                </a:cubicBezTo>
                <a:cubicBezTo>
                  <a:pt x="398" y="394"/>
                  <a:pt x="398" y="394"/>
                  <a:pt x="398" y="394"/>
                </a:cubicBezTo>
                <a:cubicBezTo>
                  <a:pt x="387" y="415"/>
                  <a:pt x="369" y="435"/>
                  <a:pt x="344" y="447"/>
                </a:cubicBezTo>
                <a:cubicBezTo>
                  <a:pt x="344" y="447"/>
                  <a:pt x="344" y="447"/>
                  <a:pt x="344" y="447"/>
                </a:cubicBezTo>
                <a:cubicBezTo>
                  <a:pt x="328" y="454"/>
                  <a:pt x="308" y="459"/>
                  <a:pt x="285" y="459"/>
                </a:cubicBezTo>
                <a:cubicBezTo>
                  <a:pt x="285" y="459"/>
                  <a:pt x="285" y="459"/>
                  <a:pt x="285" y="459"/>
                </a:cubicBezTo>
                <a:cubicBezTo>
                  <a:pt x="285" y="459"/>
                  <a:pt x="285" y="459"/>
                  <a:pt x="285" y="45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" name="Freeform 175"/>
          <p:cNvSpPr>
            <a:spLocks/>
          </p:cNvSpPr>
          <p:nvPr userDrawn="1"/>
        </p:nvSpPr>
        <p:spPr bwMode="auto">
          <a:xfrm>
            <a:off x="584858" y="1746154"/>
            <a:ext cx="403225" cy="515938"/>
          </a:xfrm>
          <a:custGeom>
            <a:avLst/>
            <a:gdLst/>
            <a:ahLst/>
            <a:cxnLst>
              <a:cxn ang="0">
                <a:pos x="113" y="28"/>
              </a:cxn>
              <a:cxn ang="0">
                <a:pos x="89" y="84"/>
              </a:cxn>
              <a:cxn ang="0">
                <a:pos x="101" y="134"/>
              </a:cxn>
              <a:cxn ang="0">
                <a:pos x="13" y="134"/>
              </a:cxn>
              <a:cxn ang="0">
                <a:pos x="0" y="147"/>
              </a:cxn>
              <a:cxn ang="0">
                <a:pos x="0" y="266"/>
              </a:cxn>
              <a:cxn ang="0">
                <a:pos x="8" y="278"/>
              </a:cxn>
              <a:cxn ang="0">
                <a:pos x="22" y="276"/>
              </a:cxn>
              <a:cxn ang="0">
                <a:pos x="66" y="268"/>
              </a:cxn>
              <a:cxn ang="0">
                <a:pos x="79" y="329"/>
              </a:cxn>
              <a:cxn ang="0">
                <a:pos x="18" y="337"/>
              </a:cxn>
              <a:cxn ang="0">
                <a:pos x="5" y="338"/>
              </a:cxn>
              <a:cxn ang="0">
                <a:pos x="0" y="349"/>
              </a:cxn>
              <a:cxn ang="0">
                <a:pos x="0" y="444"/>
              </a:cxn>
              <a:cxn ang="0">
                <a:pos x="13" y="457"/>
              </a:cxn>
              <a:cxn ang="0">
                <a:pos x="26" y="444"/>
              </a:cxn>
              <a:cxn ang="0">
                <a:pos x="26" y="367"/>
              </a:cxn>
              <a:cxn ang="0">
                <a:pos x="102" y="342"/>
              </a:cxn>
              <a:cxn ang="0">
                <a:pos x="82" y="247"/>
              </a:cxn>
              <a:cxn ang="0">
                <a:pos x="26" y="241"/>
              </a:cxn>
              <a:cxn ang="0">
                <a:pos x="26" y="161"/>
              </a:cxn>
              <a:cxn ang="0">
                <a:pos x="123" y="161"/>
              </a:cxn>
              <a:cxn ang="0">
                <a:pos x="134" y="154"/>
              </a:cxn>
              <a:cxn ang="0">
                <a:pos x="136" y="147"/>
              </a:cxn>
              <a:cxn ang="0">
                <a:pos x="134" y="141"/>
              </a:cxn>
              <a:cxn ang="0">
                <a:pos x="116" y="83"/>
              </a:cxn>
              <a:cxn ang="0">
                <a:pos x="131" y="47"/>
              </a:cxn>
              <a:cxn ang="0">
                <a:pos x="200" y="44"/>
              </a:cxn>
              <a:cxn ang="0">
                <a:pos x="213" y="142"/>
              </a:cxn>
              <a:cxn ang="0">
                <a:pos x="214" y="155"/>
              </a:cxn>
              <a:cxn ang="0">
                <a:pos x="225" y="161"/>
              </a:cxn>
              <a:cxn ang="0">
                <a:pos x="332" y="161"/>
              </a:cxn>
              <a:cxn ang="0">
                <a:pos x="332" y="226"/>
              </a:cxn>
              <a:cxn ang="0">
                <a:pos x="253" y="245"/>
              </a:cxn>
              <a:cxn ang="0">
                <a:pos x="252" y="330"/>
              </a:cxn>
              <a:cxn ang="0">
                <a:pos x="332" y="356"/>
              </a:cxn>
              <a:cxn ang="0">
                <a:pos x="332" y="431"/>
              </a:cxn>
              <a:cxn ang="0">
                <a:pos x="122" y="431"/>
              </a:cxn>
              <a:cxn ang="0">
                <a:pos x="109" y="444"/>
              </a:cxn>
              <a:cxn ang="0">
                <a:pos x="122" y="457"/>
              </a:cxn>
              <a:cxn ang="0">
                <a:pos x="346" y="457"/>
              </a:cxn>
              <a:cxn ang="0">
                <a:pos x="359" y="444"/>
              </a:cxn>
              <a:cxn ang="0">
                <a:pos x="359" y="338"/>
              </a:cxn>
              <a:cxn ang="0">
                <a:pos x="353" y="327"/>
              </a:cxn>
              <a:cxn ang="0">
                <a:pos x="341" y="326"/>
              </a:cxn>
              <a:cxn ang="0">
                <a:pos x="274" y="314"/>
              </a:cxn>
              <a:cxn ang="0">
                <a:pos x="274" y="262"/>
              </a:cxn>
              <a:cxn ang="0">
                <a:pos x="340" y="258"/>
              </a:cxn>
              <a:cxn ang="0">
                <a:pos x="353" y="257"/>
              </a:cxn>
              <a:cxn ang="0">
                <a:pos x="359" y="245"/>
              </a:cxn>
              <a:cxn ang="0">
                <a:pos x="359" y="147"/>
              </a:cxn>
              <a:cxn ang="0">
                <a:pos x="346" y="134"/>
              </a:cxn>
              <a:cxn ang="0">
                <a:pos x="244" y="134"/>
              </a:cxn>
              <a:cxn ang="0">
                <a:pos x="250" y="93"/>
              </a:cxn>
              <a:cxn ang="0">
                <a:pos x="248" y="72"/>
              </a:cxn>
              <a:cxn ang="0">
                <a:pos x="215" y="22"/>
              </a:cxn>
              <a:cxn ang="0">
                <a:pos x="113" y="28"/>
              </a:cxn>
            </a:cxnLst>
            <a:rect l="0" t="0" r="r" b="b"/>
            <a:pathLst>
              <a:path w="359" h="457">
                <a:moveTo>
                  <a:pt x="113" y="28"/>
                </a:moveTo>
                <a:cubicBezTo>
                  <a:pt x="104" y="36"/>
                  <a:pt x="89" y="54"/>
                  <a:pt x="89" y="84"/>
                </a:cubicBezTo>
                <a:cubicBezTo>
                  <a:pt x="89" y="98"/>
                  <a:pt x="93" y="114"/>
                  <a:pt x="101" y="134"/>
                </a:cubicBezTo>
                <a:cubicBezTo>
                  <a:pt x="73" y="134"/>
                  <a:pt x="13" y="134"/>
                  <a:pt x="13" y="134"/>
                </a:cubicBezTo>
                <a:cubicBezTo>
                  <a:pt x="6" y="134"/>
                  <a:pt x="0" y="140"/>
                  <a:pt x="0" y="147"/>
                </a:cubicBezTo>
                <a:cubicBezTo>
                  <a:pt x="0" y="266"/>
                  <a:pt x="0" y="266"/>
                  <a:pt x="0" y="266"/>
                </a:cubicBezTo>
                <a:cubicBezTo>
                  <a:pt x="0" y="272"/>
                  <a:pt x="3" y="276"/>
                  <a:pt x="8" y="278"/>
                </a:cubicBezTo>
                <a:cubicBezTo>
                  <a:pt x="13" y="281"/>
                  <a:pt x="18" y="280"/>
                  <a:pt x="22" y="276"/>
                </a:cubicBezTo>
                <a:cubicBezTo>
                  <a:pt x="39" y="261"/>
                  <a:pt x="53" y="259"/>
                  <a:pt x="66" y="268"/>
                </a:cubicBezTo>
                <a:cubicBezTo>
                  <a:pt x="82" y="281"/>
                  <a:pt x="89" y="311"/>
                  <a:pt x="79" y="329"/>
                </a:cubicBezTo>
                <a:cubicBezTo>
                  <a:pt x="67" y="350"/>
                  <a:pt x="35" y="343"/>
                  <a:pt x="18" y="337"/>
                </a:cubicBezTo>
                <a:cubicBezTo>
                  <a:pt x="13" y="335"/>
                  <a:pt x="9" y="336"/>
                  <a:pt x="5" y="338"/>
                </a:cubicBezTo>
                <a:cubicBezTo>
                  <a:pt x="2" y="341"/>
                  <a:pt x="0" y="345"/>
                  <a:pt x="0" y="349"/>
                </a:cubicBezTo>
                <a:cubicBezTo>
                  <a:pt x="0" y="444"/>
                  <a:pt x="0" y="444"/>
                  <a:pt x="0" y="444"/>
                </a:cubicBezTo>
                <a:cubicBezTo>
                  <a:pt x="0" y="451"/>
                  <a:pt x="6" y="457"/>
                  <a:pt x="13" y="457"/>
                </a:cubicBezTo>
                <a:cubicBezTo>
                  <a:pt x="20" y="457"/>
                  <a:pt x="26" y="451"/>
                  <a:pt x="26" y="444"/>
                </a:cubicBezTo>
                <a:cubicBezTo>
                  <a:pt x="26" y="444"/>
                  <a:pt x="26" y="390"/>
                  <a:pt x="26" y="367"/>
                </a:cubicBezTo>
                <a:cubicBezTo>
                  <a:pt x="76" y="378"/>
                  <a:pt x="96" y="354"/>
                  <a:pt x="102" y="342"/>
                </a:cubicBezTo>
                <a:cubicBezTo>
                  <a:pt x="118" y="313"/>
                  <a:pt x="109" y="269"/>
                  <a:pt x="82" y="247"/>
                </a:cubicBezTo>
                <a:cubicBezTo>
                  <a:pt x="66" y="234"/>
                  <a:pt x="46" y="233"/>
                  <a:pt x="26" y="241"/>
                </a:cubicBezTo>
                <a:cubicBezTo>
                  <a:pt x="26" y="215"/>
                  <a:pt x="26" y="177"/>
                  <a:pt x="26" y="161"/>
                </a:cubicBezTo>
                <a:cubicBezTo>
                  <a:pt x="47" y="161"/>
                  <a:pt x="123" y="161"/>
                  <a:pt x="123" y="161"/>
                </a:cubicBezTo>
                <a:cubicBezTo>
                  <a:pt x="127" y="161"/>
                  <a:pt x="132" y="158"/>
                  <a:pt x="134" y="154"/>
                </a:cubicBezTo>
                <a:cubicBezTo>
                  <a:pt x="135" y="152"/>
                  <a:pt x="136" y="150"/>
                  <a:pt x="136" y="147"/>
                </a:cubicBezTo>
                <a:cubicBezTo>
                  <a:pt x="136" y="145"/>
                  <a:pt x="135" y="143"/>
                  <a:pt x="134" y="141"/>
                </a:cubicBezTo>
                <a:cubicBezTo>
                  <a:pt x="122" y="119"/>
                  <a:pt x="116" y="100"/>
                  <a:pt x="116" y="83"/>
                </a:cubicBezTo>
                <a:cubicBezTo>
                  <a:pt x="116" y="69"/>
                  <a:pt x="121" y="56"/>
                  <a:pt x="131" y="47"/>
                </a:cubicBezTo>
                <a:cubicBezTo>
                  <a:pt x="149" y="31"/>
                  <a:pt x="179" y="29"/>
                  <a:pt x="200" y="44"/>
                </a:cubicBezTo>
                <a:cubicBezTo>
                  <a:pt x="226" y="61"/>
                  <a:pt x="230" y="97"/>
                  <a:pt x="213" y="142"/>
                </a:cubicBezTo>
                <a:cubicBezTo>
                  <a:pt x="211" y="146"/>
                  <a:pt x="212" y="151"/>
                  <a:pt x="214" y="155"/>
                </a:cubicBezTo>
                <a:cubicBezTo>
                  <a:pt x="216" y="158"/>
                  <a:pt x="221" y="161"/>
                  <a:pt x="225" y="161"/>
                </a:cubicBezTo>
                <a:cubicBezTo>
                  <a:pt x="225" y="161"/>
                  <a:pt x="311" y="161"/>
                  <a:pt x="332" y="161"/>
                </a:cubicBezTo>
                <a:cubicBezTo>
                  <a:pt x="332" y="176"/>
                  <a:pt x="332" y="206"/>
                  <a:pt x="332" y="226"/>
                </a:cubicBezTo>
                <a:cubicBezTo>
                  <a:pt x="286" y="213"/>
                  <a:pt x="262" y="234"/>
                  <a:pt x="253" y="245"/>
                </a:cubicBezTo>
                <a:cubicBezTo>
                  <a:pt x="234" y="268"/>
                  <a:pt x="234" y="305"/>
                  <a:pt x="252" y="330"/>
                </a:cubicBezTo>
                <a:cubicBezTo>
                  <a:pt x="269" y="354"/>
                  <a:pt x="298" y="363"/>
                  <a:pt x="332" y="356"/>
                </a:cubicBezTo>
                <a:cubicBezTo>
                  <a:pt x="332" y="377"/>
                  <a:pt x="332" y="414"/>
                  <a:pt x="332" y="431"/>
                </a:cubicBezTo>
                <a:cubicBezTo>
                  <a:pt x="309" y="431"/>
                  <a:pt x="122" y="431"/>
                  <a:pt x="122" y="431"/>
                </a:cubicBezTo>
                <a:cubicBezTo>
                  <a:pt x="115" y="431"/>
                  <a:pt x="109" y="437"/>
                  <a:pt x="109" y="444"/>
                </a:cubicBezTo>
                <a:cubicBezTo>
                  <a:pt x="109" y="451"/>
                  <a:pt x="115" y="457"/>
                  <a:pt x="122" y="457"/>
                </a:cubicBezTo>
                <a:cubicBezTo>
                  <a:pt x="346" y="457"/>
                  <a:pt x="346" y="457"/>
                  <a:pt x="346" y="457"/>
                </a:cubicBezTo>
                <a:cubicBezTo>
                  <a:pt x="353" y="457"/>
                  <a:pt x="359" y="451"/>
                  <a:pt x="359" y="444"/>
                </a:cubicBezTo>
                <a:cubicBezTo>
                  <a:pt x="359" y="338"/>
                  <a:pt x="359" y="338"/>
                  <a:pt x="359" y="338"/>
                </a:cubicBezTo>
                <a:cubicBezTo>
                  <a:pt x="359" y="334"/>
                  <a:pt x="357" y="330"/>
                  <a:pt x="353" y="327"/>
                </a:cubicBezTo>
                <a:cubicBezTo>
                  <a:pt x="350" y="325"/>
                  <a:pt x="345" y="324"/>
                  <a:pt x="341" y="326"/>
                </a:cubicBezTo>
                <a:cubicBezTo>
                  <a:pt x="311" y="337"/>
                  <a:pt x="286" y="333"/>
                  <a:pt x="274" y="314"/>
                </a:cubicBezTo>
                <a:cubicBezTo>
                  <a:pt x="262" y="299"/>
                  <a:pt x="263" y="276"/>
                  <a:pt x="274" y="262"/>
                </a:cubicBezTo>
                <a:cubicBezTo>
                  <a:pt x="286" y="246"/>
                  <a:pt x="311" y="245"/>
                  <a:pt x="340" y="258"/>
                </a:cubicBezTo>
                <a:cubicBezTo>
                  <a:pt x="344" y="259"/>
                  <a:pt x="349" y="259"/>
                  <a:pt x="353" y="257"/>
                </a:cubicBezTo>
                <a:cubicBezTo>
                  <a:pt x="357" y="254"/>
                  <a:pt x="359" y="250"/>
                  <a:pt x="359" y="245"/>
                </a:cubicBezTo>
                <a:cubicBezTo>
                  <a:pt x="359" y="147"/>
                  <a:pt x="359" y="147"/>
                  <a:pt x="359" y="147"/>
                </a:cubicBezTo>
                <a:cubicBezTo>
                  <a:pt x="359" y="140"/>
                  <a:pt x="353" y="134"/>
                  <a:pt x="346" y="134"/>
                </a:cubicBezTo>
                <a:cubicBezTo>
                  <a:pt x="346" y="134"/>
                  <a:pt x="270" y="134"/>
                  <a:pt x="244" y="134"/>
                </a:cubicBezTo>
                <a:cubicBezTo>
                  <a:pt x="248" y="119"/>
                  <a:pt x="250" y="106"/>
                  <a:pt x="250" y="93"/>
                </a:cubicBezTo>
                <a:cubicBezTo>
                  <a:pt x="250" y="86"/>
                  <a:pt x="249" y="79"/>
                  <a:pt x="248" y="72"/>
                </a:cubicBezTo>
                <a:cubicBezTo>
                  <a:pt x="243" y="51"/>
                  <a:pt x="232" y="34"/>
                  <a:pt x="215" y="22"/>
                </a:cubicBezTo>
                <a:cubicBezTo>
                  <a:pt x="184" y="0"/>
                  <a:pt x="140" y="3"/>
                  <a:pt x="113" y="2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" name="Freeform 191"/>
          <p:cNvSpPr>
            <a:spLocks/>
          </p:cNvSpPr>
          <p:nvPr userDrawn="1"/>
        </p:nvSpPr>
        <p:spPr bwMode="auto">
          <a:xfrm>
            <a:off x="572158" y="2383849"/>
            <a:ext cx="428625" cy="515937"/>
          </a:xfrm>
          <a:custGeom>
            <a:avLst/>
            <a:gdLst/>
            <a:ahLst/>
            <a:cxnLst>
              <a:cxn ang="0">
                <a:pos x="148" y="457"/>
              </a:cxn>
              <a:cxn ang="0">
                <a:pos x="0" y="272"/>
              </a:cxn>
              <a:cxn ang="0">
                <a:pos x="41" y="169"/>
              </a:cxn>
              <a:cxn ang="0">
                <a:pos x="75" y="252"/>
              </a:cxn>
              <a:cxn ang="0">
                <a:pos x="99" y="253"/>
              </a:cxn>
              <a:cxn ang="0">
                <a:pos x="108" y="61"/>
              </a:cxn>
              <a:cxn ang="0">
                <a:pos x="249" y="9"/>
              </a:cxn>
              <a:cxn ang="0">
                <a:pos x="211" y="121"/>
              </a:cxn>
              <a:cxn ang="0">
                <a:pos x="270" y="218"/>
              </a:cxn>
              <a:cxn ang="0">
                <a:pos x="281" y="228"/>
              </a:cxn>
              <a:cxn ang="0">
                <a:pos x="302" y="99"/>
              </a:cxn>
              <a:cxn ang="0">
                <a:pos x="349" y="80"/>
              </a:cxn>
              <a:cxn ang="0">
                <a:pos x="362" y="185"/>
              </a:cxn>
              <a:cxn ang="0">
                <a:pos x="380" y="272"/>
              </a:cxn>
              <a:cxn ang="0">
                <a:pos x="247" y="453"/>
              </a:cxn>
              <a:cxn ang="0">
                <a:pos x="233" y="432"/>
              </a:cxn>
              <a:cxn ang="0">
                <a:pos x="238" y="370"/>
              </a:cxn>
              <a:cxn ang="0">
                <a:pos x="195" y="275"/>
              </a:cxn>
              <a:cxn ang="0">
                <a:pos x="135" y="344"/>
              </a:cxn>
              <a:cxn ang="0">
                <a:pos x="199" y="397"/>
              </a:cxn>
              <a:cxn ang="0">
                <a:pos x="196" y="423"/>
              </a:cxn>
              <a:cxn ang="0">
                <a:pos x="109" y="338"/>
              </a:cxn>
              <a:cxn ang="0">
                <a:pos x="178" y="245"/>
              </a:cxn>
              <a:cxn ang="0">
                <a:pos x="201" y="237"/>
              </a:cxn>
              <a:cxn ang="0">
                <a:pos x="241" y="344"/>
              </a:cxn>
              <a:cxn ang="0">
                <a:pos x="269" y="321"/>
              </a:cxn>
              <a:cxn ang="0">
                <a:pos x="278" y="409"/>
              </a:cxn>
              <a:cxn ang="0">
                <a:pos x="347" y="226"/>
              </a:cxn>
              <a:cxn ang="0">
                <a:pos x="337" y="193"/>
              </a:cxn>
              <a:cxn ang="0">
                <a:pos x="313" y="173"/>
              </a:cxn>
              <a:cxn ang="0">
                <a:pos x="267" y="255"/>
              </a:cxn>
              <a:cxn ang="0">
                <a:pos x="213" y="165"/>
              </a:cxn>
              <a:cxn ang="0">
                <a:pos x="183" y="74"/>
              </a:cxn>
              <a:cxn ang="0">
                <a:pos x="130" y="76"/>
              </a:cxn>
              <a:cxn ang="0">
                <a:pos x="121" y="268"/>
              </a:cxn>
              <a:cxn ang="0">
                <a:pos x="58" y="272"/>
              </a:cxn>
              <a:cxn ang="0">
                <a:pos x="26" y="272"/>
              </a:cxn>
              <a:cxn ang="0">
                <a:pos x="164" y="447"/>
              </a:cxn>
            </a:cxnLst>
            <a:rect l="0" t="0" r="r" b="b"/>
            <a:pathLst>
              <a:path w="380" h="458">
                <a:moveTo>
                  <a:pt x="151" y="458"/>
                </a:moveTo>
                <a:cubicBezTo>
                  <a:pt x="150" y="458"/>
                  <a:pt x="149" y="457"/>
                  <a:pt x="148" y="457"/>
                </a:cubicBezTo>
                <a:cubicBezTo>
                  <a:pt x="107" y="448"/>
                  <a:pt x="69" y="424"/>
                  <a:pt x="42" y="391"/>
                </a:cubicBezTo>
                <a:cubicBezTo>
                  <a:pt x="15" y="358"/>
                  <a:pt x="0" y="315"/>
                  <a:pt x="0" y="272"/>
                </a:cubicBezTo>
                <a:cubicBezTo>
                  <a:pt x="0" y="238"/>
                  <a:pt x="9" y="204"/>
                  <a:pt x="26" y="175"/>
                </a:cubicBezTo>
                <a:cubicBezTo>
                  <a:pt x="29" y="170"/>
                  <a:pt x="35" y="168"/>
                  <a:pt x="41" y="169"/>
                </a:cubicBezTo>
                <a:cubicBezTo>
                  <a:pt x="46" y="170"/>
                  <a:pt x="50" y="175"/>
                  <a:pt x="51" y="181"/>
                </a:cubicBezTo>
                <a:cubicBezTo>
                  <a:pt x="53" y="214"/>
                  <a:pt x="62" y="240"/>
                  <a:pt x="75" y="252"/>
                </a:cubicBezTo>
                <a:cubicBezTo>
                  <a:pt x="80" y="256"/>
                  <a:pt x="85" y="258"/>
                  <a:pt x="91" y="258"/>
                </a:cubicBezTo>
                <a:cubicBezTo>
                  <a:pt x="93" y="258"/>
                  <a:pt x="96" y="257"/>
                  <a:pt x="99" y="253"/>
                </a:cubicBezTo>
                <a:cubicBezTo>
                  <a:pt x="101" y="249"/>
                  <a:pt x="109" y="232"/>
                  <a:pt x="96" y="191"/>
                </a:cubicBezTo>
                <a:cubicBezTo>
                  <a:pt x="75" y="129"/>
                  <a:pt x="85" y="95"/>
                  <a:pt x="108" y="61"/>
                </a:cubicBezTo>
                <a:cubicBezTo>
                  <a:pt x="126" y="36"/>
                  <a:pt x="168" y="6"/>
                  <a:pt x="235" y="0"/>
                </a:cubicBezTo>
                <a:cubicBezTo>
                  <a:pt x="241" y="0"/>
                  <a:pt x="247" y="3"/>
                  <a:pt x="249" y="9"/>
                </a:cubicBezTo>
                <a:cubicBezTo>
                  <a:pt x="251" y="14"/>
                  <a:pt x="250" y="20"/>
                  <a:pt x="245" y="24"/>
                </a:cubicBezTo>
                <a:cubicBezTo>
                  <a:pt x="201" y="61"/>
                  <a:pt x="204" y="103"/>
                  <a:pt x="211" y="121"/>
                </a:cubicBezTo>
                <a:cubicBezTo>
                  <a:pt x="216" y="131"/>
                  <a:pt x="223" y="138"/>
                  <a:pt x="231" y="145"/>
                </a:cubicBezTo>
                <a:cubicBezTo>
                  <a:pt x="246" y="159"/>
                  <a:pt x="263" y="175"/>
                  <a:pt x="270" y="218"/>
                </a:cubicBezTo>
                <a:cubicBezTo>
                  <a:pt x="271" y="225"/>
                  <a:pt x="274" y="229"/>
                  <a:pt x="276" y="230"/>
                </a:cubicBezTo>
                <a:cubicBezTo>
                  <a:pt x="278" y="230"/>
                  <a:pt x="280" y="229"/>
                  <a:pt x="281" y="228"/>
                </a:cubicBezTo>
                <a:cubicBezTo>
                  <a:pt x="288" y="223"/>
                  <a:pt x="293" y="206"/>
                  <a:pt x="287" y="179"/>
                </a:cubicBezTo>
                <a:cubicBezTo>
                  <a:pt x="281" y="150"/>
                  <a:pt x="286" y="121"/>
                  <a:pt x="302" y="99"/>
                </a:cubicBezTo>
                <a:cubicBezTo>
                  <a:pt x="311" y="85"/>
                  <a:pt x="324" y="77"/>
                  <a:pt x="336" y="75"/>
                </a:cubicBezTo>
                <a:cubicBezTo>
                  <a:pt x="341" y="74"/>
                  <a:pt x="346" y="76"/>
                  <a:pt x="349" y="80"/>
                </a:cubicBezTo>
                <a:cubicBezTo>
                  <a:pt x="351" y="83"/>
                  <a:pt x="352" y="88"/>
                  <a:pt x="351" y="93"/>
                </a:cubicBezTo>
                <a:cubicBezTo>
                  <a:pt x="341" y="120"/>
                  <a:pt x="352" y="153"/>
                  <a:pt x="362" y="185"/>
                </a:cubicBezTo>
                <a:cubicBezTo>
                  <a:pt x="366" y="196"/>
                  <a:pt x="370" y="207"/>
                  <a:pt x="373" y="219"/>
                </a:cubicBezTo>
                <a:cubicBezTo>
                  <a:pt x="378" y="236"/>
                  <a:pt x="380" y="254"/>
                  <a:pt x="380" y="272"/>
                </a:cubicBezTo>
                <a:cubicBezTo>
                  <a:pt x="380" y="313"/>
                  <a:pt x="367" y="352"/>
                  <a:pt x="343" y="385"/>
                </a:cubicBezTo>
                <a:cubicBezTo>
                  <a:pt x="319" y="418"/>
                  <a:pt x="286" y="441"/>
                  <a:pt x="247" y="453"/>
                </a:cubicBezTo>
                <a:cubicBezTo>
                  <a:pt x="242" y="455"/>
                  <a:pt x="235" y="453"/>
                  <a:pt x="232" y="448"/>
                </a:cubicBezTo>
                <a:cubicBezTo>
                  <a:pt x="229" y="443"/>
                  <a:pt x="229" y="436"/>
                  <a:pt x="233" y="432"/>
                </a:cubicBezTo>
                <a:cubicBezTo>
                  <a:pt x="255" y="407"/>
                  <a:pt x="261" y="383"/>
                  <a:pt x="261" y="366"/>
                </a:cubicBezTo>
                <a:cubicBezTo>
                  <a:pt x="254" y="370"/>
                  <a:pt x="245" y="371"/>
                  <a:pt x="238" y="370"/>
                </a:cubicBezTo>
                <a:cubicBezTo>
                  <a:pt x="220" y="368"/>
                  <a:pt x="203" y="354"/>
                  <a:pt x="204" y="327"/>
                </a:cubicBezTo>
                <a:cubicBezTo>
                  <a:pt x="205" y="304"/>
                  <a:pt x="202" y="288"/>
                  <a:pt x="195" y="275"/>
                </a:cubicBezTo>
                <a:cubicBezTo>
                  <a:pt x="188" y="287"/>
                  <a:pt x="177" y="295"/>
                  <a:pt x="167" y="303"/>
                </a:cubicBezTo>
                <a:cubicBezTo>
                  <a:pt x="153" y="315"/>
                  <a:pt x="140" y="326"/>
                  <a:pt x="135" y="344"/>
                </a:cubicBezTo>
                <a:cubicBezTo>
                  <a:pt x="132" y="355"/>
                  <a:pt x="133" y="364"/>
                  <a:pt x="138" y="371"/>
                </a:cubicBezTo>
                <a:cubicBezTo>
                  <a:pt x="147" y="384"/>
                  <a:pt x="168" y="393"/>
                  <a:pt x="199" y="397"/>
                </a:cubicBezTo>
                <a:cubicBezTo>
                  <a:pt x="207" y="398"/>
                  <a:pt x="212" y="404"/>
                  <a:pt x="211" y="412"/>
                </a:cubicBezTo>
                <a:cubicBezTo>
                  <a:pt x="210" y="419"/>
                  <a:pt x="203" y="424"/>
                  <a:pt x="196" y="423"/>
                </a:cubicBezTo>
                <a:cubicBezTo>
                  <a:pt x="156" y="418"/>
                  <a:pt x="129" y="406"/>
                  <a:pt x="116" y="386"/>
                </a:cubicBezTo>
                <a:cubicBezTo>
                  <a:pt x="107" y="373"/>
                  <a:pt x="105" y="356"/>
                  <a:pt x="109" y="338"/>
                </a:cubicBezTo>
                <a:cubicBezTo>
                  <a:pt x="116" y="311"/>
                  <a:pt x="134" y="296"/>
                  <a:pt x="150" y="283"/>
                </a:cubicBezTo>
                <a:cubicBezTo>
                  <a:pt x="167" y="269"/>
                  <a:pt x="177" y="260"/>
                  <a:pt x="178" y="245"/>
                </a:cubicBezTo>
                <a:cubicBezTo>
                  <a:pt x="178" y="239"/>
                  <a:pt x="182" y="234"/>
                  <a:pt x="187" y="233"/>
                </a:cubicBezTo>
                <a:cubicBezTo>
                  <a:pt x="192" y="231"/>
                  <a:pt x="198" y="233"/>
                  <a:pt x="201" y="237"/>
                </a:cubicBezTo>
                <a:cubicBezTo>
                  <a:pt x="220" y="260"/>
                  <a:pt x="232" y="283"/>
                  <a:pt x="231" y="327"/>
                </a:cubicBezTo>
                <a:cubicBezTo>
                  <a:pt x="230" y="337"/>
                  <a:pt x="234" y="343"/>
                  <a:pt x="241" y="344"/>
                </a:cubicBezTo>
                <a:cubicBezTo>
                  <a:pt x="246" y="345"/>
                  <a:pt x="255" y="342"/>
                  <a:pt x="257" y="331"/>
                </a:cubicBezTo>
                <a:cubicBezTo>
                  <a:pt x="258" y="325"/>
                  <a:pt x="263" y="321"/>
                  <a:pt x="269" y="321"/>
                </a:cubicBezTo>
                <a:cubicBezTo>
                  <a:pt x="275" y="320"/>
                  <a:pt x="281" y="324"/>
                  <a:pt x="283" y="329"/>
                </a:cubicBezTo>
                <a:cubicBezTo>
                  <a:pt x="290" y="349"/>
                  <a:pt x="291" y="379"/>
                  <a:pt x="278" y="409"/>
                </a:cubicBezTo>
                <a:cubicBezTo>
                  <a:pt x="325" y="380"/>
                  <a:pt x="354" y="329"/>
                  <a:pt x="354" y="272"/>
                </a:cubicBezTo>
                <a:cubicBezTo>
                  <a:pt x="354" y="256"/>
                  <a:pt x="351" y="241"/>
                  <a:pt x="347" y="226"/>
                </a:cubicBezTo>
                <a:cubicBezTo>
                  <a:pt x="347" y="226"/>
                  <a:pt x="347" y="226"/>
                  <a:pt x="347" y="225"/>
                </a:cubicBezTo>
                <a:cubicBezTo>
                  <a:pt x="344" y="215"/>
                  <a:pt x="341" y="205"/>
                  <a:pt x="337" y="193"/>
                </a:cubicBezTo>
                <a:cubicBezTo>
                  <a:pt x="329" y="170"/>
                  <a:pt x="321" y="145"/>
                  <a:pt x="320" y="120"/>
                </a:cubicBezTo>
                <a:cubicBezTo>
                  <a:pt x="315" y="130"/>
                  <a:pt x="308" y="148"/>
                  <a:pt x="313" y="173"/>
                </a:cubicBezTo>
                <a:cubicBezTo>
                  <a:pt x="320" y="207"/>
                  <a:pt x="315" y="234"/>
                  <a:pt x="299" y="248"/>
                </a:cubicBezTo>
                <a:cubicBezTo>
                  <a:pt x="290" y="256"/>
                  <a:pt x="278" y="259"/>
                  <a:pt x="267" y="255"/>
                </a:cubicBezTo>
                <a:cubicBezTo>
                  <a:pt x="254" y="250"/>
                  <a:pt x="246" y="238"/>
                  <a:pt x="243" y="222"/>
                </a:cubicBezTo>
                <a:cubicBezTo>
                  <a:pt x="238" y="188"/>
                  <a:pt x="226" y="178"/>
                  <a:pt x="213" y="165"/>
                </a:cubicBezTo>
                <a:cubicBezTo>
                  <a:pt x="204" y="157"/>
                  <a:pt x="194" y="147"/>
                  <a:pt x="187" y="132"/>
                </a:cubicBezTo>
                <a:cubicBezTo>
                  <a:pt x="180" y="115"/>
                  <a:pt x="178" y="95"/>
                  <a:pt x="183" y="74"/>
                </a:cubicBezTo>
                <a:cubicBezTo>
                  <a:pt x="186" y="60"/>
                  <a:pt x="192" y="46"/>
                  <a:pt x="200" y="33"/>
                </a:cubicBezTo>
                <a:cubicBezTo>
                  <a:pt x="164" y="43"/>
                  <a:pt x="140" y="61"/>
                  <a:pt x="130" y="76"/>
                </a:cubicBezTo>
                <a:cubicBezTo>
                  <a:pt x="114" y="100"/>
                  <a:pt x="102" y="125"/>
                  <a:pt x="121" y="182"/>
                </a:cubicBezTo>
                <a:cubicBezTo>
                  <a:pt x="133" y="219"/>
                  <a:pt x="133" y="249"/>
                  <a:pt x="121" y="268"/>
                </a:cubicBezTo>
                <a:cubicBezTo>
                  <a:pt x="114" y="278"/>
                  <a:pt x="104" y="284"/>
                  <a:pt x="93" y="284"/>
                </a:cubicBezTo>
                <a:cubicBezTo>
                  <a:pt x="80" y="285"/>
                  <a:pt x="68" y="281"/>
                  <a:pt x="58" y="272"/>
                </a:cubicBezTo>
                <a:cubicBezTo>
                  <a:pt x="47" y="262"/>
                  <a:pt x="38" y="247"/>
                  <a:pt x="32" y="229"/>
                </a:cubicBezTo>
                <a:cubicBezTo>
                  <a:pt x="28" y="243"/>
                  <a:pt x="26" y="257"/>
                  <a:pt x="26" y="272"/>
                </a:cubicBezTo>
                <a:cubicBezTo>
                  <a:pt x="26" y="347"/>
                  <a:pt x="80" y="415"/>
                  <a:pt x="154" y="431"/>
                </a:cubicBezTo>
                <a:cubicBezTo>
                  <a:pt x="161" y="433"/>
                  <a:pt x="166" y="440"/>
                  <a:pt x="164" y="447"/>
                </a:cubicBezTo>
                <a:cubicBezTo>
                  <a:pt x="163" y="453"/>
                  <a:pt x="157" y="458"/>
                  <a:pt x="151" y="45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Freeform 195"/>
          <p:cNvSpPr>
            <a:spLocks/>
          </p:cNvSpPr>
          <p:nvPr userDrawn="1"/>
        </p:nvSpPr>
        <p:spPr bwMode="auto">
          <a:xfrm>
            <a:off x="537233" y="2997308"/>
            <a:ext cx="498475" cy="501650"/>
          </a:xfrm>
          <a:custGeom>
            <a:avLst/>
            <a:gdLst/>
            <a:ahLst/>
            <a:cxnLst>
              <a:cxn ang="0">
                <a:pos x="5" y="5"/>
              </a:cxn>
              <a:cxn ang="0">
                <a:pos x="5" y="24"/>
              </a:cxn>
              <a:cxn ang="0">
                <a:pos x="212" y="231"/>
              </a:cxn>
              <a:cxn ang="0">
                <a:pos x="221" y="235"/>
              </a:cxn>
              <a:cxn ang="0">
                <a:pos x="231" y="231"/>
              </a:cxn>
              <a:cxn ang="0">
                <a:pos x="255" y="207"/>
              </a:cxn>
              <a:cxn ang="0">
                <a:pos x="263" y="215"/>
              </a:cxn>
              <a:cxn ang="0">
                <a:pos x="263" y="234"/>
              </a:cxn>
              <a:cxn ang="0">
                <a:pos x="270" y="246"/>
              </a:cxn>
              <a:cxn ang="0">
                <a:pos x="318" y="270"/>
              </a:cxn>
              <a:cxn ang="0">
                <a:pos x="409" y="361"/>
              </a:cxn>
              <a:cxn ang="0">
                <a:pos x="415" y="376"/>
              </a:cxn>
              <a:cxn ang="0">
                <a:pos x="409" y="391"/>
              </a:cxn>
              <a:cxn ang="0">
                <a:pos x="391" y="408"/>
              </a:cxn>
              <a:cxn ang="0">
                <a:pos x="361" y="408"/>
              </a:cxn>
              <a:cxn ang="0">
                <a:pos x="270" y="317"/>
              </a:cxn>
              <a:cxn ang="0">
                <a:pos x="246" y="270"/>
              </a:cxn>
              <a:cxn ang="0">
                <a:pos x="234" y="263"/>
              </a:cxn>
              <a:cxn ang="0">
                <a:pos x="209" y="263"/>
              </a:cxn>
              <a:cxn ang="0">
                <a:pos x="196" y="276"/>
              </a:cxn>
              <a:cxn ang="0">
                <a:pos x="209" y="289"/>
              </a:cxn>
              <a:cxn ang="0">
                <a:pos x="226" y="289"/>
              </a:cxn>
              <a:cxn ang="0">
                <a:pos x="247" y="331"/>
              </a:cxn>
              <a:cxn ang="0">
                <a:pos x="250" y="335"/>
              </a:cxn>
              <a:cxn ang="0">
                <a:pos x="342" y="427"/>
              </a:cxn>
              <a:cxn ang="0">
                <a:pos x="410" y="427"/>
              </a:cxn>
              <a:cxn ang="0">
                <a:pos x="428" y="410"/>
              </a:cxn>
              <a:cxn ang="0">
                <a:pos x="442" y="376"/>
              </a:cxn>
              <a:cxn ang="0">
                <a:pos x="428" y="342"/>
              </a:cxn>
              <a:cxn ang="0">
                <a:pos x="335" y="249"/>
              </a:cxn>
              <a:cxn ang="0">
                <a:pos x="332" y="247"/>
              </a:cxn>
              <a:cxn ang="0">
                <a:pos x="290" y="226"/>
              </a:cxn>
              <a:cxn ang="0">
                <a:pos x="290" y="209"/>
              </a:cxn>
              <a:cxn ang="0">
                <a:pos x="286" y="200"/>
              </a:cxn>
              <a:cxn ang="0">
                <a:pos x="265" y="179"/>
              </a:cxn>
              <a:cxn ang="0">
                <a:pos x="255" y="175"/>
              </a:cxn>
              <a:cxn ang="0">
                <a:pos x="246" y="179"/>
              </a:cxn>
              <a:cxn ang="0">
                <a:pos x="221" y="203"/>
              </a:cxn>
              <a:cxn ang="0">
                <a:pos x="24" y="5"/>
              </a:cxn>
              <a:cxn ang="0">
                <a:pos x="5" y="5"/>
              </a:cxn>
            </a:cxnLst>
            <a:rect l="0" t="0" r="r" b="b"/>
            <a:pathLst>
              <a:path w="442" h="446">
                <a:moveTo>
                  <a:pt x="5" y="5"/>
                </a:moveTo>
                <a:cubicBezTo>
                  <a:pt x="0" y="11"/>
                  <a:pt x="0" y="19"/>
                  <a:pt x="5" y="24"/>
                </a:cubicBezTo>
                <a:cubicBezTo>
                  <a:pt x="212" y="231"/>
                  <a:pt x="212" y="231"/>
                  <a:pt x="212" y="231"/>
                </a:cubicBezTo>
                <a:cubicBezTo>
                  <a:pt x="215" y="234"/>
                  <a:pt x="218" y="235"/>
                  <a:pt x="221" y="235"/>
                </a:cubicBezTo>
                <a:cubicBezTo>
                  <a:pt x="225" y="235"/>
                  <a:pt x="228" y="234"/>
                  <a:pt x="231" y="231"/>
                </a:cubicBezTo>
                <a:cubicBezTo>
                  <a:pt x="231" y="231"/>
                  <a:pt x="246" y="217"/>
                  <a:pt x="255" y="207"/>
                </a:cubicBezTo>
                <a:cubicBezTo>
                  <a:pt x="259" y="211"/>
                  <a:pt x="261" y="212"/>
                  <a:pt x="263" y="215"/>
                </a:cubicBezTo>
                <a:cubicBezTo>
                  <a:pt x="263" y="221"/>
                  <a:pt x="263" y="234"/>
                  <a:pt x="263" y="234"/>
                </a:cubicBezTo>
                <a:cubicBezTo>
                  <a:pt x="263" y="239"/>
                  <a:pt x="266" y="244"/>
                  <a:pt x="270" y="246"/>
                </a:cubicBezTo>
                <a:cubicBezTo>
                  <a:pt x="270" y="246"/>
                  <a:pt x="314" y="268"/>
                  <a:pt x="318" y="270"/>
                </a:cubicBezTo>
                <a:cubicBezTo>
                  <a:pt x="321" y="273"/>
                  <a:pt x="409" y="361"/>
                  <a:pt x="409" y="361"/>
                </a:cubicBezTo>
                <a:cubicBezTo>
                  <a:pt x="413" y="365"/>
                  <a:pt x="415" y="370"/>
                  <a:pt x="415" y="376"/>
                </a:cubicBezTo>
                <a:cubicBezTo>
                  <a:pt x="415" y="381"/>
                  <a:pt x="413" y="387"/>
                  <a:pt x="409" y="391"/>
                </a:cubicBezTo>
                <a:cubicBezTo>
                  <a:pt x="391" y="408"/>
                  <a:pt x="391" y="408"/>
                  <a:pt x="391" y="408"/>
                </a:cubicBezTo>
                <a:cubicBezTo>
                  <a:pt x="383" y="417"/>
                  <a:pt x="369" y="417"/>
                  <a:pt x="361" y="408"/>
                </a:cubicBezTo>
                <a:cubicBezTo>
                  <a:pt x="361" y="408"/>
                  <a:pt x="273" y="320"/>
                  <a:pt x="270" y="317"/>
                </a:cubicBezTo>
                <a:cubicBezTo>
                  <a:pt x="268" y="314"/>
                  <a:pt x="246" y="270"/>
                  <a:pt x="246" y="270"/>
                </a:cubicBezTo>
                <a:cubicBezTo>
                  <a:pt x="244" y="266"/>
                  <a:pt x="239" y="263"/>
                  <a:pt x="234" y="263"/>
                </a:cubicBezTo>
                <a:cubicBezTo>
                  <a:pt x="209" y="263"/>
                  <a:pt x="209" y="263"/>
                  <a:pt x="209" y="263"/>
                </a:cubicBezTo>
                <a:cubicBezTo>
                  <a:pt x="202" y="263"/>
                  <a:pt x="196" y="269"/>
                  <a:pt x="196" y="276"/>
                </a:cubicBezTo>
                <a:cubicBezTo>
                  <a:pt x="196" y="283"/>
                  <a:pt x="202" y="289"/>
                  <a:pt x="209" y="289"/>
                </a:cubicBezTo>
                <a:cubicBezTo>
                  <a:pt x="209" y="289"/>
                  <a:pt x="219" y="289"/>
                  <a:pt x="226" y="289"/>
                </a:cubicBezTo>
                <a:cubicBezTo>
                  <a:pt x="231" y="300"/>
                  <a:pt x="247" y="331"/>
                  <a:pt x="247" y="331"/>
                </a:cubicBezTo>
                <a:cubicBezTo>
                  <a:pt x="248" y="332"/>
                  <a:pt x="249" y="334"/>
                  <a:pt x="250" y="335"/>
                </a:cubicBezTo>
                <a:cubicBezTo>
                  <a:pt x="342" y="427"/>
                  <a:pt x="342" y="427"/>
                  <a:pt x="342" y="427"/>
                </a:cubicBezTo>
                <a:cubicBezTo>
                  <a:pt x="361" y="446"/>
                  <a:pt x="391" y="446"/>
                  <a:pt x="410" y="427"/>
                </a:cubicBezTo>
                <a:cubicBezTo>
                  <a:pt x="428" y="410"/>
                  <a:pt x="428" y="410"/>
                  <a:pt x="428" y="410"/>
                </a:cubicBezTo>
                <a:cubicBezTo>
                  <a:pt x="437" y="400"/>
                  <a:pt x="442" y="388"/>
                  <a:pt x="442" y="376"/>
                </a:cubicBezTo>
                <a:cubicBezTo>
                  <a:pt x="442" y="363"/>
                  <a:pt x="437" y="351"/>
                  <a:pt x="428" y="342"/>
                </a:cubicBezTo>
                <a:cubicBezTo>
                  <a:pt x="335" y="249"/>
                  <a:pt x="335" y="249"/>
                  <a:pt x="335" y="249"/>
                </a:cubicBezTo>
                <a:cubicBezTo>
                  <a:pt x="334" y="248"/>
                  <a:pt x="333" y="247"/>
                  <a:pt x="332" y="247"/>
                </a:cubicBezTo>
                <a:cubicBezTo>
                  <a:pt x="332" y="247"/>
                  <a:pt x="300" y="231"/>
                  <a:pt x="290" y="226"/>
                </a:cubicBezTo>
                <a:cubicBezTo>
                  <a:pt x="290" y="218"/>
                  <a:pt x="290" y="209"/>
                  <a:pt x="290" y="209"/>
                </a:cubicBezTo>
                <a:cubicBezTo>
                  <a:pt x="290" y="205"/>
                  <a:pt x="288" y="202"/>
                  <a:pt x="286" y="200"/>
                </a:cubicBezTo>
                <a:cubicBezTo>
                  <a:pt x="265" y="179"/>
                  <a:pt x="265" y="179"/>
                  <a:pt x="265" y="179"/>
                </a:cubicBezTo>
                <a:cubicBezTo>
                  <a:pt x="262" y="176"/>
                  <a:pt x="259" y="175"/>
                  <a:pt x="255" y="175"/>
                </a:cubicBezTo>
                <a:cubicBezTo>
                  <a:pt x="252" y="175"/>
                  <a:pt x="248" y="176"/>
                  <a:pt x="246" y="179"/>
                </a:cubicBezTo>
                <a:cubicBezTo>
                  <a:pt x="246" y="179"/>
                  <a:pt x="231" y="193"/>
                  <a:pt x="221" y="203"/>
                </a:cubicBezTo>
                <a:cubicBezTo>
                  <a:pt x="204" y="186"/>
                  <a:pt x="24" y="5"/>
                  <a:pt x="24" y="5"/>
                </a:cubicBezTo>
                <a:cubicBezTo>
                  <a:pt x="19" y="0"/>
                  <a:pt x="10" y="0"/>
                  <a:pt x="5" y="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" name="Freeform 199"/>
          <p:cNvSpPr>
            <a:spLocks/>
          </p:cNvSpPr>
          <p:nvPr userDrawn="1"/>
        </p:nvSpPr>
        <p:spPr bwMode="auto">
          <a:xfrm>
            <a:off x="556283" y="3677898"/>
            <a:ext cx="460375" cy="517525"/>
          </a:xfrm>
          <a:custGeom>
            <a:avLst/>
            <a:gdLst/>
            <a:ahLst/>
            <a:cxnLst>
              <a:cxn ang="0">
                <a:pos x="116" y="437"/>
              </a:cxn>
              <a:cxn ang="0">
                <a:pos x="89" y="367"/>
              </a:cxn>
              <a:cxn ang="0">
                <a:pos x="98" y="318"/>
              </a:cxn>
              <a:cxn ang="0">
                <a:pos x="113" y="309"/>
              </a:cxn>
              <a:cxn ang="0">
                <a:pos x="171" y="315"/>
              </a:cxn>
              <a:cxn ang="0">
                <a:pos x="249" y="296"/>
              </a:cxn>
              <a:cxn ang="0">
                <a:pos x="293" y="250"/>
              </a:cxn>
              <a:cxn ang="0">
                <a:pos x="330" y="113"/>
              </a:cxn>
              <a:cxn ang="0">
                <a:pos x="355" y="30"/>
              </a:cxn>
              <a:cxn ang="0">
                <a:pos x="357" y="28"/>
              </a:cxn>
              <a:cxn ang="0">
                <a:pos x="283" y="28"/>
              </a:cxn>
              <a:cxn ang="0">
                <a:pos x="145" y="42"/>
              </a:cxn>
              <a:cxn ang="0">
                <a:pos x="47" y="113"/>
              </a:cxn>
              <a:cxn ang="0">
                <a:pos x="27" y="178"/>
              </a:cxn>
              <a:cxn ang="0">
                <a:pos x="44" y="234"/>
              </a:cxn>
              <a:cxn ang="0">
                <a:pos x="103" y="268"/>
              </a:cxn>
              <a:cxn ang="0">
                <a:pos x="105" y="263"/>
              </a:cxn>
              <a:cxn ang="0">
                <a:pos x="113" y="229"/>
              </a:cxn>
              <a:cxn ang="0">
                <a:pos x="153" y="133"/>
              </a:cxn>
              <a:cxn ang="0">
                <a:pos x="231" y="91"/>
              </a:cxn>
              <a:cxn ang="0">
                <a:pos x="231" y="91"/>
              </a:cxn>
              <a:cxn ang="0">
                <a:pos x="246" y="103"/>
              </a:cxn>
              <a:cxn ang="0">
                <a:pos x="235" y="118"/>
              </a:cxn>
              <a:cxn ang="0">
                <a:pos x="192" y="135"/>
              </a:cxn>
              <a:cxn ang="0">
                <a:pos x="165" y="162"/>
              </a:cxn>
              <a:cxn ang="0">
                <a:pos x="141" y="232"/>
              </a:cxn>
              <a:cxn ang="0">
                <a:pos x="131" y="273"/>
              </a:cxn>
              <a:cxn ang="0">
                <a:pos x="118" y="291"/>
              </a:cxn>
              <a:cxn ang="0">
                <a:pos x="104" y="295"/>
              </a:cxn>
              <a:cxn ang="0">
                <a:pos x="99" y="295"/>
              </a:cxn>
              <a:cxn ang="0">
                <a:pos x="22" y="250"/>
              </a:cxn>
              <a:cxn ang="0">
                <a:pos x="0" y="178"/>
              </a:cxn>
              <a:cxn ang="0">
                <a:pos x="25" y="97"/>
              </a:cxn>
              <a:cxn ang="0">
                <a:pos x="137" y="15"/>
              </a:cxn>
              <a:cxn ang="0">
                <a:pos x="283" y="0"/>
              </a:cxn>
              <a:cxn ang="0">
                <a:pos x="362" y="1"/>
              </a:cxn>
              <a:cxn ang="0">
                <a:pos x="393" y="1"/>
              </a:cxn>
              <a:cxn ang="0">
                <a:pos x="407" y="12"/>
              </a:cxn>
              <a:cxn ang="0">
                <a:pos x="398" y="27"/>
              </a:cxn>
              <a:cxn ang="0">
                <a:pos x="385" y="37"/>
              </a:cxn>
              <a:cxn ang="0">
                <a:pos x="374" y="54"/>
              </a:cxn>
              <a:cxn ang="0">
                <a:pos x="358" y="111"/>
              </a:cxn>
              <a:cxn ang="0">
                <a:pos x="320" y="256"/>
              </a:cxn>
              <a:cxn ang="0">
                <a:pos x="245" y="329"/>
              </a:cxn>
              <a:cxn ang="0">
                <a:pos x="171" y="342"/>
              </a:cxn>
              <a:cxn ang="0">
                <a:pos x="120" y="338"/>
              </a:cxn>
              <a:cxn ang="0">
                <a:pos x="116" y="367"/>
              </a:cxn>
              <a:cxn ang="0">
                <a:pos x="135" y="418"/>
              </a:cxn>
              <a:cxn ang="0">
                <a:pos x="155" y="434"/>
              </a:cxn>
              <a:cxn ang="0">
                <a:pos x="155" y="434"/>
              </a:cxn>
              <a:cxn ang="0">
                <a:pos x="161" y="453"/>
              </a:cxn>
              <a:cxn ang="0">
                <a:pos x="149" y="460"/>
              </a:cxn>
              <a:cxn ang="0">
                <a:pos x="143" y="459"/>
              </a:cxn>
            </a:cxnLst>
            <a:rect l="0" t="0" r="r" b="b"/>
            <a:pathLst>
              <a:path w="408" h="460">
                <a:moveTo>
                  <a:pt x="143" y="459"/>
                </a:moveTo>
                <a:cubicBezTo>
                  <a:pt x="142" y="459"/>
                  <a:pt x="129" y="452"/>
                  <a:pt x="116" y="437"/>
                </a:cubicBezTo>
                <a:cubicBezTo>
                  <a:pt x="116" y="437"/>
                  <a:pt x="116" y="437"/>
                  <a:pt x="116" y="437"/>
                </a:cubicBezTo>
                <a:cubicBezTo>
                  <a:pt x="102" y="423"/>
                  <a:pt x="89" y="399"/>
                  <a:pt x="89" y="367"/>
                </a:cubicBezTo>
                <a:cubicBezTo>
                  <a:pt x="89" y="367"/>
                  <a:pt x="89" y="367"/>
                  <a:pt x="89" y="367"/>
                </a:cubicBezTo>
                <a:cubicBezTo>
                  <a:pt x="89" y="352"/>
                  <a:pt x="91" y="336"/>
                  <a:pt x="98" y="318"/>
                </a:cubicBezTo>
                <a:cubicBezTo>
                  <a:pt x="98" y="318"/>
                  <a:pt x="98" y="318"/>
                  <a:pt x="98" y="318"/>
                </a:cubicBezTo>
                <a:cubicBezTo>
                  <a:pt x="100" y="311"/>
                  <a:pt x="106" y="307"/>
                  <a:pt x="113" y="309"/>
                </a:cubicBezTo>
                <a:cubicBezTo>
                  <a:pt x="113" y="309"/>
                  <a:pt x="113" y="309"/>
                  <a:pt x="113" y="309"/>
                </a:cubicBezTo>
                <a:cubicBezTo>
                  <a:pt x="135" y="313"/>
                  <a:pt x="154" y="315"/>
                  <a:pt x="171" y="315"/>
                </a:cubicBezTo>
                <a:cubicBezTo>
                  <a:pt x="171" y="315"/>
                  <a:pt x="171" y="315"/>
                  <a:pt x="171" y="315"/>
                </a:cubicBezTo>
                <a:cubicBezTo>
                  <a:pt x="205" y="315"/>
                  <a:pt x="230" y="307"/>
                  <a:pt x="249" y="296"/>
                </a:cubicBezTo>
                <a:cubicBezTo>
                  <a:pt x="249" y="296"/>
                  <a:pt x="249" y="296"/>
                  <a:pt x="249" y="296"/>
                </a:cubicBezTo>
                <a:cubicBezTo>
                  <a:pt x="268" y="285"/>
                  <a:pt x="282" y="269"/>
                  <a:pt x="293" y="250"/>
                </a:cubicBezTo>
                <a:cubicBezTo>
                  <a:pt x="293" y="250"/>
                  <a:pt x="293" y="250"/>
                  <a:pt x="293" y="250"/>
                </a:cubicBezTo>
                <a:cubicBezTo>
                  <a:pt x="314" y="211"/>
                  <a:pt x="322" y="159"/>
                  <a:pt x="330" y="113"/>
                </a:cubicBezTo>
                <a:cubicBezTo>
                  <a:pt x="330" y="113"/>
                  <a:pt x="330" y="113"/>
                  <a:pt x="330" y="113"/>
                </a:cubicBezTo>
                <a:cubicBezTo>
                  <a:pt x="336" y="81"/>
                  <a:pt x="342" y="53"/>
                  <a:pt x="355" y="30"/>
                </a:cubicBezTo>
                <a:cubicBezTo>
                  <a:pt x="355" y="30"/>
                  <a:pt x="355" y="30"/>
                  <a:pt x="355" y="30"/>
                </a:cubicBezTo>
                <a:cubicBezTo>
                  <a:pt x="356" y="30"/>
                  <a:pt x="356" y="29"/>
                  <a:pt x="357" y="28"/>
                </a:cubicBezTo>
                <a:cubicBezTo>
                  <a:pt x="357" y="28"/>
                  <a:pt x="357" y="28"/>
                  <a:pt x="357" y="28"/>
                </a:cubicBezTo>
                <a:cubicBezTo>
                  <a:pt x="331" y="28"/>
                  <a:pt x="306" y="28"/>
                  <a:pt x="283" y="28"/>
                </a:cubicBezTo>
                <a:cubicBezTo>
                  <a:pt x="283" y="28"/>
                  <a:pt x="283" y="28"/>
                  <a:pt x="283" y="28"/>
                </a:cubicBezTo>
                <a:cubicBezTo>
                  <a:pt x="229" y="28"/>
                  <a:pt x="183" y="30"/>
                  <a:pt x="145" y="42"/>
                </a:cubicBezTo>
                <a:cubicBezTo>
                  <a:pt x="145" y="42"/>
                  <a:pt x="145" y="42"/>
                  <a:pt x="145" y="42"/>
                </a:cubicBezTo>
                <a:cubicBezTo>
                  <a:pt x="107" y="53"/>
                  <a:pt x="76" y="74"/>
                  <a:pt x="47" y="113"/>
                </a:cubicBezTo>
                <a:cubicBezTo>
                  <a:pt x="47" y="113"/>
                  <a:pt x="47" y="113"/>
                  <a:pt x="47" y="113"/>
                </a:cubicBezTo>
                <a:cubicBezTo>
                  <a:pt x="35" y="129"/>
                  <a:pt x="27" y="154"/>
                  <a:pt x="27" y="178"/>
                </a:cubicBezTo>
                <a:cubicBezTo>
                  <a:pt x="27" y="178"/>
                  <a:pt x="27" y="178"/>
                  <a:pt x="27" y="178"/>
                </a:cubicBezTo>
                <a:cubicBezTo>
                  <a:pt x="27" y="198"/>
                  <a:pt x="32" y="218"/>
                  <a:pt x="44" y="234"/>
                </a:cubicBezTo>
                <a:cubicBezTo>
                  <a:pt x="44" y="234"/>
                  <a:pt x="44" y="234"/>
                  <a:pt x="44" y="234"/>
                </a:cubicBezTo>
                <a:cubicBezTo>
                  <a:pt x="56" y="249"/>
                  <a:pt x="74" y="262"/>
                  <a:pt x="103" y="268"/>
                </a:cubicBezTo>
                <a:cubicBezTo>
                  <a:pt x="103" y="268"/>
                  <a:pt x="103" y="268"/>
                  <a:pt x="103" y="268"/>
                </a:cubicBezTo>
                <a:cubicBezTo>
                  <a:pt x="104" y="267"/>
                  <a:pt x="105" y="265"/>
                  <a:pt x="105" y="263"/>
                </a:cubicBezTo>
                <a:cubicBezTo>
                  <a:pt x="105" y="263"/>
                  <a:pt x="105" y="263"/>
                  <a:pt x="105" y="263"/>
                </a:cubicBezTo>
                <a:cubicBezTo>
                  <a:pt x="108" y="255"/>
                  <a:pt x="110" y="243"/>
                  <a:pt x="113" y="229"/>
                </a:cubicBezTo>
                <a:cubicBezTo>
                  <a:pt x="113" y="229"/>
                  <a:pt x="113" y="229"/>
                  <a:pt x="113" y="229"/>
                </a:cubicBezTo>
                <a:cubicBezTo>
                  <a:pt x="119" y="200"/>
                  <a:pt x="127" y="162"/>
                  <a:pt x="153" y="133"/>
                </a:cubicBezTo>
                <a:cubicBezTo>
                  <a:pt x="153" y="133"/>
                  <a:pt x="153" y="133"/>
                  <a:pt x="153" y="133"/>
                </a:cubicBezTo>
                <a:cubicBezTo>
                  <a:pt x="170" y="113"/>
                  <a:pt x="196" y="97"/>
                  <a:pt x="231" y="91"/>
                </a:cubicBezTo>
                <a:cubicBezTo>
                  <a:pt x="231" y="91"/>
                  <a:pt x="231" y="91"/>
                  <a:pt x="231" y="91"/>
                </a:cubicBezTo>
                <a:cubicBezTo>
                  <a:pt x="231" y="91"/>
                  <a:pt x="231" y="91"/>
                  <a:pt x="231" y="91"/>
                </a:cubicBezTo>
                <a:cubicBezTo>
                  <a:pt x="238" y="90"/>
                  <a:pt x="245" y="95"/>
                  <a:pt x="246" y="103"/>
                </a:cubicBezTo>
                <a:cubicBezTo>
                  <a:pt x="246" y="103"/>
                  <a:pt x="246" y="103"/>
                  <a:pt x="246" y="103"/>
                </a:cubicBezTo>
                <a:cubicBezTo>
                  <a:pt x="248" y="110"/>
                  <a:pt x="243" y="117"/>
                  <a:pt x="235" y="118"/>
                </a:cubicBezTo>
                <a:cubicBezTo>
                  <a:pt x="235" y="118"/>
                  <a:pt x="235" y="118"/>
                  <a:pt x="235" y="118"/>
                </a:cubicBezTo>
                <a:cubicBezTo>
                  <a:pt x="217" y="121"/>
                  <a:pt x="203" y="127"/>
                  <a:pt x="192" y="135"/>
                </a:cubicBezTo>
                <a:cubicBezTo>
                  <a:pt x="192" y="135"/>
                  <a:pt x="192" y="135"/>
                  <a:pt x="192" y="135"/>
                </a:cubicBezTo>
                <a:cubicBezTo>
                  <a:pt x="181" y="142"/>
                  <a:pt x="172" y="151"/>
                  <a:pt x="165" y="162"/>
                </a:cubicBezTo>
                <a:cubicBezTo>
                  <a:pt x="165" y="162"/>
                  <a:pt x="165" y="162"/>
                  <a:pt x="165" y="162"/>
                </a:cubicBezTo>
                <a:cubicBezTo>
                  <a:pt x="152" y="183"/>
                  <a:pt x="145" y="209"/>
                  <a:pt x="141" y="232"/>
                </a:cubicBezTo>
                <a:cubicBezTo>
                  <a:pt x="141" y="232"/>
                  <a:pt x="141" y="232"/>
                  <a:pt x="141" y="232"/>
                </a:cubicBezTo>
                <a:cubicBezTo>
                  <a:pt x="137" y="248"/>
                  <a:pt x="135" y="262"/>
                  <a:pt x="131" y="273"/>
                </a:cubicBezTo>
                <a:cubicBezTo>
                  <a:pt x="131" y="273"/>
                  <a:pt x="131" y="273"/>
                  <a:pt x="131" y="273"/>
                </a:cubicBezTo>
                <a:cubicBezTo>
                  <a:pt x="128" y="280"/>
                  <a:pt x="125" y="286"/>
                  <a:pt x="118" y="291"/>
                </a:cubicBezTo>
                <a:cubicBezTo>
                  <a:pt x="118" y="291"/>
                  <a:pt x="118" y="291"/>
                  <a:pt x="118" y="291"/>
                </a:cubicBezTo>
                <a:cubicBezTo>
                  <a:pt x="114" y="294"/>
                  <a:pt x="109" y="296"/>
                  <a:pt x="104" y="295"/>
                </a:cubicBezTo>
                <a:cubicBezTo>
                  <a:pt x="104" y="295"/>
                  <a:pt x="104" y="295"/>
                  <a:pt x="104" y="295"/>
                </a:cubicBezTo>
                <a:cubicBezTo>
                  <a:pt x="102" y="295"/>
                  <a:pt x="101" y="295"/>
                  <a:pt x="99" y="295"/>
                </a:cubicBezTo>
                <a:cubicBezTo>
                  <a:pt x="99" y="295"/>
                  <a:pt x="99" y="295"/>
                  <a:pt x="99" y="295"/>
                </a:cubicBezTo>
                <a:cubicBezTo>
                  <a:pt x="64" y="288"/>
                  <a:pt x="38" y="272"/>
                  <a:pt x="22" y="250"/>
                </a:cubicBezTo>
                <a:cubicBezTo>
                  <a:pt x="22" y="250"/>
                  <a:pt x="22" y="250"/>
                  <a:pt x="22" y="250"/>
                </a:cubicBezTo>
                <a:cubicBezTo>
                  <a:pt x="6" y="229"/>
                  <a:pt x="0" y="203"/>
                  <a:pt x="0" y="178"/>
                </a:cubicBezTo>
                <a:cubicBezTo>
                  <a:pt x="0" y="178"/>
                  <a:pt x="0" y="178"/>
                  <a:pt x="0" y="178"/>
                </a:cubicBezTo>
                <a:cubicBezTo>
                  <a:pt x="0" y="148"/>
                  <a:pt x="9" y="119"/>
                  <a:pt x="25" y="97"/>
                </a:cubicBezTo>
                <a:cubicBezTo>
                  <a:pt x="25" y="97"/>
                  <a:pt x="25" y="97"/>
                  <a:pt x="25" y="97"/>
                </a:cubicBezTo>
                <a:cubicBezTo>
                  <a:pt x="56" y="53"/>
                  <a:pt x="94" y="28"/>
                  <a:pt x="137" y="15"/>
                </a:cubicBezTo>
                <a:cubicBezTo>
                  <a:pt x="137" y="15"/>
                  <a:pt x="137" y="15"/>
                  <a:pt x="137" y="15"/>
                </a:cubicBezTo>
                <a:cubicBezTo>
                  <a:pt x="180" y="2"/>
                  <a:pt x="228" y="0"/>
                  <a:pt x="283" y="0"/>
                </a:cubicBezTo>
                <a:cubicBezTo>
                  <a:pt x="283" y="0"/>
                  <a:pt x="283" y="0"/>
                  <a:pt x="283" y="0"/>
                </a:cubicBezTo>
                <a:cubicBezTo>
                  <a:pt x="308" y="0"/>
                  <a:pt x="334" y="1"/>
                  <a:pt x="362" y="1"/>
                </a:cubicBezTo>
                <a:cubicBezTo>
                  <a:pt x="362" y="1"/>
                  <a:pt x="362" y="1"/>
                  <a:pt x="362" y="1"/>
                </a:cubicBezTo>
                <a:cubicBezTo>
                  <a:pt x="372" y="1"/>
                  <a:pt x="383" y="1"/>
                  <a:pt x="393" y="1"/>
                </a:cubicBezTo>
                <a:cubicBezTo>
                  <a:pt x="393" y="1"/>
                  <a:pt x="393" y="1"/>
                  <a:pt x="393" y="1"/>
                </a:cubicBezTo>
                <a:cubicBezTo>
                  <a:pt x="400" y="1"/>
                  <a:pt x="406" y="5"/>
                  <a:pt x="407" y="12"/>
                </a:cubicBezTo>
                <a:cubicBezTo>
                  <a:pt x="407" y="12"/>
                  <a:pt x="407" y="12"/>
                  <a:pt x="407" y="12"/>
                </a:cubicBezTo>
                <a:cubicBezTo>
                  <a:pt x="408" y="18"/>
                  <a:pt x="405" y="25"/>
                  <a:pt x="398" y="27"/>
                </a:cubicBezTo>
                <a:cubicBezTo>
                  <a:pt x="398" y="27"/>
                  <a:pt x="398" y="27"/>
                  <a:pt x="398" y="27"/>
                </a:cubicBezTo>
                <a:cubicBezTo>
                  <a:pt x="393" y="29"/>
                  <a:pt x="389" y="32"/>
                  <a:pt x="385" y="37"/>
                </a:cubicBezTo>
                <a:cubicBezTo>
                  <a:pt x="385" y="37"/>
                  <a:pt x="385" y="37"/>
                  <a:pt x="385" y="37"/>
                </a:cubicBezTo>
                <a:cubicBezTo>
                  <a:pt x="381" y="41"/>
                  <a:pt x="377" y="47"/>
                  <a:pt x="374" y="54"/>
                </a:cubicBezTo>
                <a:cubicBezTo>
                  <a:pt x="374" y="54"/>
                  <a:pt x="374" y="54"/>
                  <a:pt x="374" y="54"/>
                </a:cubicBezTo>
                <a:cubicBezTo>
                  <a:pt x="367" y="69"/>
                  <a:pt x="363" y="89"/>
                  <a:pt x="358" y="111"/>
                </a:cubicBezTo>
                <a:cubicBezTo>
                  <a:pt x="358" y="111"/>
                  <a:pt x="358" y="111"/>
                  <a:pt x="358" y="111"/>
                </a:cubicBezTo>
                <a:cubicBezTo>
                  <a:pt x="350" y="156"/>
                  <a:pt x="343" y="211"/>
                  <a:pt x="320" y="256"/>
                </a:cubicBezTo>
                <a:cubicBezTo>
                  <a:pt x="320" y="256"/>
                  <a:pt x="320" y="256"/>
                  <a:pt x="320" y="256"/>
                </a:cubicBezTo>
                <a:cubicBezTo>
                  <a:pt x="305" y="287"/>
                  <a:pt x="281" y="314"/>
                  <a:pt x="245" y="329"/>
                </a:cubicBezTo>
                <a:cubicBezTo>
                  <a:pt x="245" y="329"/>
                  <a:pt x="245" y="329"/>
                  <a:pt x="245" y="329"/>
                </a:cubicBezTo>
                <a:cubicBezTo>
                  <a:pt x="225" y="337"/>
                  <a:pt x="200" y="342"/>
                  <a:pt x="171" y="342"/>
                </a:cubicBezTo>
                <a:cubicBezTo>
                  <a:pt x="171" y="342"/>
                  <a:pt x="171" y="342"/>
                  <a:pt x="171" y="342"/>
                </a:cubicBezTo>
                <a:cubicBezTo>
                  <a:pt x="156" y="342"/>
                  <a:pt x="139" y="341"/>
                  <a:pt x="120" y="338"/>
                </a:cubicBezTo>
                <a:cubicBezTo>
                  <a:pt x="120" y="338"/>
                  <a:pt x="120" y="338"/>
                  <a:pt x="120" y="338"/>
                </a:cubicBezTo>
                <a:cubicBezTo>
                  <a:pt x="117" y="349"/>
                  <a:pt x="116" y="358"/>
                  <a:pt x="116" y="367"/>
                </a:cubicBezTo>
                <a:cubicBezTo>
                  <a:pt x="116" y="367"/>
                  <a:pt x="116" y="367"/>
                  <a:pt x="116" y="367"/>
                </a:cubicBezTo>
                <a:cubicBezTo>
                  <a:pt x="116" y="391"/>
                  <a:pt x="125" y="407"/>
                  <a:pt x="135" y="418"/>
                </a:cubicBezTo>
                <a:cubicBezTo>
                  <a:pt x="135" y="418"/>
                  <a:pt x="135" y="418"/>
                  <a:pt x="135" y="418"/>
                </a:cubicBezTo>
                <a:cubicBezTo>
                  <a:pt x="144" y="429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55" y="434"/>
                  <a:pt x="155" y="434"/>
                  <a:pt x="155" y="434"/>
                </a:cubicBezTo>
                <a:cubicBezTo>
                  <a:pt x="162" y="438"/>
                  <a:pt x="165" y="446"/>
                  <a:pt x="161" y="453"/>
                </a:cubicBezTo>
                <a:cubicBezTo>
                  <a:pt x="161" y="453"/>
                  <a:pt x="161" y="453"/>
                  <a:pt x="161" y="453"/>
                </a:cubicBezTo>
                <a:cubicBezTo>
                  <a:pt x="159" y="458"/>
                  <a:pt x="154" y="460"/>
                  <a:pt x="149" y="460"/>
                </a:cubicBezTo>
                <a:cubicBezTo>
                  <a:pt x="149" y="460"/>
                  <a:pt x="149" y="460"/>
                  <a:pt x="149" y="460"/>
                </a:cubicBezTo>
                <a:cubicBezTo>
                  <a:pt x="147" y="460"/>
                  <a:pt x="145" y="460"/>
                  <a:pt x="143" y="45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" name="Freeform 207"/>
          <p:cNvSpPr>
            <a:spLocks/>
          </p:cNvSpPr>
          <p:nvPr userDrawn="1"/>
        </p:nvSpPr>
        <p:spPr bwMode="auto">
          <a:xfrm>
            <a:off x="551520" y="4419886"/>
            <a:ext cx="469900" cy="482600"/>
          </a:xfrm>
          <a:custGeom>
            <a:avLst/>
            <a:gdLst/>
            <a:ahLst/>
            <a:cxnLst>
              <a:cxn ang="0">
                <a:pos x="199" y="31"/>
              </a:cxn>
              <a:cxn ang="0">
                <a:pos x="197" y="40"/>
              </a:cxn>
              <a:cxn ang="0">
                <a:pos x="194" y="53"/>
              </a:cxn>
              <a:cxn ang="0">
                <a:pos x="183" y="63"/>
              </a:cxn>
              <a:cxn ang="0">
                <a:pos x="117" y="123"/>
              </a:cxn>
              <a:cxn ang="0">
                <a:pos x="99" y="197"/>
              </a:cxn>
              <a:cxn ang="0">
                <a:pos x="91" y="286"/>
              </a:cxn>
              <a:cxn ang="0">
                <a:pos x="53" y="351"/>
              </a:cxn>
              <a:cxn ang="0">
                <a:pos x="31" y="363"/>
              </a:cxn>
              <a:cxn ang="0">
                <a:pos x="31" y="376"/>
              </a:cxn>
              <a:cxn ang="0">
                <a:pos x="117" y="376"/>
              </a:cxn>
              <a:cxn ang="0">
                <a:pos x="154" y="376"/>
              </a:cxn>
              <a:cxn ang="0">
                <a:pos x="157" y="377"/>
              </a:cxn>
              <a:cxn ang="0">
                <a:pos x="163" y="380"/>
              </a:cxn>
              <a:cxn ang="0">
                <a:pos x="202" y="397"/>
              </a:cxn>
              <a:cxn ang="0">
                <a:pos x="233" y="381"/>
              </a:cxn>
              <a:cxn ang="0">
                <a:pos x="233" y="381"/>
              </a:cxn>
              <a:cxn ang="0">
                <a:pos x="255" y="378"/>
              </a:cxn>
              <a:cxn ang="0">
                <a:pos x="258" y="399"/>
              </a:cxn>
              <a:cxn ang="0">
                <a:pos x="244" y="414"/>
              </a:cxn>
              <a:cxn ang="0">
                <a:pos x="202" y="428"/>
              </a:cxn>
              <a:cxn ang="0">
                <a:pos x="202" y="428"/>
              </a:cxn>
              <a:cxn ang="0">
                <a:pos x="148" y="407"/>
              </a:cxn>
              <a:cxn ang="0">
                <a:pos x="143" y="407"/>
              </a:cxn>
              <a:cxn ang="0">
                <a:pos x="117" y="407"/>
              </a:cxn>
              <a:cxn ang="0">
                <a:pos x="16" y="407"/>
              </a:cxn>
              <a:cxn ang="0">
                <a:pos x="5" y="403"/>
              </a:cxn>
              <a:cxn ang="0">
                <a:pos x="0" y="392"/>
              </a:cxn>
              <a:cxn ang="0">
                <a:pos x="0" y="352"/>
              </a:cxn>
              <a:cxn ang="0">
                <a:pos x="12" y="337"/>
              </a:cxn>
              <a:cxn ang="0">
                <a:pos x="12" y="337"/>
              </a:cxn>
              <a:cxn ang="0">
                <a:pos x="14" y="336"/>
              </a:cxn>
              <a:cxn ang="0">
                <a:pos x="19" y="335"/>
              </a:cxn>
              <a:cxn ang="0">
                <a:pos x="36" y="326"/>
              </a:cxn>
              <a:cxn ang="0">
                <a:pos x="60" y="284"/>
              </a:cxn>
              <a:cxn ang="0">
                <a:pos x="68" y="193"/>
              </a:cxn>
              <a:cxn ang="0">
                <a:pos x="90" y="108"/>
              </a:cxn>
              <a:cxn ang="0">
                <a:pos x="166" y="37"/>
              </a:cxn>
              <a:cxn ang="0">
                <a:pos x="167" y="35"/>
              </a:cxn>
              <a:cxn ang="0">
                <a:pos x="177" y="9"/>
              </a:cxn>
              <a:cxn ang="0">
                <a:pos x="202" y="0"/>
              </a:cxn>
              <a:cxn ang="0">
                <a:pos x="235" y="11"/>
              </a:cxn>
              <a:cxn ang="0">
                <a:pos x="247" y="39"/>
              </a:cxn>
              <a:cxn ang="0">
                <a:pos x="267" y="47"/>
              </a:cxn>
              <a:cxn ang="0">
                <a:pos x="324" y="110"/>
              </a:cxn>
              <a:cxn ang="0">
                <a:pos x="355" y="282"/>
              </a:cxn>
              <a:cxn ang="0">
                <a:pos x="376" y="322"/>
              </a:cxn>
              <a:cxn ang="0">
                <a:pos x="402" y="335"/>
              </a:cxn>
              <a:cxn ang="0">
                <a:pos x="404" y="335"/>
              </a:cxn>
              <a:cxn ang="0">
                <a:pos x="417" y="350"/>
              </a:cxn>
              <a:cxn ang="0">
                <a:pos x="412" y="402"/>
              </a:cxn>
              <a:cxn ang="0">
                <a:pos x="401" y="406"/>
              </a:cxn>
              <a:cxn ang="0">
                <a:pos x="301" y="406"/>
              </a:cxn>
              <a:cxn ang="0">
                <a:pos x="285" y="391"/>
              </a:cxn>
              <a:cxn ang="0">
                <a:pos x="301" y="376"/>
              </a:cxn>
              <a:cxn ang="0">
                <a:pos x="386" y="362"/>
              </a:cxn>
              <a:cxn ang="0">
                <a:pos x="364" y="352"/>
              </a:cxn>
              <a:cxn ang="0">
                <a:pos x="324" y="285"/>
              </a:cxn>
              <a:cxn ang="0">
                <a:pos x="296" y="123"/>
              </a:cxn>
              <a:cxn ang="0">
                <a:pos x="260" y="78"/>
              </a:cxn>
              <a:cxn ang="0">
                <a:pos x="231" y="66"/>
              </a:cxn>
              <a:cxn ang="0">
                <a:pos x="222" y="61"/>
              </a:cxn>
              <a:cxn ang="0">
                <a:pos x="216" y="49"/>
              </a:cxn>
            </a:cxnLst>
            <a:rect l="0" t="0" r="r" b="b"/>
            <a:pathLst>
              <a:path w="417" h="428">
                <a:moveTo>
                  <a:pt x="214" y="32"/>
                </a:moveTo>
                <a:cubicBezTo>
                  <a:pt x="214" y="32"/>
                  <a:pt x="208" y="30"/>
                  <a:pt x="199" y="31"/>
                </a:cubicBezTo>
                <a:cubicBezTo>
                  <a:pt x="199" y="31"/>
                  <a:pt x="199" y="31"/>
                  <a:pt x="199" y="31"/>
                </a:cubicBezTo>
                <a:cubicBezTo>
                  <a:pt x="198" y="32"/>
                  <a:pt x="197" y="35"/>
                  <a:pt x="197" y="40"/>
                </a:cubicBezTo>
                <a:cubicBezTo>
                  <a:pt x="197" y="40"/>
                  <a:pt x="197" y="40"/>
                  <a:pt x="197" y="40"/>
                </a:cubicBezTo>
                <a:cubicBezTo>
                  <a:pt x="196" y="44"/>
                  <a:pt x="196" y="47"/>
                  <a:pt x="194" y="53"/>
                </a:cubicBezTo>
                <a:cubicBezTo>
                  <a:pt x="194" y="53"/>
                  <a:pt x="194" y="53"/>
                  <a:pt x="194" y="53"/>
                </a:cubicBezTo>
                <a:cubicBezTo>
                  <a:pt x="192" y="56"/>
                  <a:pt x="189" y="61"/>
                  <a:pt x="183" y="63"/>
                </a:cubicBezTo>
                <a:cubicBezTo>
                  <a:pt x="183" y="63"/>
                  <a:pt x="183" y="63"/>
                  <a:pt x="183" y="63"/>
                </a:cubicBezTo>
                <a:cubicBezTo>
                  <a:pt x="150" y="77"/>
                  <a:pt x="137" y="86"/>
                  <a:pt x="117" y="123"/>
                </a:cubicBezTo>
                <a:cubicBezTo>
                  <a:pt x="117" y="123"/>
                  <a:pt x="117" y="123"/>
                  <a:pt x="117" y="123"/>
                </a:cubicBezTo>
                <a:cubicBezTo>
                  <a:pt x="109" y="139"/>
                  <a:pt x="102" y="167"/>
                  <a:pt x="99" y="197"/>
                </a:cubicBezTo>
                <a:cubicBezTo>
                  <a:pt x="99" y="197"/>
                  <a:pt x="99" y="197"/>
                  <a:pt x="99" y="197"/>
                </a:cubicBezTo>
                <a:cubicBezTo>
                  <a:pt x="95" y="227"/>
                  <a:pt x="93" y="259"/>
                  <a:pt x="91" y="286"/>
                </a:cubicBezTo>
                <a:cubicBezTo>
                  <a:pt x="91" y="286"/>
                  <a:pt x="91" y="286"/>
                  <a:pt x="91" y="286"/>
                </a:cubicBezTo>
                <a:cubicBezTo>
                  <a:pt x="89" y="319"/>
                  <a:pt x="70" y="340"/>
                  <a:pt x="53" y="351"/>
                </a:cubicBezTo>
                <a:cubicBezTo>
                  <a:pt x="53" y="351"/>
                  <a:pt x="53" y="351"/>
                  <a:pt x="53" y="351"/>
                </a:cubicBezTo>
                <a:cubicBezTo>
                  <a:pt x="45" y="357"/>
                  <a:pt x="37" y="361"/>
                  <a:pt x="31" y="363"/>
                </a:cubicBezTo>
                <a:cubicBezTo>
                  <a:pt x="31" y="363"/>
                  <a:pt x="31" y="363"/>
                  <a:pt x="31" y="363"/>
                </a:cubicBezTo>
                <a:cubicBezTo>
                  <a:pt x="31" y="376"/>
                  <a:pt x="31" y="376"/>
                  <a:pt x="31" y="376"/>
                </a:cubicBezTo>
                <a:cubicBezTo>
                  <a:pt x="52" y="376"/>
                  <a:pt x="89" y="376"/>
                  <a:pt x="117" y="376"/>
                </a:cubicBezTo>
                <a:cubicBezTo>
                  <a:pt x="117" y="376"/>
                  <a:pt x="117" y="376"/>
                  <a:pt x="117" y="376"/>
                </a:cubicBezTo>
                <a:cubicBezTo>
                  <a:pt x="137" y="376"/>
                  <a:pt x="150" y="376"/>
                  <a:pt x="154" y="376"/>
                </a:cubicBezTo>
                <a:cubicBezTo>
                  <a:pt x="154" y="376"/>
                  <a:pt x="154" y="376"/>
                  <a:pt x="154" y="376"/>
                </a:cubicBezTo>
                <a:cubicBezTo>
                  <a:pt x="155" y="376"/>
                  <a:pt x="154" y="376"/>
                  <a:pt x="157" y="377"/>
                </a:cubicBezTo>
                <a:cubicBezTo>
                  <a:pt x="157" y="377"/>
                  <a:pt x="157" y="377"/>
                  <a:pt x="157" y="377"/>
                </a:cubicBezTo>
                <a:cubicBezTo>
                  <a:pt x="158" y="377"/>
                  <a:pt x="159" y="377"/>
                  <a:pt x="163" y="380"/>
                </a:cubicBezTo>
                <a:cubicBezTo>
                  <a:pt x="163" y="380"/>
                  <a:pt x="163" y="380"/>
                  <a:pt x="163" y="380"/>
                </a:cubicBezTo>
                <a:cubicBezTo>
                  <a:pt x="180" y="394"/>
                  <a:pt x="193" y="397"/>
                  <a:pt x="202" y="397"/>
                </a:cubicBezTo>
                <a:cubicBezTo>
                  <a:pt x="202" y="397"/>
                  <a:pt x="202" y="397"/>
                  <a:pt x="202" y="397"/>
                </a:cubicBezTo>
                <a:cubicBezTo>
                  <a:pt x="220" y="397"/>
                  <a:pt x="232" y="383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3" y="381"/>
                  <a:pt x="233" y="381"/>
                  <a:pt x="233" y="381"/>
                </a:cubicBezTo>
                <a:cubicBezTo>
                  <a:pt x="238" y="374"/>
                  <a:pt x="248" y="373"/>
                  <a:pt x="255" y="378"/>
                </a:cubicBezTo>
                <a:cubicBezTo>
                  <a:pt x="255" y="378"/>
                  <a:pt x="255" y="378"/>
                  <a:pt x="255" y="378"/>
                </a:cubicBezTo>
                <a:cubicBezTo>
                  <a:pt x="262" y="383"/>
                  <a:pt x="263" y="392"/>
                  <a:pt x="258" y="399"/>
                </a:cubicBezTo>
                <a:cubicBezTo>
                  <a:pt x="258" y="399"/>
                  <a:pt x="258" y="399"/>
                  <a:pt x="258" y="399"/>
                </a:cubicBezTo>
                <a:cubicBezTo>
                  <a:pt x="258" y="400"/>
                  <a:pt x="253" y="407"/>
                  <a:pt x="244" y="414"/>
                </a:cubicBezTo>
                <a:cubicBezTo>
                  <a:pt x="244" y="414"/>
                  <a:pt x="244" y="414"/>
                  <a:pt x="244" y="414"/>
                </a:cubicBezTo>
                <a:cubicBezTo>
                  <a:pt x="234" y="421"/>
                  <a:pt x="220" y="428"/>
                  <a:pt x="202" y="428"/>
                </a:cubicBezTo>
                <a:cubicBezTo>
                  <a:pt x="202" y="428"/>
                  <a:pt x="202" y="428"/>
                  <a:pt x="202" y="428"/>
                </a:cubicBezTo>
                <a:cubicBezTo>
                  <a:pt x="202" y="428"/>
                  <a:pt x="202" y="428"/>
                  <a:pt x="202" y="428"/>
                </a:cubicBezTo>
                <a:cubicBezTo>
                  <a:pt x="202" y="428"/>
                  <a:pt x="202" y="428"/>
                  <a:pt x="202" y="428"/>
                </a:cubicBezTo>
                <a:cubicBezTo>
                  <a:pt x="185" y="428"/>
                  <a:pt x="167" y="422"/>
                  <a:pt x="148" y="407"/>
                </a:cubicBezTo>
                <a:cubicBezTo>
                  <a:pt x="148" y="407"/>
                  <a:pt x="148" y="407"/>
                  <a:pt x="148" y="407"/>
                </a:cubicBezTo>
                <a:cubicBezTo>
                  <a:pt x="146" y="407"/>
                  <a:pt x="145" y="407"/>
                  <a:pt x="143" y="407"/>
                </a:cubicBezTo>
                <a:cubicBezTo>
                  <a:pt x="143" y="407"/>
                  <a:pt x="143" y="407"/>
                  <a:pt x="143" y="407"/>
                </a:cubicBezTo>
                <a:cubicBezTo>
                  <a:pt x="136" y="407"/>
                  <a:pt x="128" y="407"/>
                  <a:pt x="117" y="407"/>
                </a:cubicBezTo>
                <a:cubicBezTo>
                  <a:pt x="117" y="407"/>
                  <a:pt x="117" y="407"/>
                  <a:pt x="117" y="407"/>
                </a:cubicBezTo>
                <a:cubicBezTo>
                  <a:pt x="77" y="407"/>
                  <a:pt x="16" y="407"/>
                  <a:pt x="16" y="407"/>
                </a:cubicBezTo>
                <a:cubicBezTo>
                  <a:pt x="16" y="407"/>
                  <a:pt x="16" y="407"/>
                  <a:pt x="16" y="407"/>
                </a:cubicBezTo>
                <a:cubicBezTo>
                  <a:pt x="12" y="407"/>
                  <a:pt x="8" y="406"/>
                  <a:pt x="5" y="403"/>
                </a:cubicBezTo>
                <a:cubicBezTo>
                  <a:pt x="5" y="403"/>
                  <a:pt x="5" y="403"/>
                  <a:pt x="5" y="403"/>
                </a:cubicBezTo>
                <a:cubicBezTo>
                  <a:pt x="2" y="400"/>
                  <a:pt x="0" y="396"/>
                  <a:pt x="0" y="392"/>
                </a:cubicBezTo>
                <a:cubicBezTo>
                  <a:pt x="0" y="392"/>
                  <a:pt x="0" y="392"/>
                  <a:pt x="0" y="392"/>
                </a:cubicBezTo>
                <a:cubicBezTo>
                  <a:pt x="0" y="352"/>
                  <a:pt x="0" y="352"/>
                  <a:pt x="0" y="352"/>
                </a:cubicBezTo>
                <a:cubicBezTo>
                  <a:pt x="0" y="345"/>
                  <a:pt x="5" y="338"/>
                  <a:pt x="12" y="337"/>
                </a:cubicBezTo>
                <a:cubicBezTo>
                  <a:pt x="12" y="337"/>
                  <a:pt x="12" y="337"/>
                  <a:pt x="12" y="337"/>
                </a:cubicBezTo>
                <a:cubicBezTo>
                  <a:pt x="12" y="337"/>
                  <a:pt x="12" y="337"/>
                  <a:pt x="12" y="337"/>
                </a:cubicBezTo>
                <a:cubicBezTo>
                  <a:pt x="12" y="337"/>
                  <a:pt x="12" y="337"/>
                  <a:pt x="12" y="337"/>
                </a:cubicBezTo>
                <a:cubicBezTo>
                  <a:pt x="13" y="337"/>
                  <a:pt x="13" y="337"/>
                  <a:pt x="14" y="336"/>
                </a:cubicBezTo>
                <a:cubicBezTo>
                  <a:pt x="14" y="336"/>
                  <a:pt x="14" y="336"/>
                  <a:pt x="14" y="336"/>
                </a:cubicBezTo>
                <a:cubicBezTo>
                  <a:pt x="15" y="336"/>
                  <a:pt x="17" y="335"/>
                  <a:pt x="19" y="335"/>
                </a:cubicBezTo>
                <a:cubicBezTo>
                  <a:pt x="19" y="335"/>
                  <a:pt x="19" y="335"/>
                  <a:pt x="19" y="335"/>
                </a:cubicBezTo>
                <a:cubicBezTo>
                  <a:pt x="24" y="333"/>
                  <a:pt x="30" y="330"/>
                  <a:pt x="36" y="326"/>
                </a:cubicBezTo>
                <a:cubicBezTo>
                  <a:pt x="36" y="326"/>
                  <a:pt x="36" y="326"/>
                  <a:pt x="36" y="326"/>
                </a:cubicBezTo>
                <a:cubicBezTo>
                  <a:pt x="48" y="317"/>
                  <a:pt x="59" y="305"/>
                  <a:pt x="60" y="284"/>
                </a:cubicBezTo>
                <a:cubicBezTo>
                  <a:pt x="60" y="284"/>
                  <a:pt x="60" y="284"/>
                  <a:pt x="60" y="284"/>
                </a:cubicBezTo>
                <a:cubicBezTo>
                  <a:pt x="62" y="257"/>
                  <a:pt x="64" y="224"/>
                  <a:pt x="68" y="193"/>
                </a:cubicBezTo>
                <a:cubicBezTo>
                  <a:pt x="68" y="193"/>
                  <a:pt x="68" y="193"/>
                  <a:pt x="68" y="193"/>
                </a:cubicBezTo>
                <a:cubicBezTo>
                  <a:pt x="72" y="161"/>
                  <a:pt x="78" y="131"/>
                  <a:pt x="90" y="108"/>
                </a:cubicBezTo>
                <a:cubicBezTo>
                  <a:pt x="90" y="108"/>
                  <a:pt x="90" y="108"/>
                  <a:pt x="90" y="108"/>
                </a:cubicBezTo>
                <a:cubicBezTo>
                  <a:pt x="110" y="69"/>
                  <a:pt x="133" y="50"/>
                  <a:pt x="166" y="37"/>
                </a:cubicBezTo>
                <a:cubicBezTo>
                  <a:pt x="166" y="37"/>
                  <a:pt x="166" y="37"/>
                  <a:pt x="166" y="37"/>
                </a:cubicBezTo>
                <a:cubicBezTo>
                  <a:pt x="166" y="36"/>
                  <a:pt x="166" y="35"/>
                  <a:pt x="167" y="35"/>
                </a:cubicBezTo>
                <a:cubicBezTo>
                  <a:pt x="167" y="35"/>
                  <a:pt x="167" y="35"/>
                  <a:pt x="167" y="35"/>
                </a:cubicBezTo>
                <a:cubicBezTo>
                  <a:pt x="168" y="29"/>
                  <a:pt x="168" y="18"/>
                  <a:pt x="177" y="9"/>
                </a:cubicBezTo>
                <a:cubicBezTo>
                  <a:pt x="177" y="9"/>
                  <a:pt x="177" y="9"/>
                  <a:pt x="177" y="9"/>
                </a:cubicBezTo>
                <a:cubicBezTo>
                  <a:pt x="184" y="3"/>
                  <a:pt x="193" y="0"/>
                  <a:pt x="202" y="0"/>
                </a:cubicBezTo>
                <a:cubicBezTo>
                  <a:pt x="202" y="0"/>
                  <a:pt x="202" y="0"/>
                  <a:pt x="202" y="0"/>
                </a:cubicBezTo>
                <a:cubicBezTo>
                  <a:pt x="215" y="0"/>
                  <a:pt x="225" y="1"/>
                  <a:pt x="235" y="11"/>
                </a:cubicBezTo>
                <a:cubicBezTo>
                  <a:pt x="235" y="11"/>
                  <a:pt x="235" y="11"/>
                  <a:pt x="235" y="11"/>
                </a:cubicBezTo>
                <a:cubicBezTo>
                  <a:pt x="243" y="18"/>
                  <a:pt x="246" y="28"/>
                  <a:pt x="247" y="39"/>
                </a:cubicBezTo>
                <a:cubicBezTo>
                  <a:pt x="247" y="39"/>
                  <a:pt x="247" y="39"/>
                  <a:pt x="247" y="39"/>
                </a:cubicBezTo>
                <a:cubicBezTo>
                  <a:pt x="252" y="40"/>
                  <a:pt x="259" y="43"/>
                  <a:pt x="267" y="47"/>
                </a:cubicBezTo>
                <a:cubicBezTo>
                  <a:pt x="267" y="47"/>
                  <a:pt x="267" y="47"/>
                  <a:pt x="267" y="47"/>
                </a:cubicBezTo>
                <a:cubicBezTo>
                  <a:pt x="285" y="56"/>
                  <a:pt x="308" y="74"/>
                  <a:pt x="324" y="110"/>
                </a:cubicBezTo>
                <a:cubicBezTo>
                  <a:pt x="324" y="110"/>
                  <a:pt x="324" y="110"/>
                  <a:pt x="324" y="110"/>
                </a:cubicBezTo>
                <a:cubicBezTo>
                  <a:pt x="359" y="184"/>
                  <a:pt x="352" y="249"/>
                  <a:pt x="355" y="282"/>
                </a:cubicBezTo>
                <a:cubicBezTo>
                  <a:pt x="355" y="282"/>
                  <a:pt x="355" y="282"/>
                  <a:pt x="355" y="282"/>
                </a:cubicBezTo>
                <a:cubicBezTo>
                  <a:pt x="356" y="303"/>
                  <a:pt x="365" y="314"/>
                  <a:pt x="376" y="322"/>
                </a:cubicBezTo>
                <a:cubicBezTo>
                  <a:pt x="376" y="322"/>
                  <a:pt x="376" y="322"/>
                  <a:pt x="376" y="322"/>
                </a:cubicBezTo>
                <a:cubicBezTo>
                  <a:pt x="386" y="330"/>
                  <a:pt x="398" y="334"/>
                  <a:pt x="402" y="335"/>
                </a:cubicBezTo>
                <a:cubicBezTo>
                  <a:pt x="402" y="335"/>
                  <a:pt x="402" y="335"/>
                  <a:pt x="402" y="335"/>
                </a:cubicBezTo>
                <a:cubicBezTo>
                  <a:pt x="404" y="335"/>
                  <a:pt x="404" y="335"/>
                  <a:pt x="404" y="335"/>
                </a:cubicBezTo>
                <a:cubicBezTo>
                  <a:pt x="404" y="335"/>
                  <a:pt x="404" y="335"/>
                  <a:pt x="404" y="335"/>
                </a:cubicBezTo>
                <a:cubicBezTo>
                  <a:pt x="411" y="336"/>
                  <a:pt x="417" y="343"/>
                  <a:pt x="417" y="350"/>
                </a:cubicBezTo>
                <a:cubicBezTo>
                  <a:pt x="417" y="350"/>
                  <a:pt x="417" y="350"/>
                  <a:pt x="417" y="350"/>
                </a:cubicBezTo>
                <a:cubicBezTo>
                  <a:pt x="417" y="391"/>
                  <a:pt x="417" y="391"/>
                  <a:pt x="417" y="391"/>
                </a:cubicBezTo>
                <a:cubicBezTo>
                  <a:pt x="417" y="395"/>
                  <a:pt x="415" y="399"/>
                  <a:pt x="412" y="402"/>
                </a:cubicBezTo>
                <a:cubicBezTo>
                  <a:pt x="412" y="402"/>
                  <a:pt x="412" y="402"/>
                  <a:pt x="412" y="402"/>
                </a:cubicBezTo>
                <a:cubicBezTo>
                  <a:pt x="409" y="405"/>
                  <a:pt x="405" y="406"/>
                  <a:pt x="401" y="406"/>
                </a:cubicBezTo>
                <a:cubicBezTo>
                  <a:pt x="401" y="406"/>
                  <a:pt x="401" y="406"/>
                  <a:pt x="401" y="406"/>
                </a:cubicBezTo>
                <a:cubicBezTo>
                  <a:pt x="301" y="406"/>
                  <a:pt x="301" y="406"/>
                  <a:pt x="301" y="406"/>
                </a:cubicBezTo>
                <a:cubicBezTo>
                  <a:pt x="292" y="406"/>
                  <a:pt x="285" y="399"/>
                  <a:pt x="285" y="391"/>
                </a:cubicBezTo>
                <a:cubicBezTo>
                  <a:pt x="285" y="391"/>
                  <a:pt x="285" y="391"/>
                  <a:pt x="285" y="391"/>
                </a:cubicBezTo>
                <a:cubicBezTo>
                  <a:pt x="285" y="382"/>
                  <a:pt x="292" y="376"/>
                  <a:pt x="301" y="376"/>
                </a:cubicBezTo>
                <a:cubicBezTo>
                  <a:pt x="301" y="376"/>
                  <a:pt x="301" y="376"/>
                  <a:pt x="301" y="376"/>
                </a:cubicBezTo>
                <a:cubicBezTo>
                  <a:pt x="386" y="376"/>
                  <a:pt x="386" y="376"/>
                  <a:pt x="386" y="376"/>
                </a:cubicBezTo>
                <a:cubicBezTo>
                  <a:pt x="386" y="362"/>
                  <a:pt x="386" y="362"/>
                  <a:pt x="386" y="362"/>
                </a:cubicBezTo>
                <a:cubicBezTo>
                  <a:pt x="380" y="360"/>
                  <a:pt x="372" y="357"/>
                  <a:pt x="364" y="352"/>
                </a:cubicBezTo>
                <a:cubicBezTo>
                  <a:pt x="364" y="352"/>
                  <a:pt x="364" y="352"/>
                  <a:pt x="364" y="352"/>
                </a:cubicBezTo>
                <a:cubicBezTo>
                  <a:pt x="346" y="341"/>
                  <a:pt x="326" y="319"/>
                  <a:pt x="324" y="285"/>
                </a:cubicBezTo>
                <a:cubicBezTo>
                  <a:pt x="324" y="285"/>
                  <a:pt x="324" y="285"/>
                  <a:pt x="324" y="285"/>
                </a:cubicBezTo>
                <a:cubicBezTo>
                  <a:pt x="321" y="246"/>
                  <a:pt x="327" y="190"/>
                  <a:pt x="296" y="123"/>
                </a:cubicBezTo>
                <a:cubicBezTo>
                  <a:pt x="296" y="123"/>
                  <a:pt x="296" y="123"/>
                  <a:pt x="296" y="123"/>
                </a:cubicBezTo>
                <a:cubicBezTo>
                  <a:pt x="285" y="99"/>
                  <a:pt x="271" y="86"/>
                  <a:pt x="260" y="78"/>
                </a:cubicBezTo>
                <a:cubicBezTo>
                  <a:pt x="260" y="78"/>
                  <a:pt x="260" y="78"/>
                  <a:pt x="260" y="78"/>
                </a:cubicBezTo>
                <a:cubicBezTo>
                  <a:pt x="248" y="71"/>
                  <a:pt x="239" y="69"/>
                  <a:pt x="231" y="66"/>
                </a:cubicBezTo>
                <a:cubicBezTo>
                  <a:pt x="231" y="66"/>
                  <a:pt x="231" y="66"/>
                  <a:pt x="231" y="66"/>
                </a:cubicBezTo>
                <a:cubicBezTo>
                  <a:pt x="229" y="65"/>
                  <a:pt x="227" y="65"/>
                  <a:pt x="222" y="61"/>
                </a:cubicBezTo>
                <a:cubicBezTo>
                  <a:pt x="222" y="61"/>
                  <a:pt x="222" y="61"/>
                  <a:pt x="222" y="61"/>
                </a:cubicBezTo>
                <a:cubicBezTo>
                  <a:pt x="220" y="60"/>
                  <a:pt x="217" y="55"/>
                  <a:pt x="216" y="49"/>
                </a:cubicBezTo>
                <a:cubicBezTo>
                  <a:pt x="216" y="49"/>
                  <a:pt x="216" y="49"/>
                  <a:pt x="216" y="49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Freeform 230"/>
          <p:cNvSpPr>
            <a:spLocks/>
          </p:cNvSpPr>
          <p:nvPr userDrawn="1"/>
        </p:nvSpPr>
        <p:spPr bwMode="auto">
          <a:xfrm>
            <a:off x="527708" y="5089728"/>
            <a:ext cx="517525" cy="466725"/>
          </a:xfrm>
          <a:custGeom>
            <a:avLst/>
            <a:gdLst/>
            <a:ahLst/>
            <a:cxnLst>
              <a:cxn ang="0">
                <a:pos x="357" y="34"/>
              </a:cxn>
              <a:cxn ang="0">
                <a:pos x="75" y="90"/>
              </a:cxn>
              <a:cxn ang="0">
                <a:pos x="43" y="164"/>
              </a:cxn>
              <a:cxn ang="0">
                <a:pos x="45" y="176"/>
              </a:cxn>
              <a:cxn ang="0">
                <a:pos x="76" y="181"/>
              </a:cxn>
              <a:cxn ang="0">
                <a:pos x="76" y="154"/>
              </a:cxn>
              <a:cxn ang="0">
                <a:pos x="85" y="116"/>
              </a:cxn>
              <a:cxn ang="0">
                <a:pos x="383" y="93"/>
              </a:cxn>
              <a:cxn ang="0">
                <a:pos x="424" y="42"/>
              </a:cxn>
              <a:cxn ang="0">
                <a:pos x="407" y="248"/>
              </a:cxn>
              <a:cxn ang="0">
                <a:pos x="383" y="145"/>
              </a:cxn>
              <a:cxn ang="0">
                <a:pos x="260" y="132"/>
              </a:cxn>
              <a:cxn ang="0">
                <a:pos x="247" y="145"/>
              </a:cxn>
              <a:cxn ang="0">
                <a:pos x="283" y="387"/>
              </a:cxn>
              <a:cxn ang="0">
                <a:pos x="220" y="147"/>
              </a:cxn>
              <a:cxn ang="0">
                <a:pos x="217" y="136"/>
              </a:cxn>
              <a:cxn ang="0">
                <a:pos x="136" y="132"/>
              </a:cxn>
              <a:cxn ang="0">
                <a:pos x="119" y="154"/>
              </a:cxn>
              <a:cxn ang="0">
                <a:pos x="96" y="166"/>
              </a:cxn>
              <a:cxn ang="0">
                <a:pos x="76" y="291"/>
              </a:cxn>
              <a:cxn ang="0">
                <a:pos x="89" y="305"/>
              </a:cxn>
              <a:cxn ang="0">
                <a:pos x="99" y="387"/>
              </a:cxn>
              <a:cxn ang="0">
                <a:pos x="45" y="305"/>
              </a:cxn>
              <a:cxn ang="0">
                <a:pos x="72" y="291"/>
              </a:cxn>
              <a:cxn ang="0">
                <a:pos x="33" y="278"/>
              </a:cxn>
              <a:cxn ang="0">
                <a:pos x="1" y="398"/>
              </a:cxn>
              <a:cxn ang="0">
                <a:pos x="14" y="414"/>
              </a:cxn>
              <a:cxn ang="0">
                <a:pos x="123" y="402"/>
              </a:cxn>
              <a:cxn ang="0">
                <a:pos x="137" y="283"/>
              </a:cxn>
              <a:cxn ang="0">
                <a:pos x="105" y="278"/>
              </a:cxn>
              <a:cxn ang="0">
                <a:pos x="129" y="181"/>
              </a:cxn>
              <a:cxn ang="0">
                <a:pos x="146" y="158"/>
              </a:cxn>
              <a:cxn ang="0">
                <a:pos x="156" y="398"/>
              </a:cxn>
              <a:cxn ang="0">
                <a:pos x="159" y="409"/>
              </a:cxn>
              <a:cxn ang="0">
                <a:pos x="299" y="414"/>
              </a:cxn>
              <a:cxn ang="0">
                <a:pos x="312" y="400"/>
              </a:cxn>
              <a:cxn ang="0">
                <a:pos x="276" y="158"/>
              </a:cxn>
              <a:cxn ang="0">
                <a:pos x="357" y="262"/>
              </a:cxn>
              <a:cxn ang="0">
                <a:pos x="416" y="275"/>
              </a:cxn>
              <a:cxn ang="0">
                <a:pos x="460" y="135"/>
              </a:cxn>
              <a:cxn ang="0">
                <a:pos x="438" y="19"/>
              </a:cxn>
            </a:cxnLst>
            <a:rect l="0" t="0" r="r" b="b"/>
            <a:pathLst>
              <a:path w="460" h="414">
                <a:moveTo>
                  <a:pt x="362" y="24"/>
                </a:moveTo>
                <a:cubicBezTo>
                  <a:pt x="359" y="26"/>
                  <a:pt x="357" y="30"/>
                  <a:pt x="357" y="34"/>
                </a:cubicBezTo>
                <a:cubicBezTo>
                  <a:pt x="357" y="34"/>
                  <a:pt x="357" y="64"/>
                  <a:pt x="357" y="80"/>
                </a:cubicBezTo>
                <a:cubicBezTo>
                  <a:pt x="333" y="81"/>
                  <a:pt x="75" y="90"/>
                  <a:pt x="75" y="90"/>
                </a:cubicBezTo>
                <a:cubicBezTo>
                  <a:pt x="69" y="90"/>
                  <a:pt x="64" y="94"/>
                  <a:pt x="62" y="99"/>
                </a:cubicBezTo>
                <a:cubicBezTo>
                  <a:pt x="43" y="164"/>
                  <a:pt x="43" y="164"/>
                  <a:pt x="43" y="164"/>
                </a:cubicBezTo>
                <a:cubicBezTo>
                  <a:pt x="43" y="165"/>
                  <a:pt x="42" y="166"/>
                  <a:pt x="42" y="168"/>
                </a:cubicBezTo>
                <a:cubicBezTo>
                  <a:pt x="42" y="171"/>
                  <a:pt x="43" y="173"/>
                  <a:pt x="45" y="176"/>
                </a:cubicBezTo>
                <a:cubicBezTo>
                  <a:pt x="48" y="179"/>
                  <a:pt x="52" y="181"/>
                  <a:pt x="56" y="181"/>
                </a:cubicBezTo>
                <a:cubicBezTo>
                  <a:pt x="76" y="181"/>
                  <a:pt x="76" y="181"/>
                  <a:pt x="76" y="181"/>
                </a:cubicBezTo>
                <a:cubicBezTo>
                  <a:pt x="83" y="181"/>
                  <a:pt x="89" y="175"/>
                  <a:pt x="89" y="168"/>
                </a:cubicBezTo>
                <a:cubicBezTo>
                  <a:pt x="89" y="160"/>
                  <a:pt x="83" y="154"/>
                  <a:pt x="76" y="154"/>
                </a:cubicBezTo>
                <a:cubicBezTo>
                  <a:pt x="76" y="154"/>
                  <a:pt x="74" y="154"/>
                  <a:pt x="74" y="154"/>
                </a:cubicBezTo>
                <a:cubicBezTo>
                  <a:pt x="78" y="140"/>
                  <a:pt x="82" y="126"/>
                  <a:pt x="85" y="116"/>
                </a:cubicBezTo>
                <a:cubicBezTo>
                  <a:pt x="103" y="116"/>
                  <a:pt x="370" y="106"/>
                  <a:pt x="370" y="106"/>
                </a:cubicBezTo>
                <a:cubicBezTo>
                  <a:pt x="378" y="106"/>
                  <a:pt x="383" y="100"/>
                  <a:pt x="383" y="93"/>
                </a:cubicBezTo>
                <a:cubicBezTo>
                  <a:pt x="383" y="93"/>
                  <a:pt x="383" y="53"/>
                  <a:pt x="383" y="42"/>
                </a:cubicBezTo>
                <a:cubicBezTo>
                  <a:pt x="399" y="34"/>
                  <a:pt x="418" y="40"/>
                  <a:pt x="424" y="42"/>
                </a:cubicBezTo>
                <a:cubicBezTo>
                  <a:pt x="428" y="54"/>
                  <a:pt x="433" y="98"/>
                  <a:pt x="433" y="135"/>
                </a:cubicBezTo>
                <a:cubicBezTo>
                  <a:pt x="433" y="161"/>
                  <a:pt x="416" y="219"/>
                  <a:pt x="407" y="248"/>
                </a:cubicBezTo>
                <a:cubicBezTo>
                  <a:pt x="399" y="248"/>
                  <a:pt x="393" y="248"/>
                  <a:pt x="383" y="248"/>
                </a:cubicBezTo>
                <a:cubicBezTo>
                  <a:pt x="383" y="227"/>
                  <a:pt x="383" y="145"/>
                  <a:pt x="383" y="145"/>
                </a:cubicBezTo>
                <a:cubicBezTo>
                  <a:pt x="383" y="138"/>
                  <a:pt x="377" y="132"/>
                  <a:pt x="370" y="132"/>
                </a:cubicBezTo>
                <a:cubicBezTo>
                  <a:pt x="260" y="132"/>
                  <a:pt x="260" y="132"/>
                  <a:pt x="260" y="132"/>
                </a:cubicBezTo>
                <a:cubicBezTo>
                  <a:pt x="257" y="132"/>
                  <a:pt x="253" y="133"/>
                  <a:pt x="250" y="136"/>
                </a:cubicBezTo>
                <a:cubicBezTo>
                  <a:pt x="248" y="139"/>
                  <a:pt x="247" y="142"/>
                  <a:pt x="247" y="145"/>
                </a:cubicBezTo>
                <a:cubicBezTo>
                  <a:pt x="247" y="146"/>
                  <a:pt x="247" y="146"/>
                  <a:pt x="247" y="147"/>
                </a:cubicBezTo>
                <a:cubicBezTo>
                  <a:pt x="247" y="147"/>
                  <a:pt x="279" y="360"/>
                  <a:pt x="283" y="387"/>
                </a:cubicBezTo>
                <a:cubicBezTo>
                  <a:pt x="263" y="387"/>
                  <a:pt x="205" y="387"/>
                  <a:pt x="184" y="387"/>
                </a:cubicBezTo>
                <a:cubicBezTo>
                  <a:pt x="188" y="360"/>
                  <a:pt x="220" y="147"/>
                  <a:pt x="220" y="147"/>
                </a:cubicBezTo>
                <a:cubicBezTo>
                  <a:pt x="220" y="146"/>
                  <a:pt x="220" y="146"/>
                  <a:pt x="220" y="145"/>
                </a:cubicBezTo>
                <a:cubicBezTo>
                  <a:pt x="220" y="142"/>
                  <a:pt x="219" y="139"/>
                  <a:pt x="217" y="136"/>
                </a:cubicBezTo>
                <a:cubicBezTo>
                  <a:pt x="215" y="133"/>
                  <a:pt x="211" y="132"/>
                  <a:pt x="207" y="132"/>
                </a:cubicBezTo>
                <a:cubicBezTo>
                  <a:pt x="136" y="132"/>
                  <a:pt x="136" y="132"/>
                  <a:pt x="136" y="132"/>
                </a:cubicBezTo>
                <a:cubicBezTo>
                  <a:pt x="130" y="132"/>
                  <a:pt x="125" y="135"/>
                  <a:pt x="123" y="141"/>
                </a:cubicBezTo>
                <a:cubicBezTo>
                  <a:pt x="123" y="141"/>
                  <a:pt x="121" y="148"/>
                  <a:pt x="119" y="154"/>
                </a:cubicBezTo>
                <a:cubicBezTo>
                  <a:pt x="114" y="154"/>
                  <a:pt x="109" y="154"/>
                  <a:pt x="109" y="154"/>
                </a:cubicBezTo>
                <a:cubicBezTo>
                  <a:pt x="102" y="154"/>
                  <a:pt x="97" y="159"/>
                  <a:pt x="96" y="166"/>
                </a:cubicBezTo>
                <a:cubicBezTo>
                  <a:pt x="76" y="289"/>
                  <a:pt x="76" y="289"/>
                  <a:pt x="76" y="289"/>
                </a:cubicBezTo>
                <a:cubicBezTo>
                  <a:pt x="76" y="290"/>
                  <a:pt x="76" y="291"/>
                  <a:pt x="76" y="291"/>
                </a:cubicBezTo>
                <a:cubicBezTo>
                  <a:pt x="76" y="294"/>
                  <a:pt x="77" y="297"/>
                  <a:pt x="79" y="300"/>
                </a:cubicBezTo>
                <a:cubicBezTo>
                  <a:pt x="82" y="303"/>
                  <a:pt x="86" y="305"/>
                  <a:pt x="89" y="305"/>
                </a:cubicBezTo>
                <a:cubicBezTo>
                  <a:pt x="89" y="305"/>
                  <a:pt x="101" y="305"/>
                  <a:pt x="112" y="305"/>
                </a:cubicBezTo>
                <a:cubicBezTo>
                  <a:pt x="109" y="325"/>
                  <a:pt x="101" y="372"/>
                  <a:pt x="99" y="387"/>
                </a:cubicBezTo>
                <a:cubicBezTo>
                  <a:pt x="84" y="387"/>
                  <a:pt x="49" y="387"/>
                  <a:pt x="30" y="387"/>
                </a:cubicBezTo>
                <a:cubicBezTo>
                  <a:pt x="34" y="367"/>
                  <a:pt x="42" y="320"/>
                  <a:pt x="45" y="305"/>
                </a:cubicBezTo>
                <a:cubicBezTo>
                  <a:pt x="51" y="305"/>
                  <a:pt x="58" y="305"/>
                  <a:pt x="58" y="305"/>
                </a:cubicBezTo>
                <a:cubicBezTo>
                  <a:pt x="66" y="305"/>
                  <a:pt x="72" y="299"/>
                  <a:pt x="72" y="291"/>
                </a:cubicBezTo>
                <a:cubicBezTo>
                  <a:pt x="72" y="284"/>
                  <a:pt x="66" y="278"/>
                  <a:pt x="58" y="278"/>
                </a:cubicBezTo>
                <a:cubicBezTo>
                  <a:pt x="33" y="278"/>
                  <a:pt x="33" y="278"/>
                  <a:pt x="33" y="278"/>
                </a:cubicBezTo>
                <a:cubicBezTo>
                  <a:pt x="27" y="278"/>
                  <a:pt x="21" y="283"/>
                  <a:pt x="20" y="289"/>
                </a:cubicBezTo>
                <a:cubicBezTo>
                  <a:pt x="1" y="398"/>
                  <a:pt x="1" y="398"/>
                  <a:pt x="1" y="398"/>
                </a:cubicBezTo>
                <a:cubicBezTo>
                  <a:pt x="0" y="402"/>
                  <a:pt x="1" y="406"/>
                  <a:pt x="4" y="409"/>
                </a:cubicBezTo>
                <a:cubicBezTo>
                  <a:pt x="6" y="412"/>
                  <a:pt x="10" y="414"/>
                  <a:pt x="14" y="414"/>
                </a:cubicBezTo>
                <a:cubicBezTo>
                  <a:pt x="110" y="414"/>
                  <a:pt x="110" y="414"/>
                  <a:pt x="110" y="414"/>
                </a:cubicBezTo>
                <a:cubicBezTo>
                  <a:pt x="117" y="414"/>
                  <a:pt x="122" y="409"/>
                  <a:pt x="123" y="402"/>
                </a:cubicBezTo>
                <a:cubicBezTo>
                  <a:pt x="140" y="293"/>
                  <a:pt x="140" y="293"/>
                  <a:pt x="140" y="293"/>
                </a:cubicBezTo>
                <a:cubicBezTo>
                  <a:pt x="141" y="289"/>
                  <a:pt x="140" y="286"/>
                  <a:pt x="137" y="283"/>
                </a:cubicBezTo>
                <a:cubicBezTo>
                  <a:pt x="135" y="280"/>
                  <a:pt x="131" y="278"/>
                  <a:pt x="127" y="278"/>
                </a:cubicBezTo>
                <a:cubicBezTo>
                  <a:pt x="127" y="278"/>
                  <a:pt x="116" y="278"/>
                  <a:pt x="105" y="278"/>
                </a:cubicBezTo>
                <a:cubicBezTo>
                  <a:pt x="108" y="257"/>
                  <a:pt x="118" y="197"/>
                  <a:pt x="120" y="181"/>
                </a:cubicBezTo>
                <a:cubicBezTo>
                  <a:pt x="124" y="181"/>
                  <a:pt x="129" y="181"/>
                  <a:pt x="129" y="181"/>
                </a:cubicBezTo>
                <a:cubicBezTo>
                  <a:pt x="135" y="181"/>
                  <a:pt x="140" y="177"/>
                  <a:pt x="142" y="172"/>
                </a:cubicBezTo>
                <a:cubicBezTo>
                  <a:pt x="142" y="172"/>
                  <a:pt x="144" y="165"/>
                  <a:pt x="146" y="158"/>
                </a:cubicBezTo>
                <a:cubicBezTo>
                  <a:pt x="157" y="158"/>
                  <a:pt x="176" y="158"/>
                  <a:pt x="192" y="158"/>
                </a:cubicBezTo>
                <a:cubicBezTo>
                  <a:pt x="188" y="185"/>
                  <a:pt x="156" y="398"/>
                  <a:pt x="156" y="398"/>
                </a:cubicBezTo>
                <a:cubicBezTo>
                  <a:pt x="156" y="399"/>
                  <a:pt x="155" y="400"/>
                  <a:pt x="155" y="400"/>
                </a:cubicBezTo>
                <a:cubicBezTo>
                  <a:pt x="155" y="403"/>
                  <a:pt x="157" y="407"/>
                  <a:pt x="159" y="409"/>
                </a:cubicBezTo>
                <a:cubicBezTo>
                  <a:pt x="161" y="412"/>
                  <a:pt x="165" y="414"/>
                  <a:pt x="169" y="414"/>
                </a:cubicBezTo>
                <a:cubicBezTo>
                  <a:pt x="299" y="414"/>
                  <a:pt x="299" y="414"/>
                  <a:pt x="299" y="414"/>
                </a:cubicBezTo>
                <a:cubicBezTo>
                  <a:pt x="303" y="414"/>
                  <a:pt x="306" y="412"/>
                  <a:pt x="309" y="409"/>
                </a:cubicBezTo>
                <a:cubicBezTo>
                  <a:pt x="311" y="407"/>
                  <a:pt x="312" y="403"/>
                  <a:pt x="312" y="400"/>
                </a:cubicBezTo>
                <a:cubicBezTo>
                  <a:pt x="312" y="400"/>
                  <a:pt x="312" y="399"/>
                  <a:pt x="312" y="398"/>
                </a:cubicBezTo>
                <a:cubicBezTo>
                  <a:pt x="312" y="398"/>
                  <a:pt x="280" y="185"/>
                  <a:pt x="276" y="158"/>
                </a:cubicBezTo>
                <a:cubicBezTo>
                  <a:pt x="296" y="158"/>
                  <a:pt x="339" y="158"/>
                  <a:pt x="357" y="158"/>
                </a:cubicBezTo>
                <a:cubicBezTo>
                  <a:pt x="357" y="179"/>
                  <a:pt x="357" y="262"/>
                  <a:pt x="357" y="262"/>
                </a:cubicBezTo>
                <a:cubicBezTo>
                  <a:pt x="357" y="269"/>
                  <a:pt x="363" y="275"/>
                  <a:pt x="370" y="275"/>
                </a:cubicBezTo>
                <a:cubicBezTo>
                  <a:pt x="416" y="275"/>
                  <a:pt x="416" y="275"/>
                  <a:pt x="416" y="275"/>
                </a:cubicBezTo>
                <a:cubicBezTo>
                  <a:pt x="422" y="275"/>
                  <a:pt x="427" y="271"/>
                  <a:pt x="429" y="266"/>
                </a:cubicBezTo>
                <a:cubicBezTo>
                  <a:pt x="430" y="262"/>
                  <a:pt x="460" y="174"/>
                  <a:pt x="460" y="135"/>
                </a:cubicBezTo>
                <a:cubicBezTo>
                  <a:pt x="460" y="116"/>
                  <a:pt x="458" y="90"/>
                  <a:pt x="456" y="69"/>
                </a:cubicBezTo>
                <a:cubicBezTo>
                  <a:pt x="452" y="33"/>
                  <a:pt x="446" y="23"/>
                  <a:pt x="438" y="19"/>
                </a:cubicBezTo>
                <a:cubicBezTo>
                  <a:pt x="433" y="17"/>
                  <a:pt x="394" y="0"/>
                  <a:pt x="362" y="2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Freeform 151"/>
          <p:cNvSpPr>
            <a:spLocks/>
          </p:cNvSpPr>
          <p:nvPr userDrawn="1"/>
        </p:nvSpPr>
        <p:spPr bwMode="auto">
          <a:xfrm>
            <a:off x="1203146" y="1164037"/>
            <a:ext cx="384175" cy="515938"/>
          </a:xfrm>
          <a:custGeom>
            <a:avLst/>
            <a:gdLst/>
            <a:ahLst/>
            <a:cxnLst>
              <a:cxn ang="0">
                <a:pos x="8" y="21"/>
              </a:cxn>
              <a:cxn ang="0">
                <a:pos x="0" y="48"/>
              </a:cxn>
              <a:cxn ang="0">
                <a:pos x="4" y="67"/>
              </a:cxn>
              <a:cxn ang="0">
                <a:pos x="31" y="89"/>
              </a:cxn>
              <a:cxn ang="0">
                <a:pos x="31" y="433"/>
              </a:cxn>
              <a:cxn ang="0">
                <a:pos x="38" y="445"/>
              </a:cxn>
              <a:cxn ang="0">
                <a:pos x="89" y="444"/>
              </a:cxn>
              <a:cxn ang="0">
                <a:pos x="95" y="433"/>
              </a:cxn>
              <a:cxn ang="0">
                <a:pos x="95" y="257"/>
              </a:cxn>
              <a:cxn ang="0">
                <a:pos x="133" y="239"/>
              </a:cxn>
              <a:cxn ang="0">
                <a:pos x="210" y="252"/>
              </a:cxn>
              <a:cxn ang="0">
                <a:pos x="294" y="276"/>
              </a:cxn>
              <a:cxn ang="0">
                <a:pos x="334" y="262"/>
              </a:cxn>
              <a:cxn ang="0">
                <a:pos x="341" y="251"/>
              </a:cxn>
              <a:cxn ang="0">
                <a:pos x="341" y="94"/>
              </a:cxn>
              <a:cxn ang="0">
                <a:pos x="334" y="83"/>
              </a:cxn>
              <a:cxn ang="0">
                <a:pos x="320" y="83"/>
              </a:cxn>
              <a:cxn ang="0">
                <a:pos x="239" y="90"/>
              </a:cxn>
              <a:cxn ang="0">
                <a:pos x="238" y="89"/>
              </a:cxn>
              <a:cxn ang="0">
                <a:pos x="127" y="61"/>
              </a:cxn>
              <a:cxn ang="0">
                <a:pos x="74" y="85"/>
              </a:cxn>
              <a:cxn ang="0">
                <a:pos x="73" y="85"/>
              </a:cxn>
              <a:cxn ang="0">
                <a:pos x="74" y="85"/>
              </a:cxn>
              <a:cxn ang="0">
                <a:pos x="72" y="86"/>
              </a:cxn>
              <a:cxn ang="0">
                <a:pos x="68" y="96"/>
              </a:cxn>
              <a:cxn ang="0">
                <a:pos x="68" y="97"/>
              </a:cxn>
              <a:cxn ang="0">
                <a:pos x="68" y="202"/>
              </a:cxn>
              <a:cxn ang="0">
                <a:pos x="81" y="216"/>
              </a:cxn>
              <a:cxn ang="0">
                <a:pos x="81" y="216"/>
              </a:cxn>
              <a:cxn ang="0">
                <a:pos x="95" y="202"/>
              </a:cxn>
              <a:cxn ang="0">
                <a:pos x="95" y="103"/>
              </a:cxn>
              <a:cxn ang="0">
                <a:pos x="219" y="109"/>
              </a:cxn>
              <a:cxn ang="0">
                <a:pos x="294" y="124"/>
              </a:cxn>
              <a:cxn ang="0">
                <a:pos x="314" y="117"/>
              </a:cxn>
              <a:cxn ang="0">
                <a:pos x="314" y="242"/>
              </a:cxn>
              <a:cxn ang="0">
                <a:pos x="228" y="232"/>
              </a:cxn>
              <a:cxn ang="0">
                <a:pos x="124" y="214"/>
              </a:cxn>
              <a:cxn ang="0">
                <a:pos x="73" y="240"/>
              </a:cxn>
              <a:cxn ang="0">
                <a:pos x="68" y="251"/>
              </a:cxn>
              <a:cxn ang="0">
                <a:pos x="68" y="424"/>
              </a:cxn>
              <a:cxn ang="0">
                <a:pos x="57" y="424"/>
              </a:cxn>
              <a:cxn ang="0">
                <a:pos x="57" y="78"/>
              </a:cxn>
              <a:cxn ang="0">
                <a:pos x="46" y="65"/>
              </a:cxn>
              <a:cxn ang="0">
                <a:pos x="28" y="55"/>
              </a:cxn>
              <a:cxn ang="0">
                <a:pos x="27" y="48"/>
              </a:cxn>
              <a:cxn ang="0">
                <a:pos x="30" y="35"/>
              </a:cxn>
              <a:cxn ang="0">
                <a:pos x="46" y="28"/>
              </a:cxn>
              <a:cxn ang="0">
                <a:pos x="62" y="36"/>
              </a:cxn>
              <a:cxn ang="0">
                <a:pos x="63" y="50"/>
              </a:cxn>
              <a:cxn ang="0">
                <a:pos x="69" y="68"/>
              </a:cxn>
              <a:cxn ang="0">
                <a:pos x="87" y="62"/>
              </a:cxn>
              <a:cxn ang="0">
                <a:pos x="86" y="22"/>
              </a:cxn>
              <a:cxn ang="0">
                <a:pos x="47" y="1"/>
              </a:cxn>
              <a:cxn ang="0">
                <a:pos x="8" y="21"/>
              </a:cxn>
            </a:cxnLst>
            <a:rect l="0" t="0" r="r" b="b"/>
            <a:pathLst>
              <a:path w="341" h="457">
                <a:moveTo>
                  <a:pt x="8" y="21"/>
                </a:moveTo>
                <a:cubicBezTo>
                  <a:pt x="3" y="29"/>
                  <a:pt x="0" y="38"/>
                  <a:pt x="0" y="48"/>
                </a:cubicBezTo>
                <a:cubicBezTo>
                  <a:pt x="0" y="55"/>
                  <a:pt x="1" y="61"/>
                  <a:pt x="4" y="67"/>
                </a:cubicBezTo>
                <a:cubicBezTo>
                  <a:pt x="11" y="80"/>
                  <a:pt x="22" y="86"/>
                  <a:pt x="31" y="89"/>
                </a:cubicBezTo>
                <a:cubicBezTo>
                  <a:pt x="31" y="109"/>
                  <a:pt x="31" y="433"/>
                  <a:pt x="31" y="433"/>
                </a:cubicBezTo>
                <a:cubicBezTo>
                  <a:pt x="31" y="438"/>
                  <a:pt x="33" y="442"/>
                  <a:pt x="38" y="445"/>
                </a:cubicBezTo>
                <a:cubicBezTo>
                  <a:pt x="60" y="457"/>
                  <a:pt x="81" y="450"/>
                  <a:pt x="89" y="444"/>
                </a:cubicBezTo>
                <a:cubicBezTo>
                  <a:pt x="92" y="441"/>
                  <a:pt x="95" y="437"/>
                  <a:pt x="95" y="433"/>
                </a:cubicBezTo>
                <a:cubicBezTo>
                  <a:pt x="95" y="433"/>
                  <a:pt x="95" y="270"/>
                  <a:pt x="95" y="257"/>
                </a:cubicBezTo>
                <a:cubicBezTo>
                  <a:pt x="102" y="253"/>
                  <a:pt x="116" y="244"/>
                  <a:pt x="133" y="239"/>
                </a:cubicBezTo>
                <a:cubicBezTo>
                  <a:pt x="163" y="229"/>
                  <a:pt x="190" y="233"/>
                  <a:pt x="210" y="252"/>
                </a:cubicBezTo>
                <a:cubicBezTo>
                  <a:pt x="233" y="273"/>
                  <a:pt x="262" y="281"/>
                  <a:pt x="294" y="276"/>
                </a:cubicBezTo>
                <a:cubicBezTo>
                  <a:pt x="317" y="272"/>
                  <a:pt x="334" y="263"/>
                  <a:pt x="334" y="262"/>
                </a:cubicBezTo>
                <a:cubicBezTo>
                  <a:pt x="338" y="260"/>
                  <a:pt x="341" y="255"/>
                  <a:pt x="341" y="251"/>
                </a:cubicBezTo>
                <a:cubicBezTo>
                  <a:pt x="341" y="94"/>
                  <a:pt x="341" y="94"/>
                  <a:pt x="341" y="94"/>
                </a:cubicBezTo>
                <a:cubicBezTo>
                  <a:pt x="341" y="89"/>
                  <a:pt x="338" y="85"/>
                  <a:pt x="334" y="83"/>
                </a:cubicBezTo>
                <a:cubicBezTo>
                  <a:pt x="330" y="80"/>
                  <a:pt x="324" y="80"/>
                  <a:pt x="320" y="83"/>
                </a:cubicBezTo>
                <a:cubicBezTo>
                  <a:pt x="320" y="84"/>
                  <a:pt x="264" y="121"/>
                  <a:pt x="239" y="90"/>
                </a:cubicBezTo>
                <a:cubicBezTo>
                  <a:pt x="238" y="90"/>
                  <a:pt x="238" y="90"/>
                  <a:pt x="238" y="89"/>
                </a:cubicBezTo>
                <a:cubicBezTo>
                  <a:pt x="207" y="60"/>
                  <a:pt x="168" y="51"/>
                  <a:pt x="127" y="61"/>
                </a:cubicBezTo>
                <a:cubicBezTo>
                  <a:pt x="100" y="67"/>
                  <a:pt x="80" y="81"/>
                  <a:pt x="74" y="85"/>
                </a:cubicBezTo>
                <a:cubicBezTo>
                  <a:pt x="73" y="85"/>
                  <a:pt x="73" y="85"/>
                  <a:pt x="73" y="85"/>
                </a:cubicBezTo>
                <a:cubicBezTo>
                  <a:pt x="73" y="85"/>
                  <a:pt x="73" y="85"/>
                  <a:pt x="74" y="85"/>
                </a:cubicBezTo>
                <a:cubicBezTo>
                  <a:pt x="73" y="86"/>
                  <a:pt x="72" y="86"/>
                  <a:pt x="72" y="86"/>
                </a:cubicBezTo>
                <a:cubicBezTo>
                  <a:pt x="69" y="89"/>
                  <a:pt x="68" y="92"/>
                  <a:pt x="68" y="96"/>
                </a:cubicBezTo>
                <a:cubicBezTo>
                  <a:pt x="68" y="96"/>
                  <a:pt x="68" y="97"/>
                  <a:pt x="68" y="97"/>
                </a:cubicBezTo>
                <a:cubicBezTo>
                  <a:pt x="68" y="101"/>
                  <a:pt x="68" y="202"/>
                  <a:pt x="68" y="202"/>
                </a:cubicBezTo>
                <a:cubicBezTo>
                  <a:pt x="68" y="210"/>
                  <a:pt x="74" y="216"/>
                  <a:pt x="81" y="216"/>
                </a:cubicBezTo>
                <a:cubicBezTo>
                  <a:pt x="81" y="216"/>
                  <a:pt x="81" y="216"/>
                  <a:pt x="81" y="216"/>
                </a:cubicBezTo>
                <a:cubicBezTo>
                  <a:pt x="89" y="216"/>
                  <a:pt x="95" y="210"/>
                  <a:pt x="95" y="202"/>
                </a:cubicBezTo>
                <a:cubicBezTo>
                  <a:pt x="95" y="202"/>
                  <a:pt x="95" y="115"/>
                  <a:pt x="95" y="103"/>
                </a:cubicBezTo>
                <a:cubicBezTo>
                  <a:pt x="112" y="92"/>
                  <a:pt x="170" y="63"/>
                  <a:pt x="219" y="109"/>
                </a:cubicBezTo>
                <a:cubicBezTo>
                  <a:pt x="232" y="123"/>
                  <a:pt x="254" y="136"/>
                  <a:pt x="294" y="124"/>
                </a:cubicBezTo>
                <a:cubicBezTo>
                  <a:pt x="302" y="122"/>
                  <a:pt x="308" y="119"/>
                  <a:pt x="314" y="117"/>
                </a:cubicBezTo>
                <a:cubicBezTo>
                  <a:pt x="314" y="148"/>
                  <a:pt x="314" y="230"/>
                  <a:pt x="314" y="242"/>
                </a:cubicBezTo>
                <a:cubicBezTo>
                  <a:pt x="299" y="249"/>
                  <a:pt x="260" y="261"/>
                  <a:pt x="228" y="232"/>
                </a:cubicBezTo>
                <a:cubicBezTo>
                  <a:pt x="200" y="207"/>
                  <a:pt x="164" y="200"/>
                  <a:pt x="124" y="214"/>
                </a:cubicBezTo>
                <a:cubicBezTo>
                  <a:pt x="95" y="223"/>
                  <a:pt x="74" y="239"/>
                  <a:pt x="73" y="240"/>
                </a:cubicBezTo>
                <a:cubicBezTo>
                  <a:pt x="70" y="243"/>
                  <a:pt x="68" y="246"/>
                  <a:pt x="68" y="251"/>
                </a:cubicBezTo>
                <a:cubicBezTo>
                  <a:pt x="68" y="251"/>
                  <a:pt x="68" y="408"/>
                  <a:pt x="68" y="424"/>
                </a:cubicBezTo>
                <a:cubicBezTo>
                  <a:pt x="65" y="425"/>
                  <a:pt x="62" y="425"/>
                  <a:pt x="57" y="424"/>
                </a:cubicBezTo>
                <a:cubicBezTo>
                  <a:pt x="57" y="407"/>
                  <a:pt x="57" y="78"/>
                  <a:pt x="57" y="78"/>
                </a:cubicBezTo>
                <a:cubicBezTo>
                  <a:pt x="57" y="71"/>
                  <a:pt x="52" y="66"/>
                  <a:pt x="46" y="65"/>
                </a:cubicBezTo>
                <a:cubicBezTo>
                  <a:pt x="45" y="65"/>
                  <a:pt x="32" y="63"/>
                  <a:pt x="28" y="55"/>
                </a:cubicBezTo>
                <a:cubicBezTo>
                  <a:pt x="27" y="53"/>
                  <a:pt x="27" y="51"/>
                  <a:pt x="27" y="48"/>
                </a:cubicBezTo>
                <a:cubicBezTo>
                  <a:pt x="27" y="44"/>
                  <a:pt x="28" y="39"/>
                  <a:pt x="30" y="35"/>
                </a:cubicBezTo>
                <a:cubicBezTo>
                  <a:pt x="34" y="30"/>
                  <a:pt x="39" y="28"/>
                  <a:pt x="46" y="28"/>
                </a:cubicBezTo>
                <a:cubicBezTo>
                  <a:pt x="54" y="28"/>
                  <a:pt x="60" y="31"/>
                  <a:pt x="62" y="36"/>
                </a:cubicBezTo>
                <a:cubicBezTo>
                  <a:pt x="65" y="41"/>
                  <a:pt x="65" y="47"/>
                  <a:pt x="63" y="50"/>
                </a:cubicBezTo>
                <a:cubicBezTo>
                  <a:pt x="60" y="57"/>
                  <a:pt x="63" y="65"/>
                  <a:pt x="69" y="68"/>
                </a:cubicBezTo>
                <a:cubicBezTo>
                  <a:pt x="76" y="71"/>
                  <a:pt x="84" y="69"/>
                  <a:pt x="87" y="62"/>
                </a:cubicBezTo>
                <a:cubicBezTo>
                  <a:pt x="93" y="50"/>
                  <a:pt x="92" y="34"/>
                  <a:pt x="86" y="22"/>
                </a:cubicBezTo>
                <a:cubicBezTo>
                  <a:pt x="78" y="10"/>
                  <a:pt x="65" y="2"/>
                  <a:pt x="47" y="1"/>
                </a:cubicBezTo>
                <a:cubicBezTo>
                  <a:pt x="31" y="0"/>
                  <a:pt x="16" y="8"/>
                  <a:pt x="8" y="2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Freeform 183"/>
          <p:cNvSpPr>
            <a:spLocks/>
          </p:cNvSpPr>
          <p:nvPr userDrawn="1"/>
        </p:nvSpPr>
        <p:spPr bwMode="auto">
          <a:xfrm>
            <a:off x="1139646" y="1741392"/>
            <a:ext cx="511175" cy="525462"/>
          </a:xfrm>
          <a:custGeom>
            <a:avLst/>
            <a:gdLst/>
            <a:ahLst/>
            <a:cxnLst>
              <a:cxn ang="0">
                <a:pos x="58" y="463"/>
              </a:cxn>
              <a:cxn ang="0">
                <a:pos x="54" y="452"/>
              </a:cxn>
              <a:cxn ang="0">
                <a:pos x="54" y="148"/>
              </a:cxn>
              <a:cxn ang="0">
                <a:pos x="4" y="144"/>
              </a:cxn>
              <a:cxn ang="0">
                <a:pos x="0" y="134"/>
              </a:cxn>
              <a:cxn ang="0">
                <a:pos x="0" y="71"/>
              </a:cxn>
              <a:cxn ang="0">
                <a:pos x="4" y="61"/>
              </a:cxn>
              <a:cxn ang="0">
                <a:pos x="14" y="57"/>
              </a:cxn>
              <a:cxn ang="0">
                <a:pos x="54" y="14"/>
              </a:cxn>
              <a:cxn ang="0">
                <a:pos x="58" y="4"/>
              </a:cxn>
              <a:cxn ang="0">
                <a:pos x="68" y="0"/>
              </a:cxn>
              <a:cxn ang="0">
                <a:pos x="143" y="14"/>
              </a:cxn>
              <a:cxn ang="0">
                <a:pos x="143" y="57"/>
              </a:cxn>
              <a:cxn ang="0">
                <a:pos x="454" y="71"/>
              </a:cxn>
              <a:cxn ang="0">
                <a:pos x="454" y="133"/>
              </a:cxn>
              <a:cxn ang="0">
                <a:pos x="450" y="143"/>
              </a:cxn>
              <a:cxn ang="0">
                <a:pos x="440" y="147"/>
              </a:cxn>
              <a:cxn ang="0">
                <a:pos x="142" y="157"/>
              </a:cxn>
              <a:cxn ang="0">
                <a:pos x="398" y="161"/>
              </a:cxn>
              <a:cxn ang="0">
                <a:pos x="402" y="171"/>
              </a:cxn>
              <a:cxn ang="0">
                <a:pos x="402" y="325"/>
              </a:cxn>
              <a:cxn ang="0">
                <a:pos x="398" y="335"/>
              </a:cxn>
              <a:cxn ang="0">
                <a:pos x="388" y="339"/>
              </a:cxn>
              <a:cxn ang="0">
                <a:pos x="119" y="335"/>
              </a:cxn>
              <a:cxn ang="0">
                <a:pos x="115" y="325"/>
              </a:cxn>
              <a:cxn ang="0">
                <a:pos x="115" y="219"/>
              </a:cxn>
              <a:cxn ang="0">
                <a:pos x="129" y="205"/>
              </a:cxn>
              <a:cxn ang="0">
                <a:pos x="143" y="219"/>
              </a:cxn>
              <a:cxn ang="0">
                <a:pos x="373" y="310"/>
              </a:cxn>
              <a:cxn ang="0">
                <a:pos x="128" y="185"/>
              </a:cxn>
              <a:cxn ang="0">
                <a:pos x="118" y="181"/>
              </a:cxn>
              <a:cxn ang="0">
                <a:pos x="113" y="171"/>
              </a:cxn>
              <a:cxn ang="0">
                <a:pos x="118" y="123"/>
              </a:cxn>
              <a:cxn ang="0">
                <a:pos x="128" y="119"/>
              </a:cxn>
              <a:cxn ang="0">
                <a:pos x="426" y="119"/>
              </a:cxn>
              <a:cxn ang="0">
                <a:pos x="129" y="85"/>
              </a:cxn>
              <a:cxn ang="0">
                <a:pos x="114" y="71"/>
              </a:cxn>
              <a:cxn ang="0">
                <a:pos x="82" y="28"/>
              </a:cxn>
              <a:cxn ang="0">
                <a:pos x="78" y="81"/>
              </a:cxn>
              <a:cxn ang="0">
                <a:pos x="68" y="85"/>
              </a:cxn>
              <a:cxn ang="0">
                <a:pos x="28" y="85"/>
              </a:cxn>
              <a:cxn ang="0">
                <a:pos x="68" y="119"/>
              </a:cxn>
              <a:cxn ang="0">
                <a:pos x="78" y="123"/>
              </a:cxn>
              <a:cxn ang="0">
                <a:pos x="82" y="134"/>
              </a:cxn>
              <a:cxn ang="0">
                <a:pos x="114" y="438"/>
              </a:cxn>
              <a:cxn ang="0">
                <a:pos x="129" y="357"/>
              </a:cxn>
              <a:cxn ang="0">
                <a:pos x="143" y="372"/>
              </a:cxn>
              <a:cxn ang="0">
                <a:pos x="143" y="452"/>
              </a:cxn>
              <a:cxn ang="0">
                <a:pos x="139" y="463"/>
              </a:cxn>
              <a:cxn ang="0">
                <a:pos x="129" y="467"/>
              </a:cxn>
            </a:cxnLst>
            <a:rect l="0" t="0" r="r" b="b"/>
            <a:pathLst>
              <a:path w="454" h="467">
                <a:moveTo>
                  <a:pt x="68" y="467"/>
                </a:moveTo>
                <a:cubicBezTo>
                  <a:pt x="64" y="467"/>
                  <a:pt x="60" y="465"/>
                  <a:pt x="58" y="463"/>
                </a:cubicBezTo>
                <a:cubicBezTo>
                  <a:pt x="58" y="463"/>
                  <a:pt x="58" y="463"/>
                  <a:pt x="58" y="463"/>
                </a:cubicBezTo>
                <a:cubicBezTo>
                  <a:pt x="55" y="460"/>
                  <a:pt x="54" y="456"/>
                  <a:pt x="54" y="452"/>
                </a:cubicBezTo>
                <a:cubicBezTo>
                  <a:pt x="54" y="452"/>
                  <a:pt x="54" y="452"/>
                  <a:pt x="54" y="452"/>
                </a:cubicBezTo>
                <a:cubicBezTo>
                  <a:pt x="54" y="148"/>
                  <a:pt x="54" y="148"/>
                  <a:pt x="54" y="148"/>
                </a:cubicBezTo>
                <a:cubicBezTo>
                  <a:pt x="14" y="148"/>
                  <a:pt x="14" y="148"/>
                  <a:pt x="14" y="148"/>
                </a:cubicBezTo>
                <a:cubicBezTo>
                  <a:pt x="10" y="148"/>
                  <a:pt x="7" y="146"/>
                  <a:pt x="4" y="144"/>
                </a:cubicBezTo>
                <a:cubicBezTo>
                  <a:pt x="4" y="144"/>
                  <a:pt x="4" y="144"/>
                  <a:pt x="4" y="144"/>
                </a:cubicBezTo>
                <a:cubicBezTo>
                  <a:pt x="1" y="141"/>
                  <a:pt x="0" y="137"/>
                  <a:pt x="0" y="134"/>
                </a:cubicBezTo>
                <a:cubicBezTo>
                  <a:pt x="0" y="134"/>
                  <a:pt x="0" y="134"/>
                  <a:pt x="0" y="134"/>
                </a:cubicBezTo>
                <a:cubicBezTo>
                  <a:pt x="0" y="71"/>
                  <a:pt x="0" y="71"/>
                  <a:pt x="0" y="71"/>
                </a:cubicBezTo>
                <a:cubicBezTo>
                  <a:pt x="0" y="67"/>
                  <a:pt x="1" y="64"/>
                  <a:pt x="4" y="61"/>
                </a:cubicBezTo>
                <a:cubicBezTo>
                  <a:pt x="4" y="61"/>
                  <a:pt x="4" y="61"/>
                  <a:pt x="4" y="61"/>
                </a:cubicBezTo>
                <a:cubicBezTo>
                  <a:pt x="7" y="58"/>
                  <a:pt x="10" y="57"/>
                  <a:pt x="14" y="57"/>
                </a:cubicBezTo>
                <a:cubicBezTo>
                  <a:pt x="14" y="57"/>
                  <a:pt x="14" y="57"/>
                  <a:pt x="14" y="57"/>
                </a:cubicBezTo>
                <a:cubicBezTo>
                  <a:pt x="54" y="57"/>
                  <a:pt x="54" y="57"/>
                  <a:pt x="54" y="57"/>
                </a:cubicBezTo>
                <a:cubicBezTo>
                  <a:pt x="54" y="14"/>
                  <a:pt x="54" y="14"/>
                  <a:pt x="54" y="14"/>
                </a:cubicBezTo>
                <a:cubicBezTo>
                  <a:pt x="54" y="10"/>
                  <a:pt x="55" y="7"/>
                  <a:pt x="58" y="4"/>
                </a:cubicBezTo>
                <a:cubicBezTo>
                  <a:pt x="58" y="4"/>
                  <a:pt x="58" y="4"/>
                  <a:pt x="58" y="4"/>
                </a:cubicBezTo>
                <a:cubicBezTo>
                  <a:pt x="61" y="2"/>
                  <a:pt x="64" y="0"/>
                  <a:pt x="68" y="0"/>
                </a:cubicBezTo>
                <a:cubicBezTo>
                  <a:pt x="68" y="0"/>
                  <a:pt x="68" y="0"/>
                  <a:pt x="68" y="0"/>
                </a:cubicBezTo>
                <a:cubicBezTo>
                  <a:pt x="129" y="0"/>
                  <a:pt x="129" y="0"/>
                  <a:pt x="129" y="0"/>
                </a:cubicBezTo>
                <a:cubicBezTo>
                  <a:pt x="136" y="0"/>
                  <a:pt x="143" y="6"/>
                  <a:pt x="143" y="14"/>
                </a:cubicBezTo>
                <a:cubicBezTo>
                  <a:pt x="143" y="14"/>
                  <a:pt x="143" y="14"/>
                  <a:pt x="143" y="14"/>
                </a:cubicBezTo>
                <a:cubicBezTo>
                  <a:pt x="143" y="57"/>
                  <a:pt x="143" y="57"/>
                  <a:pt x="143" y="57"/>
                </a:cubicBezTo>
                <a:cubicBezTo>
                  <a:pt x="440" y="57"/>
                  <a:pt x="440" y="57"/>
                  <a:pt x="440" y="57"/>
                </a:cubicBezTo>
                <a:cubicBezTo>
                  <a:pt x="448" y="57"/>
                  <a:pt x="454" y="63"/>
                  <a:pt x="454" y="71"/>
                </a:cubicBezTo>
                <a:cubicBezTo>
                  <a:pt x="454" y="71"/>
                  <a:pt x="454" y="71"/>
                  <a:pt x="454" y="71"/>
                </a:cubicBezTo>
                <a:cubicBezTo>
                  <a:pt x="454" y="133"/>
                  <a:pt x="454" y="133"/>
                  <a:pt x="454" y="133"/>
                </a:cubicBezTo>
                <a:cubicBezTo>
                  <a:pt x="454" y="137"/>
                  <a:pt x="453" y="140"/>
                  <a:pt x="450" y="143"/>
                </a:cubicBezTo>
                <a:cubicBezTo>
                  <a:pt x="450" y="143"/>
                  <a:pt x="450" y="143"/>
                  <a:pt x="450" y="143"/>
                </a:cubicBezTo>
                <a:cubicBezTo>
                  <a:pt x="448" y="146"/>
                  <a:pt x="444" y="147"/>
                  <a:pt x="440" y="147"/>
                </a:cubicBezTo>
                <a:cubicBezTo>
                  <a:pt x="440" y="147"/>
                  <a:pt x="440" y="147"/>
                  <a:pt x="440" y="147"/>
                </a:cubicBezTo>
                <a:cubicBezTo>
                  <a:pt x="142" y="147"/>
                  <a:pt x="142" y="147"/>
                  <a:pt x="142" y="147"/>
                </a:cubicBezTo>
                <a:cubicBezTo>
                  <a:pt x="142" y="157"/>
                  <a:pt x="142" y="157"/>
                  <a:pt x="142" y="157"/>
                </a:cubicBezTo>
                <a:cubicBezTo>
                  <a:pt x="388" y="157"/>
                  <a:pt x="388" y="157"/>
                  <a:pt x="388" y="157"/>
                </a:cubicBezTo>
                <a:cubicBezTo>
                  <a:pt x="391" y="157"/>
                  <a:pt x="395" y="158"/>
                  <a:pt x="398" y="161"/>
                </a:cubicBezTo>
                <a:cubicBezTo>
                  <a:pt x="398" y="161"/>
                  <a:pt x="398" y="161"/>
                  <a:pt x="398" y="161"/>
                </a:cubicBezTo>
                <a:cubicBezTo>
                  <a:pt x="400" y="164"/>
                  <a:pt x="402" y="167"/>
                  <a:pt x="402" y="171"/>
                </a:cubicBezTo>
                <a:cubicBezTo>
                  <a:pt x="402" y="171"/>
                  <a:pt x="402" y="171"/>
                  <a:pt x="402" y="171"/>
                </a:cubicBezTo>
                <a:cubicBezTo>
                  <a:pt x="402" y="325"/>
                  <a:pt x="402" y="325"/>
                  <a:pt x="402" y="325"/>
                </a:cubicBezTo>
                <a:cubicBezTo>
                  <a:pt x="402" y="328"/>
                  <a:pt x="400" y="332"/>
                  <a:pt x="398" y="335"/>
                </a:cubicBezTo>
                <a:cubicBezTo>
                  <a:pt x="398" y="335"/>
                  <a:pt x="398" y="335"/>
                  <a:pt x="398" y="335"/>
                </a:cubicBezTo>
                <a:cubicBezTo>
                  <a:pt x="395" y="337"/>
                  <a:pt x="391" y="339"/>
                  <a:pt x="388" y="339"/>
                </a:cubicBezTo>
                <a:cubicBezTo>
                  <a:pt x="388" y="339"/>
                  <a:pt x="388" y="339"/>
                  <a:pt x="388" y="339"/>
                </a:cubicBezTo>
                <a:cubicBezTo>
                  <a:pt x="129" y="339"/>
                  <a:pt x="129" y="339"/>
                  <a:pt x="129" y="339"/>
                </a:cubicBezTo>
                <a:cubicBezTo>
                  <a:pt x="125" y="339"/>
                  <a:pt x="122" y="337"/>
                  <a:pt x="119" y="335"/>
                </a:cubicBezTo>
                <a:cubicBezTo>
                  <a:pt x="119" y="335"/>
                  <a:pt x="119" y="335"/>
                  <a:pt x="119" y="335"/>
                </a:cubicBezTo>
                <a:cubicBezTo>
                  <a:pt x="116" y="332"/>
                  <a:pt x="115" y="328"/>
                  <a:pt x="115" y="325"/>
                </a:cubicBezTo>
                <a:cubicBezTo>
                  <a:pt x="115" y="325"/>
                  <a:pt x="115" y="325"/>
                  <a:pt x="115" y="325"/>
                </a:cubicBezTo>
                <a:cubicBezTo>
                  <a:pt x="115" y="219"/>
                  <a:pt x="115" y="219"/>
                  <a:pt x="115" y="219"/>
                </a:cubicBezTo>
                <a:cubicBezTo>
                  <a:pt x="115" y="212"/>
                  <a:pt x="121" y="205"/>
                  <a:pt x="129" y="205"/>
                </a:cubicBezTo>
                <a:cubicBezTo>
                  <a:pt x="129" y="205"/>
                  <a:pt x="129" y="205"/>
                  <a:pt x="129" y="205"/>
                </a:cubicBezTo>
                <a:cubicBezTo>
                  <a:pt x="137" y="205"/>
                  <a:pt x="143" y="212"/>
                  <a:pt x="143" y="219"/>
                </a:cubicBezTo>
                <a:cubicBezTo>
                  <a:pt x="143" y="219"/>
                  <a:pt x="143" y="219"/>
                  <a:pt x="143" y="219"/>
                </a:cubicBezTo>
                <a:cubicBezTo>
                  <a:pt x="143" y="310"/>
                  <a:pt x="143" y="310"/>
                  <a:pt x="143" y="310"/>
                </a:cubicBezTo>
                <a:cubicBezTo>
                  <a:pt x="373" y="310"/>
                  <a:pt x="373" y="310"/>
                  <a:pt x="373" y="310"/>
                </a:cubicBezTo>
                <a:cubicBezTo>
                  <a:pt x="373" y="185"/>
                  <a:pt x="373" y="185"/>
                  <a:pt x="373" y="185"/>
                </a:cubicBezTo>
                <a:cubicBezTo>
                  <a:pt x="128" y="185"/>
                  <a:pt x="128" y="185"/>
                  <a:pt x="128" y="185"/>
                </a:cubicBezTo>
                <a:cubicBezTo>
                  <a:pt x="124" y="185"/>
                  <a:pt x="120" y="184"/>
                  <a:pt x="118" y="181"/>
                </a:cubicBezTo>
                <a:cubicBezTo>
                  <a:pt x="118" y="181"/>
                  <a:pt x="118" y="181"/>
                  <a:pt x="118" y="181"/>
                </a:cubicBezTo>
                <a:cubicBezTo>
                  <a:pt x="115" y="179"/>
                  <a:pt x="113" y="175"/>
                  <a:pt x="113" y="171"/>
                </a:cubicBezTo>
                <a:cubicBezTo>
                  <a:pt x="113" y="171"/>
                  <a:pt x="113" y="171"/>
                  <a:pt x="113" y="171"/>
                </a:cubicBezTo>
                <a:cubicBezTo>
                  <a:pt x="113" y="133"/>
                  <a:pt x="113" y="133"/>
                  <a:pt x="113" y="133"/>
                </a:cubicBezTo>
                <a:cubicBezTo>
                  <a:pt x="113" y="129"/>
                  <a:pt x="115" y="125"/>
                  <a:pt x="118" y="123"/>
                </a:cubicBezTo>
                <a:cubicBezTo>
                  <a:pt x="118" y="123"/>
                  <a:pt x="118" y="123"/>
                  <a:pt x="118" y="123"/>
                </a:cubicBezTo>
                <a:cubicBezTo>
                  <a:pt x="120" y="120"/>
                  <a:pt x="124" y="119"/>
                  <a:pt x="128" y="119"/>
                </a:cubicBezTo>
                <a:cubicBezTo>
                  <a:pt x="128" y="119"/>
                  <a:pt x="128" y="119"/>
                  <a:pt x="128" y="119"/>
                </a:cubicBezTo>
                <a:cubicBezTo>
                  <a:pt x="426" y="119"/>
                  <a:pt x="426" y="119"/>
                  <a:pt x="426" y="119"/>
                </a:cubicBezTo>
                <a:cubicBezTo>
                  <a:pt x="426" y="85"/>
                  <a:pt x="426" y="85"/>
                  <a:pt x="426" y="85"/>
                </a:cubicBezTo>
                <a:cubicBezTo>
                  <a:pt x="129" y="85"/>
                  <a:pt x="129" y="85"/>
                  <a:pt x="129" y="85"/>
                </a:cubicBezTo>
                <a:cubicBezTo>
                  <a:pt x="121" y="85"/>
                  <a:pt x="114" y="79"/>
                  <a:pt x="114" y="71"/>
                </a:cubicBezTo>
                <a:cubicBezTo>
                  <a:pt x="114" y="71"/>
                  <a:pt x="114" y="71"/>
                  <a:pt x="114" y="71"/>
                </a:cubicBezTo>
                <a:cubicBezTo>
                  <a:pt x="114" y="28"/>
                  <a:pt x="114" y="28"/>
                  <a:pt x="114" y="28"/>
                </a:cubicBezTo>
                <a:cubicBezTo>
                  <a:pt x="82" y="28"/>
                  <a:pt x="82" y="28"/>
                  <a:pt x="82" y="28"/>
                </a:cubicBezTo>
                <a:cubicBezTo>
                  <a:pt x="82" y="71"/>
                  <a:pt x="82" y="71"/>
                  <a:pt x="82" y="71"/>
                </a:cubicBezTo>
                <a:cubicBezTo>
                  <a:pt x="82" y="75"/>
                  <a:pt x="81" y="78"/>
                  <a:pt x="78" y="81"/>
                </a:cubicBezTo>
                <a:cubicBezTo>
                  <a:pt x="78" y="81"/>
                  <a:pt x="78" y="81"/>
                  <a:pt x="78" y="81"/>
                </a:cubicBezTo>
                <a:cubicBezTo>
                  <a:pt x="75" y="84"/>
                  <a:pt x="72" y="85"/>
                  <a:pt x="68" y="85"/>
                </a:cubicBezTo>
                <a:cubicBezTo>
                  <a:pt x="68" y="85"/>
                  <a:pt x="68" y="85"/>
                  <a:pt x="68" y="85"/>
                </a:cubicBezTo>
                <a:cubicBezTo>
                  <a:pt x="28" y="85"/>
                  <a:pt x="28" y="85"/>
                  <a:pt x="28" y="85"/>
                </a:cubicBezTo>
                <a:cubicBezTo>
                  <a:pt x="28" y="119"/>
                  <a:pt x="28" y="119"/>
                  <a:pt x="28" y="119"/>
                </a:cubicBezTo>
                <a:cubicBezTo>
                  <a:pt x="68" y="119"/>
                  <a:pt x="68" y="119"/>
                  <a:pt x="68" y="119"/>
                </a:cubicBezTo>
                <a:cubicBezTo>
                  <a:pt x="72" y="119"/>
                  <a:pt x="75" y="121"/>
                  <a:pt x="78" y="123"/>
                </a:cubicBezTo>
                <a:cubicBezTo>
                  <a:pt x="78" y="123"/>
                  <a:pt x="78" y="123"/>
                  <a:pt x="78" y="123"/>
                </a:cubicBezTo>
                <a:cubicBezTo>
                  <a:pt x="81" y="126"/>
                  <a:pt x="82" y="130"/>
                  <a:pt x="82" y="134"/>
                </a:cubicBezTo>
                <a:cubicBezTo>
                  <a:pt x="82" y="134"/>
                  <a:pt x="82" y="134"/>
                  <a:pt x="82" y="134"/>
                </a:cubicBezTo>
                <a:cubicBezTo>
                  <a:pt x="82" y="438"/>
                  <a:pt x="82" y="438"/>
                  <a:pt x="82" y="438"/>
                </a:cubicBezTo>
                <a:cubicBezTo>
                  <a:pt x="114" y="438"/>
                  <a:pt x="114" y="438"/>
                  <a:pt x="114" y="438"/>
                </a:cubicBezTo>
                <a:cubicBezTo>
                  <a:pt x="114" y="372"/>
                  <a:pt x="114" y="372"/>
                  <a:pt x="114" y="372"/>
                </a:cubicBezTo>
                <a:cubicBezTo>
                  <a:pt x="114" y="364"/>
                  <a:pt x="121" y="357"/>
                  <a:pt x="129" y="357"/>
                </a:cubicBezTo>
                <a:cubicBezTo>
                  <a:pt x="129" y="357"/>
                  <a:pt x="129" y="357"/>
                  <a:pt x="129" y="357"/>
                </a:cubicBezTo>
                <a:cubicBezTo>
                  <a:pt x="136" y="357"/>
                  <a:pt x="143" y="364"/>
                  <a:pt x="143" y="372"/>
                </a:cubicBezTo>
                <a:cubicBezTo>
                  <a:pt x="143" y="372"/>
                  <a:pt x="143" y="372"/>
                  <a:pt x="143" y="372"/>
                </a:cubicBezTo>
                <a:cubicBezTo>
                  <a:pt x="143" y="452"/>
                  <a:pt x="143" y="452"/>
                  <a:pt x="143" y="452"/>
                </a:cubicBezTo>
                <a:cubicBezTo>
                  <a:pt x="143" y="456"/>
                  <a:pt x="141" y="460"/>
                  <a:pt x="139" y="463"/>
                </a:cubicBezTo>
                <a:cubicBezTo>
                  <a:pt x="139" y="463"/>
                  <a:pt x="139" y="463"/>
                  <a:pt x="139" y="463"/>
                </a:cubicBezTo>
                <a:cubicBezTo>
                  <a:pt x="136" y="465"/>
                  <a:pt x="132" y="467"/>
                  <a:pt x="129" y="467"/>
                </a:cubicBezTo>
                <a:cubicBezTo>
                  <a:pt x="129" y="467"/>
                  <a:pt x="129" y="467"/>
                  <a:pt x="129" y="467"/>
                </a:cubicBezTo>
                <a:cubicBezTo>
                  <a:pt x="68" y="467"/>
                  <a:pt x="68" y="467"/>
                  <a:pt x="68" y="46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Freeform 187"/>
          <p:cNvSpPr>
            <a:spLocks/>
          </p:cNvSpPr>
          <p:nvPr userDrawn="1"/>
        </p:nvSpPr>
        <p:spPr bwMode="auto">
          <a:xfrm>
            <a:off x="1140439" y="2457667"/>
            <a:ext cx="509588" cy="368300"/>
          </a:xfrm>
          <a:custGeom>
            <a:avLst/>
            <a:gdLst/>
            <a:ahLst/>
            <a:cxnLst>
              <a:cxn ang="0">
                <a:pos x="398" y="134"/>
              </a:cxn>
              <a:cxn ang="0">
                <a:pos x="408" y="93"/>
              </a:cxn>
              <a:cxn ang="0">
                <a:pos x="395" y="79"/>
              </a:cxn>
              <a:cxn ang="0">
                <a:pos x="303" y="93"/>
              </a:cxn>
              <a:cxn ang="0">
                <a:pos x="377" y="106"/>
              </a:cxn>
              <a:cxn ang="0">
                <a:pos x="367" y="147"/>
              </a:cxn>
              <a:cxn ang="0">
                <a:pos x="381" y="161"/>
              </a:cxn>
              <a:cxn ang="0">
                <a:pos x="426" y="241"/>
              </a:cxn>
              <a:cxn ang="0">
                <a:pos x="349" y="214"/>
              </a:cxn>
              <a:cxn ang="0">
                <a:pos x="329" y="232"/>
              </a:cxn>
              <a:cxn ang="0">
                <a:pos x="300" y="301"/>
              </a:cxn>
              <a:cxn ang="0">
                <a:pos x="260" y="251"/>
              </a:cxn>
              <a:cxn ang="0">
                <a:pos x="246" y="234"/>
              </a:cxn>
              <a:cxn ang="0">
                <a:pos x="154" y="234"/>
              </a:cxn>
              <a:cxn ang="0">
                <a:pos x="121" y="213"/>
              </a:cxn>
              <a:cxn ang="0">
                <a:pos x="132" y="260"/>
              </a:cxn>
              <a:cxn ang="0">
                <a:pos x="50" y="260"/>
              </a:cxn>
              <a:cxn ang="0">
                <a:pos x="62" y="231"/>
              </a:cxn>
              <a:cxn ang="0">
                <a:pos x="64" y="223"/>
              </a:cxn>
              <a:cxn ang="0">
                <a:pos x="55" y="175"/>
              </a:cxn>
              <a:cxn ang="0">
                <a:pos x="28" y="164"/>
              </a:cxn>
              <a:cxn ang="0">
                <a:pos x="294" y="81"/>
              </a:cxn>
              <a:cxn ang="0">
                <a:pos x="345" y="49"/>
              </a:cxn>
              <a:cxn ang="0">
                <a:pos x="449" y="15"/>
              </a:cxn>
              <a:cxn ang="0">
                <a:pos x="433" y="2"/>
              </a:cxn>
              <a:cxn ang="0">
                <a:pos x="332" y="25"/>
              </a:cxn>
              <a:cxn ang="0">
                <a:pos x="19" y="99"/>
              </a:cxn>
              <a:cxn ang="0">
                <a:pos x="0" y="164"/>
              </a:cxn>
              <a:cxn ang="0">
                <a:pos x="1" y="171"/>
              </a:cxn>
              <a:cxn ang="0">
                <a:pos x="14" y="189"/>
              </a:cxn>
              <a:cxn ang="0">
                <a:pos x="37" y="219"/>
              </a:cxn>
              <a:cxn ang="0">
                <a:pos x="91" y="328"/>
              </a:cxn>
              <a:cxn ang="0">
                <a:pos x="232" y="261"/>
              </a:cxn>
              <a:cxn ang="0">
                <a:pos x="365" y="277"/>
              </a:cxn>
              <a:cxn ang="0">
                <a:pos x="453" y="253"/>
              </a:cxn>
              <a:cxn ang="0">
                <a:pos x="440" y="134"/>
              </a:cxn>
            </a:cxnLst>
            <a:rect l="0" t="0" r="r" b="b"/>
            <a:pathLst>
              <a:path w="453" h="328">
                <a:moveTo>
                  <a:pt x="440" y="134"/>
                </a:moveTo>
                <a:cubicBezTo>
                  <a:pt x="440" y="134"/>
                  <a:pt x="416" y="134"/>
                  <a:pt x="398" y="134"/>
                </a:cubicBezTo>
                <a:cubicBezTo>
                  <a:pt x="402" y="118"/>
                  <a:pt x="408" y="96"/>
                  <a:pt x="408" y="96"/>
                </a:cubicBezTo>
                <a:cubicBezTo>
                  <a:pt x="408" y="95"/>
                  <a:pt x="408" y="94"/>
                  <a:pt x="408" y="93"/>
                </a:cubicBezTo>
                <a:cubicBezTo>
                  <a:pt x="408" y="90"/>
                  <a:pt x="407" y="87"/>
                  <a:pt x="406" y="84"/>
                </a:cubicBezTo>
                <a:cubicBezTo>
                  <a:pt x="403" y="81"/>
                  <a:pt x="399" y="79"/>
                  <a:pt x="395" y="79"/>
                </a:cubicBezTo>
                <a:cubicBezTo>
                  <a:pt x="317" y="79"/>
                  <a:pt x="317" y="79"/>
                  <a:pt x="317" y="79"/>
                </a:cubicBezTo>
                <a:cubicBezTo>
                  <a:pt x="309" y="79"/>
                  <a:pt x="303" y="85"/>
                  <a:pt x="303" y="93"/>
                </a:cubicBezTo>
                <a:cubicBezTo>
                  <a:pt x="303" y="100"/>
                  <a:pt x="309" y="106"/>
                  <a:pt x="317" y="106"/>
                </a:cubicBezTo>
                <a:cubicBezTo>
                  <a:pt x="317" y="106"/>
                  <a:pt x="356" y="106"/>
                  <a:pt x="377" y="106"/>
                </a:cubicBezTo>
                <a:cubicBezTo>
                  <a:pt x="373" y="122"/>
                  <a:pt x="368" y="144"/>
                  <a:pt x="368" y="144"/>
                </a:cubicBezTo>
                <a:cubicBezTo>
                  <a:pt x="367" y="145"/>
                  <a:pt x="367" y="146"/>
                  <a:pt x="367" y="147"/>
                </a:cubicBezTo>
                <a:cubicBezTo>
                  <a:pt x="367" y="150"/>
                  <a:pt x="368" y="153"/>
                  <a:pt x="370" y="155"/>
                </a:cubicBezTo>
                <a:cubicBezTo>
                  <a:pt x="373" y="159"/>
                  <a:pt x="377" y="161"/>
                  <a:pt x="381" y="161"/>
                </a:cubicBezTo>
                <a:cubicBezTo>
                  <a:pt x="381" y="161"/>
                  <a:pt x="410" y="161"/>
                  <a:pt x="426" y="161"/>
                </a:cubicBezTo>
                <a:cubicBezTo>
                  <a:pt x="426" y="241"/>
                  <a:pt x="426" y="241"/>
                  <a:pt x="426" y="241"/>
                </a:cubicBezTo>
                <a:cubicBezTo>
                  <a:pt x="414" y="243"/>
                  <a:pt x="384" y="247"/>
                  <a:pt x="367" y="249"/>
                </a:cubicBezTo>
                <a:cubicBezTo>
                  <a:pt x="364" y="236"/>
                  <a:pt x="358" y="224"/>
                  <a:pt x="349" y="214"/>
                </a:cubicBezTo>
                <a:cubicBezTo>
                  <a:pt x="344" y="208"/>
                  <a:pt x="335" y="208"/>
                  <a:pt x="330" y="213"/>
                </a:cubicBezTo>
                <a:cubicBezTo>
                  <a:pt x="324" y="218"/>
                  <a:pt x="324" y="227"/>
                  <a:pt x="329" y="232"/>
                </a:cubicBezTo>
                <a:cubicBezTo>
                  <a:pt x="336" y="240"/>
                  <a:pt x="340" y="250"/>
                  <a:pt x="340" y="260"/>
                </a:cubicBezTo>
                <a:cubicBezTo>
                  <a:pt x="340" y="283"/>
                  <a:pt x="322" y="301"/>
                  <a:pt x="300" y="301"/>
                </a:cubicBezTo>
                <a:cubicBezTo>
                  <a:pt x="277" y="301"/>
                  <a:pt x="259" y="283"/>
                  <a:pt x="259" y="260"/>
                </a:cubicBezTo>
                <a:cubicBezTo>
                  <a:pt x="259" y="257"/>
                  <a:pt x="259" y="254"/>
                  <a:pt x="260" y="251"/>
                </a:cubicBezTo>
                <a:cubicBezTo>
                  <a:pt x="261" y="247"/>
                  <a:pt x="260" y="243"/>
                  <a:pt x="257" y="239"/>
                </a:cubicBezTo>
                <a:cubicBezTo>
                  <a:pt x="255" y="236"/>
                  <a:pt x="251" y="234"/>
                  <a:pt x="246" y="234"/>
                </a:cubicBezTo>
                <a:cubicBezTo>
                  <a:pt x="245" y="234"/>
                  <a:pt x="245" y="234"/>
                  <a:pt x="245" y="234"/>
                </a:cubicBezTo>
                <a:cubicBezTo>
                  <a:pt x="154" y="234"/>
                  <a:pt x="154" y="234"/>
                  <a:pt x="154" y="234"/>
                </a:cubicBezTo>
                <a:cubicBezTo>
                  <a:pt x="150" y="227"/>
                  <a:pt x="146" y="219"/>
                  <a:pt x="140" y="213"/>
                </a:cubicBezTo>
                <a:cubicBezTo>
                  <a:pt x="134" y="208"/>
                  <a:pt x="126" y="208"/>
                  <a:pt x="121" y="213"/>
                </a:cubicBezTo>
                <a:cubicBezTo>
                  <a:pt x="115" y="218"/>
                  <a:pt x="115" y="226"/>
                  <a:pt x="120" y="232"/>
                </a:cubicBezTo>
                <a:cubicBezTo>
                  <a:pt x="128" y="239"/>
                  <a:pt x="132" y="250"/>
                  <a:pt x="132" y="260"/>
                </a:cubicBezTo>
                <a:cubicBezTo>
                  <a:pt x="132" y="283"/>
                  <a:pt x="113" y="301"/>
                  <a:pt x="91" y="301"/>
                </a:cubicBezTo>
                <a:cubicBezTo>
                  <a:pt x="68" y="301"/>
                  <a:pt x="50" y="283"/>
                  <a:pt x="50" y="260"/>
                </a:cubicBezTo>
                <a:cubicBezTo>
                  <a:pt x="50" y="250"/>
                  <a:pt x="54" y="241"/>
                  <a:pt x="60" y="233"/>
                </a:cubicBezTo>
                <a:cubicBezTo>
                  <a:pt x="61" y="232"/>
                  <a:pt x="61" y="231"/>
                  <a:pt x="62" y="231"/>
                </a:cubicBezTo>
                <a:cubicBezTo>
                  <a:pt x="63" y="229"/>
                  <a:pt x="63" y="229"/>
                  <a:pt x="63" y="229"/>
                </a:cubicBezTo>
                <a:cubicBezTo>
                  <a:pt x="64" y="227"/>
                  <a:pt x="64" y="225"/>
                  <a:pt x="64" y="223"/>
                </a:cubicBezTo>
                <a:cubicBezTo>
                  <a:pt x="64" y="188"/>
                  <a:pt x="64" y="188"/>
                  <a:pt x="64" y="188"/>
                </a:cubicBezTo>
                <a:cubicBezTo>
                  <a:pt x="64" y="182"/>
                  <a:pt x="61" y="177"/>
                  <a:pt x="55" y="175"/>
                </a:cubicBezTo>
                <a:cubicBezTo>
                  <a:pt x="55" y="175"/>
                  <a:pt x="36" y="168"/>
                  <a:pt x="28" y="165"/>
                </a:cubicBezTo>
                <a:cubicBezTo>
                  <a:pt x="28" y="164"/>
                  <a:pt x="28" y="164"/>
                  <a:pt x="28" y="164"/>
                </a:cubicBezTo>
                <a:cubicBezTo>
                  <a:pt x="28" y="158"/>
                  <a:pt x="31" y="136"/>
                  <a:pt x="33" y="124"/>
                </a:cubicBezTo>
                <a:cubicBezTo>
                  <a:pt x="51" y="121"/>
                  <a:pt x="294" y="81"/>
                  <a:pt x="294" y="81"/>
                </a:cubicBezTo>
                <a:cubicBezTo>
                  <a:pt x="296" y="81"/>
                  <a:pt x="298" y="80"/>
                  <a:pt x="299" y="79"/>
                </a:cubicBezTo>
                <a:cubicBezTo>
                  <a:pt x="299" y="79"/>
                  <a:pt x="341" y="52"/>
                  <a:pt x="345" y="49"/>
                </a:cubicBezTo>
                <a:cubicBezTo>
                  <a:pt x="350" y="48"/>
                  <a:pt x="439" y="29"/>
                  <a:pt x="439" y="29"/>
                </a:cubicBezTo>
                <a:cubicBezTo>
                  <a:pt x="445" y="27"/>
                  <a:pt x="449" y="22"/>
                  <a:pt x="449" y="15"/>
                </a:cubicBezTo>
                <a:cubicBezTo>
                  <a:pt x="449" y="14"/>
                  <a:pt x="449" y="13"/>
                  <a:pt x="449" y="12"/>
                </a:cubicBezTo>
                <a:cubicBezTo>
                  <a:pt x="447" y="5"/>
                  <a:pt x="440" y="0"/>
                  <a:pt x="433" y="2"/>
                </a:cubicBezTo>
                <a:cubicBezTo>
                  <a:pt x="337" y="24"/>
                  <a:pt x="337" y="24"/>
                  <a:pt x="337" y="24"/>
                </a:cubicBezTo>
                <a:cubicBezTo>
                  <a:pt x="335" y="24"/>
                  <a:pt x="334" y="25"/>
                  <a:pt x="332" y="25"/>
                </a:cubicBezTo>
                <a:cubicBezTo>
                  <a:pt x="332" y="25"/>
                  <a:pt x="291" y="52"/>
                  <a:pt x="287" y="55"/>
                </a:cubicBezTo>
                <a:cubicBezTo>
                  <a:pt x="281" y="56"/>
                  <a:pt x="19" y="99"/>
                  <a:pt x="19" y="99"/>
                </a:cubicBezTo>
                <a:cubicBezTo>
                  <a:pt x="13" y="100"/>
                  <a:pt x="8" y="104"/>
                  <a:pt x="7" y="110"/>
                </a:cubicBezTo>
                <a:cubicBezTo>
                  <a:pt x="0" y="164"/>
                  <a:pt x="0" y="164"/>
                  <a:pt x="0" y="164"/>
                </a:cubicBezTo>
                <a:cubicBezTo>
                  <a:pt x="0" y="164"/>
                  <a:pt x="0" y="165"/>
                  <a:pt x="0" y="166"/>
                </a:cubicBezTo>
                <a:cubicBezTo>
                  <a:pt x="0" y="168"/>
                  <a:pt x="1" y="170"/>
                  <a:pt x="1" y="171"/>
                </a:cubicBezTo>
                <a:cubicBezTo>
                  <a:pt x="6" y="182"/>
                  <a:pt x="6" y="182"/>
                  <a:pt x="6" y="182"/>
                </a:cubicBezTo>
                <a:cubicBezTo>
                  <a:pt x="8" y="185"/>
                  <a:pt x="10" y="187"/>
                  <a:pt x="14" y="189"/>
                </a:cubicBezTo>
                <a:cubicBezTo>
                  <a:pt x="14" y="189"/>
                  <a:pt x="28" y="194"/>
                  <a:pt x="37" y="197"/>
                </a:cubicBezTo>
                <a:cubicBezTo>
                  <a:pt x="37" y="219"/>
                  <a:pt x="37" y="219"/>
                  <a:pt x="37" y="219"/>
                </a:cubicBezTo>
                <a:cubicBezTo>
                  <a:pt x="28" y="231"/>
                  <a:pt x="23" y="245"/>
                  <a:pt x="23" y="260"/>
                </a:cubicBezTo>
                <a:cubicBezTo>
                  <a:pt x="23" y="298"/>
                  <a:pt x="53" y="328"/>
                  <a:pt x="91" y="328"/>
                </a:cubicBezTo>
                <a:cubicBezTo>
                  <a:pt x="128" y="328"/>
                  <a:pt x="158" y="298"/>
                  <a:pt x="159" y="261"/>
                </a:cubicBezTo>
                <a:cubicBezTo>
                  <a:pt x="232" y="261"/>
                  <a:pt x="232" y="261"/>
                  <a:pt x="232" y="261"/>
                </a:cubicBezTo>
                <a:cubicBezTo>
                  <a:pt x="233" y="298"/>
                  <a:pt x="263" y="328"/>
                  <a:pt x="300" y="328"/>
                </a:cubicBezTo>
                <a:cubicBezTo>
                  <a:pt x="331" y="328"/>
                  <a:pt x="358" y="306"/>
                  <a:pt x="365" y="277"/>
                </a:cubicBezTo>
                <a:cubicBezTo>
                  <a:pt x="442" y="266"/>
                  <a:pt x="442" y="266"/>
                  <a:pt x="442" y="266"/>
                </a:cubicBezTo>
                <a:cubicBezTo>
                  <a:pt x="448" y="265"/>
                  <a:pt x="453" y="260"/>
                  <a:pt x="453" y="253"/>
                </a:cubicBezTo>
                <a:cubicBezTo>
                  <a:pt x="453" y="147"/>
                  <a:pt x="453" y="147"/>
                  <a:pt x="453" y="147"/>
                </a:cubicBezTo>
                <a:cubicBezTo>
                  <a:pt x="453" y="140"/>
                  <a:pt x="447" y="134"/>
                  <a:pt x="440" y="13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Freeform 203"/>
          <p:cNvSpPr>
            <a:spLocks/>
          </p:cNvSpPr>
          <p:nvPr userDrawn="1"/>
        </p:nvSpPr>
        <p:spPr bwMode="auto">
          <a:xfrm>
            <a:off x="1130914" y="4404011"/>
            <a:ext cx="528638" cy="514350"/>
          </a:xfrm>
          <a:custGeom>
            <a:avLst/>
            <a:gdLst/>
            <a:ahLst/>
            <a:cxnLst>
              <a:cxn ang="0">
                <a:pos x="217" y="41"/>
              </a:cxn>
              <a:cxn ang="0">
                <a:pos x="184" y="188"/>
              </a:cxn>
              <a:cxn ang="0">
                <a:pos x="0" y="389"/>
              </a:cxn>
              <a:cxn ang="0">
                <a:pos x="5" y="453"/>
              </a:cxn>
              <a:cxn ang="0">
                <a:pos x="14" y="457"/>
              </a:cxn>
              <a:cxn ang="0">
                <a:pos x="88" y="453"/>
              </a:cxn>
              <a:cxn ang="0">
                <a:pos x="112" y="429"/>
              </a:cxn>
              <a:cxn ang="0">
                <a:pos x="113" y="410"/>
              </a:cxn>
              <a:cxn ang="0">
                <a:pos x="132" y="391"/>
              </a:cxn>
              <a:cxn ang="0">
                <a:pos x="172" y="370"/>
              </a:cxn>
              <a:cxn ang="0">
                <a:pos x="175" y="365"/>
              </a:cxn>
              <a:cxn ang="0">
                <a:pos x="172" y="339"/>
              </a:cxn>
              <a:cxn ang="0">
                <a:pos x="184" y="339"/>
              </a:cxn>
              <a:cxn ang="0">
                <a:pos x="203" y="339"/>
              </a:cxn>
              <a:cxn ang="0">
                <a:pos x="416" y="240"/>
              </a:cxn>
              <a:cxn ang="0">
                <a:pos x="425" y="73"/>
              </a:cxn>
              <a:cxn ang="0">
                <a:pos x="397" y="221"/>
              </a:cxn>
              <a:cxn ang="0">
                <a:pos x="266" y="244"/>
              </a:cxn>
              <a:cxn ang="0">
                <a:pos x="255" y="248"/>
              </a:cxn>
              <a:cxn ang="0">
                <a:pos x="178" y="310"/>
              </a:cxn>
              <a:cxn ang="0">
                <a:pos x="143" y="345"/>
              </a:cxn>
              <a:cxn ang="0">
                <a:pos x="140" y="364"/>
              </a:cxn>
              <a:cxn ang="0">
                <a:pos x="82" y="400"/>
              </a:cxn>
              <a:cxn ang="0">
                <a:pos x="73" y="430"/>
              </a:cxn>
              <a:cxn ang="0">
                <a:pos x="26" y="394"/>
              </a:cxn>
              <a:cxn ang="0">
                <a:pos x="212" y="194"/>
              </a:cxn>
              <a:cxn ang="0">
                <a:pos x="213" y="190"/>
              </a:cxn>
              <a:cxn ang="0">
                <a:pos x="202" y="140"/>
              </a:cxn>
              <a:cxn ang="0">
                <a:pos x="316" y="27"/>
              </a:cxn>
              <a:cxn ang="0">
                <a:pos x="373" y="65"/>
              </a:cxn>
              <a:cxn ang="0">
                <a:pos x="334" y="123"/>
              </a:cxn>
              <a:cxn ang="0">
                <a:pos x="383" y="109"/>
              </a:cxn>
              <a:cxn ang="0">
                <a:pos x="352" y="104"/>
              </a:cxn>
              <a:cxn ang="0">
                <a:pos x="365" y="91"/>
              </a:cxn>
              <a:cxn ang="0">
                <a:pos x="384" y="92"/>
              </a:cxn>
              <a:cxn ang="0">
                <a:pos x="418" y="46"/>
              </a:cxn>
              <a:cxn ang="0">
                <a:pos x="414" y="40"/>
              </a:cxn>
            </a:cxnLst>
            <a:rect l="0" t="0" r="r" b="b"/>
            <a:pathLst>
              <a:path w="469" h="457">
                <a:moveTo>
                  <a:pt x="315" y="0"/>
                </a:moveTo>
                <a:cubicBezTo>
                  <a:pt x="278" y="0"/>
                  <a:pt x="243" y="15"/>
                  <a:pt x="217" y="41"/>
                </a:cubicBezTo>
                <a:cubicBezTo>
                  <a:pt x="190" y="68"/>
                  <a:pt x="176" y="104"/>
                  <a:pt x="176" y="140"/>
                </a:cubicBezTo>
                <a:cubicBezTo>
                  <a:pt x="176" y="156"/>
                  <a:pt x="179" y="173"/>
                  <a:pt x="184" y="188"/>
                </a:cubicBezTo>
                <a:cubicBezTo>
                  <a:pt x="175" y="198"/>
                  <a:pt x="3" y="380"/>
                  <a:pt x="3" y="380"/>
                </a:cubicBezTo>
                <a:cubicBezTo>
                  <a:pt x="1" y="382"/>
                  <a:pt x="0" y="385"/>
                  <a:pt x="0" y="389"/>
                </a:cubicBezTo>
                <a:cubicBezTo>
                  <a:pt x="0" y="443"/>
                  <a:pt x="0" y="443"/>
                  <a:pt x="0" y="443"/>
                </a:cubicBezTo>
                <a:cubicBezTo>
                  <a:pt x="0" y="447"/>
                  <a:pt x="2" y="451"/>
                  <a:pt x="5" y="453"/>
                </a:cubicBezTo>
                <a:cubicBezTo>
                  <a:pt x="6" y="454"/>
                  <a:pt x="6" y="454"/>
                  <a:pt x="6" y="454"/>
                </a:cubicBezTo>
                <a:cubicBezTo>
                  <a:pt x="8" y="456"/>
                  <a:pt x="11" y="457"/>
                  <a:pt x="14" y="457"/>
                </a:cubicBezTo>
                <a:cubicBezTo>
                  <a:pt x="78" y="457"/>
                  <a:pt x="78" y="457"/>
                  <a:pt x="78" y="457"/>
                </a:cubicBezTo>
                <a:cubicBezTo>
                  <a:pt x="82" y="457"/>
                  <a:pt x="85" y="455"/>
                  <a:pt x="88" y="453"/>
                </a:cubicBezTo>
                <a:cubicBezTo>
                  <a:pt x="112" y="430"/>
                  <a:pt x="112" y="430"/>
                  <a:pt x="112" y="430"/>
                </a:cubicBezTo>
                <a:cubicBezTo>
                  <a:pt x="112" y="430"/>
                  <a:pt x="112" y="429"/>
                  <a:pt x="112" y="429"/>
                </a:cubicBezTo>
                <a:cubicBezTo>
                  <a:pt x="113" y="429"/>
                  <a:pt x="113" y="429"/>
                  <a:pt x="113" y="429"/>
                </a:cubicBezTo>
                <a:cubicBezTo>
                  <a:pt x="118" y="423"/>
                  <a:pt x="118" y="415"/>
                  <a:pt x="113" y="410"/>
                </a:cubicBezTo>
                <a:cubicBezTo>
                  <a:pt x="107" y="405"/>
                  <a:pt x="107" y="396"/>
                  <a:pt x="113" y="391"/>
                </a:cubicBezTo>
                <a:cubicBezTo>
                  <a:pt x="118" y="385"/>
                  <a:pt x="127" y="385"/>
                  <a:pt x="132" y="391"/>
                </a:cubicBezTo>
                <a:cubicBezTo>
                  <a:pt x="137" y="396"/>
                  <a:pt x="146" y="396"/>
                  <a:pt x="151" y="391"/>
                </a:cubicBezTo>
                <a:cubicBezTo>
                  <a:pt x="172" y="370"/>
                  <a:pt x="172" y="370"/>
                  <a:pt x="172" y="370"/>
                </a:cubicBezTo>
                <a:cubicBezTo>
                  <a:pt x="173" y="368"/>
                  <a:pt x="174" y="367"/>
                  <a:pt x="175" y="365"/>
                </a:cubicBezTo>
                <a:cubicBezTo>
                  <a:pt x="175" y="365"/>
                  <a:pt x="175" y="365"/>
                  <a:pt x="175" y="365"/>
                </a:cubicBezTo>
                <a:cubicBezTo>
                  <a:pt x="177" y="360"/>
                  <a:pt x="176" y="354"/>
                  <a:pt x="172" y="350"/>
                </a:cubicBezTo>
                <a:cubicBezTo>
                  <a:pt x="169" y="347"/>
                  <a:pt x="169" y="342"/>
                  <a:pt x="172" y="339"/>
                </a:cubicBezTo>
                <a:cubicBezTo>
                  <a:pt x="174" y="337"/>
                  <a:pt x="176" y="336"/>
                  <a:pt x="178" y="336"/>
                </a:cubicBezTo>
                <a:cubicBezTo>
                  <a:pt x="180" y="336"/>
                  <a:pt x="182" y="337"/>
                  <a:pt x="184" y="339"/>
                </a:cubicBezTo>
                <a:cubicBezTo>
                  <a:pt x="186" y="341"/>
                  <a:pt x="190" y="343"/>
                  <a:pt x="193" y="343"/>
                </a:cubicBezTo>
                <a:cubicBezTo>
                  <a:pt x="197" y="343"/>
                  <a:pt x="200" y="341"/>
                  <a:pt x="203" y="339"/>
                </a:cubicBezTo>
                <a:cubicBezTo>
                  <a:pt x="203" y="339"/>
                  <a:pt x="260" y="282"/>
                  <a:pt x="269" y="273"/>
                </a:cubicBezTo>
                <a:cubicBezTo>
                  <a:pt x="320" y="291"/>
                  <a:pt x="377" y="279"/>
                  <a:pt x="416" y="240"/>
                </a:cubicBezTo>
                <a:cubicBezTo>
                  <a:pt x="458" y="197"/>
                  <a:pt x="469" y="133"/>
                  <a:pt x="443" y="79"/>
                </a:cubicBezTo>
                <a:cubicBezTo>
                  <a:pt x="440" y="72"/>
                  <a:pt x="432" y="70"/>
                  <a:pt x="425" y="73"/>
                </a:cubicBezTo>
                <a:cubicBezTo>
                  <a:pt x="418" y="76"/>
                  <a:pt x="416" y="84"/>
                  <a:pt x="419" y="91"/>
                </a:cubicBezTo>
                <a:cubicBezTo>
                  <a:pt x="440" y="134"/>
                  <a:pt x="431" y="187"/>
                  <a:pt x="397" y="221"/>
                </a:cubicBezTo>
                <a:cubicBezTo>
                  <a:pt x="364" y="254"/>
                  <a:pt x="315" y="263"/>
                  <a:pt x="272" y="245"/>
                </a:cubicBezTo>
                <a:cubicBezTo>
                  <a:pt x="270" y="244"/>
                  <a:pt x="268" y="244"/>
                  <a:pt x="266" y="244"/>
                </a:cubicBezTo>
                <a:cubicBezTo>
                  <a:pt x="263" y="245"/>
                  <a:pt x="263" y="245"/>
                  <a:pt x="263" y="245"/>
                </a:cubicBezTo>
                <a:cubicBezTo>
                  <a:pt x="260" y="245"/>
                  <a:pt x="258" y="246"/>
                  <a:pt x="255" y="248"/>
                </a:cubicBezTo>
                <a:cubicBezTo>
                  <a:pt x="255" y="248"/>
                  <a:pt x="203" y="301"/>
                  <a:pt x="191" y="312"/>
                </a:cubicBezTo>
                <a:cubicBezTo>
                  <a:pt x="187" y="311"/>
                  <a:pt x="183" y="310"/>
                  <a:pt x="178" y="310"/>
                </a:cubicBezTo>
                <a:cubicBezTo>
                  <a:pt x="169" y="310"/>
                  <a:pt x="160" y="313"/>
                  <a:pt x="153" y="320"/>
                </a:cubicBezTo>
                <a:cubicBezTo>
                  <a:pt x="147" y="327"/>
                  <a:pt x="143" y="336"/>
                  <a:pt x="143" y="345"/>
                </a:cubicBezTo>
                <a:cubicBezTo>
                  <a:pt x="143" y="349"/>
                  <a:pt x="144" y="354"/>
                  <a:pt x="146" y="358"/>
                </a:cubicBezTo>
                <a:cubicBezTo>
                  <a:pt x="143" y="361"/>
                  <a:pt x="143" y="361"/>
                  <a:pt x="140" y="364"/>
                </a:cubicBezTo>
                <a:cubicBezTo>
                  <a:pt x="125" y="357"/>
                  <a:pt x="106" y="359"/>
                  <a:pt x="94" y="372"/>
                </a:cubicBezTo>
                <a:cubicBezTo>
                  <a:pt x="86" y="380"/>
                  <a:pt x="82" y="390"/>
                  <a:pt x="82" y="400"/>
                </a:cubicBezTo>
                <a:cubicBezTo>
                  <a:pt x="82" y="406"/>
                  <a:pt x="83" y="412"/>
                  <a:pt x="86" y="417"/>
                </a:cubicBezTo>
                <a:cubicBezTo>
                  <a:pt x="80" y="423"/>
                  <a:pt x="76" y="427"/>
                  <a:pt x="73" y="430"/>
                </a:cubicBezTo>
                <a:cubicBezTo>
                  <a:pt x="66" y="430"/>
                  <a:pt x="41" y="430"/>
                  <a:pt x="26" y="430"/>
                </a:cubicBezTo>
                <a:cubicBezTo>
                  <a:pt x="26" y="417"/>
                  <a:pt x="26" y="400"/>
                  <a:pt x="26" y="394"/>
                </a:cubicBezTo>
                <a:cubicBezTo>
                  <a:pt x="33" y="387"/>
                  <a:pt x="209" y="201"/>
                  <a:pt x="209" y="201"/>
                </a:cubicBezTo>
                <a:cubicBezTo>
                  <a:pt x="210" y="199"/>
                  <a:pt x="212" y="197"/>
                  <a:pt x="212" y="194"/>
                </a:cubicBezTo>
                <a:cubicBezTo>
                  <a:pt x="212" y="192"/>
                  <a:pt x="212" y="192"/>
                  <a:pt x="212" y="192"/>
                </a:cubicBezTo>
                <a:cubicBezTo>
                  <a:pt x="213" y="191"/>
                  <a:pt x="213" y="191"/>
                  <a:pt x="213" y="190"/>
                </a:cubicBezTo>
                <a:cubicBezTo>
                  <a:pt x="213" y="188"/>
                  <a:pt x="212" y="187"/>
                  <a:pt x="212" y="185"/>
                </a:cubicBezTo>
                <a:cubicBezTo>
                  <a:pt x="205" y="170"/>
                  <a:pt x="202" y="155"/>
                  <a:pt x="202" y="140"/>
                </a:cubicBezTo>
                <a:cubicBezTo>
                  <a:pt x="202" y="111"/>
                  <a:pt x="214" y="82"/>
                  <a:pt x="236" y="60"/>
                </a:cubicBezTo>
                <a:cubicBezTo>
                  <a:pt x="257" y="39"/>
                  <a:pt x="285" y="27"/>
                  <a:pt x="316" y="27"/>
                </a:cubicBezTo>
                <a:cubicBezTo>
                  <a:pt x="342" y="26"/>
                  <a:pt x="367" y="35"/>
                  <a:pt x="387" y="51"/>
                </a:cubicBezTo>
                <a:cubicBezTo>
                  <a:pt x="381" y="57"/>
                  <a:pt x="378" y="60"/>
                  <a:pt x="373" y="65"/>
                </a:cubicBezTo>
                <a:cubicBezTo>
                  <a:pt x="360" y="60"/>
                  <a:pt x="344" y="62"/>
                  <a:pt x="334" y="73"/>
                </a:cubicBezTo>
                <a:cubicBezTo>
                  <a:pt x="320" y="87"/>
                  <a:pt x="320" y="109"/>
                  <a:pt x="334" y="123"/>
                </a:cubicBezTo>
                <a:cubicBezTo>
                  <a:pt x="346" y="136"/>
                  <a:pt x="365" y="137"/>
                  <a:pt x="379" y="127"/>
                </a:cubicBezTo>
                <a:cubicBezTo>
                  <a:pt x="385" y="123"/>
                  <a:pt x="387" y="115"/>
                  <a:pt x="383" y="109"/>
                </a:cubicBezTo>
                <a:cubicBezTo>
                  <a:pt x="378" y="103"/>
                  <a:pt x="370" y="101"/>
                  <a:pt x="364" y="105"/>
                </a:cubicBezTo>
                <a:cubicBezTo>
                  <a:pt x="360" y="108"/>
                  <a:pt x="356" y="108"/>
                  <a:pt x="352" y="104"/>
                </a:cubicBezTo>
                <a:cubicBezTo>
                  <a:pt x="349" y="101"/>
                  <a:pt x="349" y="95"/>
                  <a:pt x="352" y="92"/>
                </a:cubicBezTo>
                <a:cubicBezTo>
                  <a:pt x="356" y="88"/>
                  <a:pt x="361" y="88"/>
                  <a:pt x="365" y="91"/>
                </a:cubicBezTo>
                <a:cubicBezTo>
                  <a:pt x="365" y="92"/>
                  <a:pt x="365" y="92"/>
                  <a:pt x="365" y="92"/>
                </a:cubicBezTo>
                <a:cubicBezTo>
                  <a:pt x="371" y="97"/>
                  <a:pt x="379" y="97"/>
                  <a:pt x="384" y="92"/>
                </a:cubicBezTo>
                <a:cubicBezTo>
                  <a:pt x="415" y="61"/>
                  <a:pt x="415" y="61"/>
                  <a:pt x="415" y="61"/>
                </a:cubicBezTo>
                <a:cubicBezTo>
                  <a:pt x="419" y="57"/>
                  <a:pt x="420" y="51"/>
                  <a:pt x="418" y="46"/>
                </a:cubicBezTo>
                <a:cubicBezTo>
                  <a:pt x="417" y="44"/>
                  <a:pt x="417" y="44"/>
                  <a:pt x="417" y="44"/>
                </a:cubicBezTo>
                <a:cubicBezTo>
                  <a:pt x="417" y="43"/>
                  <a:pt x="416" y="41"/>
                  <a:pt x="414" y="40"/>
                </a:cubicBezTo>
                <a:cubicBezTo>
                  <a:pt x="388" y="14"/>
                  <a:pt x="353" y="0"/>
                  <a:pt x="315" y="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" name="Freeform 211"/>
          <p:cNvSpPr>
            <a:spLocks/>
          </p:cNvSpPr>
          <p:nvPr userDrawn="1"/>
        </p:nvSpPr>
        <p:spPr bwMode="auto">
          <a:xfrm>
            <a:off x="1158696" y="3076683"/>
            <a:ext cx="473075" cy="342900"/>
          </a:xfrm>
          <a:custGeom>
            <a:avLst/>
            <a:gdLst/>
            <a:ahLst/>
            <a:cxnLst>
              <a:cxn ang="0">
                <a:pos x="63" y="199"/>
              </a:cxn>
              <a:cxn ang="0">
                <a:pos x="83" y="36"/>
              </a:cxn>
              <a:cxn ang="0">
                <a:pos x="219" y="1"/>
              </a:cxn>
              <a:cxn ang="0">
                <a:pos x="420" y="133"/>
              </a:cxn>
              <a:cxn ang="0">
                <a:pos x="156" y="262"/>
              </a:cxn>
              <a:cxn ang="0">
                <a:pos x="64" y="302"/>
              </a:cxn>
              <a:cxn ang="0">
                <a:pos x="81" y="231"/>
              </a:cxn>
            </a:cxnLst>
            <a:rect l="0" t="0" r="r" b="b"/>
            <a:pathLst>
              <a:path w="420" h="303">
                <a:moveTo>
                  <a:pt x="63" y="199"/>
                </a:moveTo>
                <a:cubicBezTo>
                  <a:pt x="0" y="159"/>
                  <a:pt x="2" y="83"/>
                  <a:pt x="83" y="36"/>
                </a:cubicBezTo>
                <a:cubicBezTo>
                  <a:pt x="83" y="36"/>
                  <a:pt x="140" y="0"/>
                  <a:pt x="219" y="1"/>
                </a:cubicBezTo>
                <a:cubicBezTo>
                  <a:pt x="360" y="4"/>
                  <a:pt x="420" y="60"/>
                  <a:pt x="420" y="133"/>
                </a:cubicBezTo>
                <a:cubicBezTo>
                  <a:pt x="420" y="198"/>
                  <a:pt x="344" y="303"/>
                  <a:pt x="156" y="262"/>
                </a:cubicBezTo>
                <a:cubicBezTo>
                  <a:pt x="87" y="291"/>
                  <a:pt x="64" y="302"/>
                  <a:pt x="64" y="302"/>
                </a:cubicBezTo>
                <a:cubicBezTo>
                  <a:pt x="64" y="302"/>
                  <a:pt x="98" y="268"/>
                  <a:pt x="81" y="231"/>
                </a:cubicBez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" name="Freeform 234"/>
          <p:cNvSpPr>
            <a:spLocks/>
          </p:cNvSpPr>
          <p:nvPr userDrawn="1"/>
        </p:nvSpPr>
        <p:spPr bwMode="auto">
          <a:xfrm>
            <a:off x="1133296" y="5102428"/>
            <a:ext cx="523875" cy="441325"/>
          </a:xfrm>
          <a:custGeom>
            <a:avLst/>
            <a:gdLst/>
            <a:ahLst/>
            <a:cxnLst>
              <a:cxn ang="0">
                <a:pos x="110" y="376"/>
              </a:cxn>
              <a:cxn ang="0">
                <a:pos x="110" y="149"/>
              </a:cxn>
              <a:cxn ang="0">
                <a:pos x="110" y="148"/>
              </a:cxn>
              <a:cxn ang="0">
                <a:pos x="99" y="133"/>
              </a:cxn>
              <a:cxn ang="0">
                <a:pos x="64" y="119"/>
              </a:cxn>
              <a:cxn ang="0">
                <a:pos x="63" y="119"/>
              </a:cxn>
              <a:cxn ang="0">
                <a:pos x="28" y="138"/>
              </a:cxn>
              <a:cxn ang="0">
                <a:pos x="79" y="350"/>
              </a:cxn>
              <a:cxn ang="0">
                <a:pos x="83" y="370"/>
              </a:cxn>
              <a:cxn ang="0">
                <a:pos x="6" y="336"/>
              </a:cxn>
              <a:cxn ang="0">
                <a:pos x="0" y="135"/>
              </a:cxn>
              <a:cxn ang="0">
                <a:pos x="13" y="110"/>
              </a:cxn>
              <a:cxn ang="0">
                <a:pos x="63" y="91"/>
              </a:cxn>
              <a:cxn ang="0">
                <a:pos x="108" y="104"/>
              </a:cxn>
              <a:cxn ang="0">
                <a:pos x="133" y="130"/>
              </a:cxn>
              <a:cxn ang="0">
                <a:pos x="138" y="358"/>
              </a:cxn>
              <a:cxn ang="0">
                <a:pos x="435" y="125"/>
              </a:cxn>
              <a:cxn ang="0">
                <a:pos x="361" y="115"/>
              </a:cxn>
              <a:cxn ang="0">
                <a:pos x="341" y="116"/>
              </a:cxn>
              <a:cxn ang="0">
                <a:pos x="240" y="169"/>
              </a:cxn>
              <a:cxn ang="0">
                <a:pos x="249" y="205"/>
              </a:cxn>
              <a:cxn ang="0">
                <a:pos x="244" y="225"/>
              </a:cxn>
              <a:cxn ang="0">
                <a:pos x="205" y="243"/>
              </a:cxn>
              <a:cxn ang="0">
                <a:pos x="178" y="237"/>
              </a:cxn>
              <a:cxn ang="0">
                <a:pos x="160" y="205"/>
              </a:cxn>
              <a:cxn ang="0">
                <a:pos x="165" y="181"/>
              </a:cxn>
              <a:cxn ang="0">
                <a:pos x="172" y="15"/>
              </a:cxn>
              <a:cxn ang="0">
                <a:pos x="186" y="0"/>
              </a:cxn>
              <a:cxn ang="0">
                <a:pos x="268" y="5"/>
              </a:cxn>
              <a:cxn ang="0">
                <a:pos x="272" y="15"/>
              </a:cxn>
              <a:cxn ang="0">
                <a:pos x="268" y="70"/>
              </a:cxn>
              <a:cxn ang="0">
                <a:pos x="228" y="74"/>
              </a:cxn>
              <a:cxn ang="0">
                <a:pos x="228" y="46"/>
              </a:cxn>
              <a:cxn ang="0">
                <a:pos x="244" y="29"/>
              </a:cxn>
              <a:cxn ang="0">
                <a:pos x="197" y="182"/>
              </a:cxn>
              <a:cxn ang="0">
                <a:pos x="191" y="192"/>
              </a:cxn>
              <a:cxn ang="0">
                <a:pos x="190" y="210"/>
              </a:cxn>
              <a:cxn ang="0">
                <a:pos x="194" y="213"/>
              </a:cxn>
              <a:cxn ang="0">
                <a:pos x="218" y="212"/>
              </a:cxn>
              <a:cxn ang="0">
                <a:pos x="220" y="209"/>
              </a:cxn>
              <a:cxn ang="0">
                <a:pos x="217" y="189"/>
              </a:cxn>
              <a:cxn ang="0">
                <a:pos x="213" y="180"/>
              </a:cxn>
              <a:cxn ang="0">
                <a:pos x="212" y="173"/>
              </a:cxn>
              <a:cxn ang="0">
                <a:pos x="222" y="105"/>
              </a:cxn>
              <a:cxn ang="0">
                <a:pos x="361" y="87"/>
              </a:cxn>
              <a:cxn ang="0">
                <a:pos x="456" y="104"/>
              </a:cxn>
              <a:cxn ang="0">
                <a:pos x="463" y="295"/>
              </a:cxn>
              <a:cxn ang="0">
                <a:pos x="128" y="390"/>
              </a:cxn>
              <a:cxn ang="0">
                <a:pos x="115" y="388"/>
              </a:cxn>
            </a:cxnLst>
            <a:rect l="0" t="0" r="r" b="b"/>
            <a:pathLst>
              <a:path w="464" h="391">
                <a:moveTo>
                  <a:pt x="115" y="388"/>
                </a:moveTo>
                <a:cubicBezTo>
                  <a:pt x="112" y="385"/>
                  <a:pt x="110" y="381"/>
                  <a:pt x="110" y="376"/>
                </a:cubicBezTo>
                <a:cubicBezTo>
                  <a:pt x="110" y="376"/>
                  <a:pt x="110" y="376"/>
                  <a:pt x="110" y="376"/>
                </a:cubicBezTo>
                <a:cubicBezTo>
                  <a:pt x="110" y="376"/>
                  <a:pt x="110" y="163"/>
                  <a:pt x="110" y="149"/>
                </a:cubicBezTo>
                <a:cubicBezTo>
                  <a:pt x="110" y="149"/>
                  <a:pt x="110" y="149"/>
                  <a:pt x="110" y="149"/>
                </a:cubicBezTo>
                <a:cubicBezTo>
                  <a:pt x="110" y="149"/>
                  <a:pt x="110" y="149"/>
                  <a:pt x="110" y="149"/>
                </a:cubicBezTo>
                <a:cubicBezTo>
                  <a:pt x="110" y="149"/>
                  <a:pt x="110" y="149"/>
                  <a:pt x="110" y="149"/>
                </a:cubicBezTo>
                <a:cubicBezTo>
                  <a:pt x="110" y="149"/>
                  <a:pt x="110" y="149"/>
                  <a:pt x="110" y="148"/>
                </a:cubicBezTo>
                <a:cubicBezTo>
                  <a:pt x="110" y="148"/>
                  <a:pt x="110" y="148"/>
                  <a:pt x="110" y="148"/>
                </a:cubicBezTo>
                <a:cubicBezTo>
                  <a:pt x="109" y="147"/>
                  <a:pt x="109" y="146"/>
                  <a:pt x="108" y="144"/>
                </a:cubicBezTo>
                <a:cubicBezTo>
                  <a:pt x="108" y="144"/>
                  <a:pt x="108" y="144"/>
                  <a:pt x="108" y="144"/>
                </a:cubicBezTo>
                <a:cubicBezTo>
                  <a:pt x="106" y="141"/>
                  <a:pt x="103" y="137"/>
                  <a:pt x="99" y="133"/>
                </a:cubicBezTo>
                <a:cubicBezTo>
                  <a:pt x="99" y="133"/>
                  <a:pt x="99" y="133"/>
                  <a:pt x="99" y="133"/>
                </a:cubicBezTo>
                <a:cubicBezTo>
                  <a:pt x="91" y="126"/>
                  <a:pt x="79" y="119"/>
                  <a:pt x="64" y="119"/>
                </a:cubicBezTo>
                <a:cubicBezTo>
                  <a:pt x="64" y="119"/>
                  <a:pt x="64" y="119"/>
                  <a:pt x="64" y="119"/>
                </a:cubicBezTo>
                <a:cubicBezTo>
                  <a:pt x="64" y="119"/>
                  <a:pt x="64" y="119"/>
                  <a:pt x="64" y="119"/>
                </a:cubicBezTo>
                <a:cubicBezTo>
                  <a:pt x="64" y="119"/>
                  <a:pt x="64" y="119"/>
                  <a:pt x="63" y="119"/>
                </a:cubicBezTo>
                <a:cubicBezTo>
                  <a:pt x="63" y="119"/>
                  <a:pt x="63" y="119"/>
                  <a:pt x="63" y="119"/>
                </a:cubicBezTo>
                <a:cubicBezTo>
                  <a:pt x="48" y="119"/>
                  <a:pt x="40" y="124"/>
                  <a:pt x="35" y="129"/>
                </a:cubicBezTo>
                <a:cubicBezTo>
                  <a:pt x="35" y="129"/>
                  <a:pt x="35" y="129"/>
                  <a:pt x="35" y="129"/>
                </a:cubicBezTo>
                <a:cubicBezTo>
                  <a:pt x="31" y="132"/>
                  <a:pt x="29" y="136"/>
                  <a:pt x="28" y="138"/>
                </a:cubicBezTo>
                <a:cubicBezTo>
                  <a:pt x="28" y="138"/>
                  <a:pt x="28" y="138"/>
                  <a:pt x="28" y="138"/>
                </a:cubicBezTo>
                <a:cubicBezTo>
                  <a:pt x="28" y="316"/>
                  <a:pt x="28" y="316"/>
                  <a:pt x="28" y="316"/>
                </a:cubicBezTo>
                <a:cubicBezTo>
                  <a:pt x="79" y="350"/>
                  <a:pt x="79" y="350"/>
                  <a:pt x="79" y="350"/>
                </a:cubicBezTo>
                <a:cubicBezTo>
                  <a:pt x="79" y="350"/>
                  <a:pt x="79" y="350"/>
                  <a:pt x="79" y="350"/>
                </a:cubicBezTo>
                <a:cubicBezTo>
                  <a:pt x="85" y="355"/>
                  <a:pt x="87" y="363"/>
                  <a:pt x="83" y="370"/>
                </a:cubicBezTo>
                <a:cubicBezTo>
                  <a:pt x="83" y="370"/>
                  <a:pt x="83" y="370"/>
                  <a:pt x="83" y="370"/>
                </a:cubicBezTo>
                <a:cubicBezTo>
                  <a:pt x="78" y="377"/>
                  <a:pt x="70" y="378"/>
                  <a:pt x="63" y="374"/>
                </a:cubicBezTo>
                <a:cubicBezTo>
                  <a:pt x="63" y="374"/>
                  <a:pt x="63" y="374"/>
                  <a:pt x="63" y="374"/>
                </a:cubicBezTo>
                <a:cubicBezTo>
                  <a:pt x="6" y="336"/>
                  <a:pt x="6" y="336"/>
                  <a:pt x="6" y="336"/>
                </a:cubicBezTo>
                <a:cubicBezTo>
                  <a:pt x="2" y="333"/>
                  <a:pt x="0" y="329"/>
                  <a:pt x="0" y="324"/>
                </a:cubicBezTo>
                <a:cubicBezTo>
                  <a:pt x="0" y="324"/>
                  <a:pt x="0" y="324"/>
                  <a:pt x="0" y="324"/>
                </a:cubicBezTo>
                <a:cubicBezTo>
                  <a:pt x="0" y="135"/>
                  <a:pt x="0" y="135"/>
                  <a:pt x="0" y="135"/>
                </a:cubicBezTo>
                <a:cubicBezTo>
                  <a:pt x="0" y="133"/>
                  <a:pt x="0" y="132"/>
                  <a:pt x="0" y="131"/>
                </a:cubicBezTo>
                <a:cubicBezTo>
                  <a:pt x="0" y="131"/>
                  <a:pt x="0" y="131"/>
                  <a:pt x="0" y="131"/>
                </a:cubicBezTo>
                <a:cubicBezTo>
                  <a:pt x="1" y="129"/>
                  <a:pt x="4" y="120"/>
                  <a:pt x="13" y="110"/>
                </a:cubicBezTo>
                <a:cubicBezTo>
                  <a:pt x="13" y="110"/>
                  <a:pt x="13" y="110"/>
                  <a:pt x="13" y="110"/>
                </a:cubicBezTo>
                <a:cubicBezTo>
                  <a:pt x="23" y="100"/>
                  <a:pt x="40" y="91"/>
                  <a:pt x="63" y="91"/>
                </a:cubicBezTo>
                <a:cubicBezTo>
                  <a:pt x="63" y="91"/>
                  <a:pt x="63" y="91"/>
                  <a:pt x="63" y="91"/>
                </a:cubicBezTo>
                <a:cubicBezTo>
                  <a:pt x="64" y="91"/>
                  <a:pt x="64" y="91"/>
                  <a:pt x="64" y="91"/>
                </a:cubicBezTo>
                <a:cubicBezTo>
                  <a:pt x="64" y="91"/>
                  <a:pt x="64" y="91"/>
                  <a:pt x="64" y="91"/>
                </a:cubicBezTo>
                <a:cubicBezTo>
                  <a:pt x="82" y="91"/>
                  <a:pt x="97" y="96"/>
                  <a:pt x="108" y="104"/>
                </a:cubicBezTo>
                <a:cubicBezTo>
                  <a:pt x="108" y="104"/>
                  <a:pt x="108" y="104"/>
                  <a:pt x="108" y="104"/>
                </a:cubicBezTo>
                <a:cubicBezTo>
                  <a:pt x="119" y="112"/>
                  <a:pt x="128" y="121"/>
                  <a:pt x="133" y="130"/>
                </a:cubicBezTo>
                <a:cubicBezTo>
                  <a:pt x="133" y="130"/>
                  <a:pt x="133" y="130"/>
                  <a:pt x="133" y="130"/>
                </a:cubicBezTo>
                <a:cubicBezTo>
                  <a:pt x="136" y="136"/>
                  <a:pt x="138" y="142"/>
                  <a:pt x="138" y="149"/>
                </a:cubicBezTo>
                <a:cubicBezTo>
                  <a:pt x="138" y="149"/>
                  <a:pt x="138" y="149"/>
                  <a:pt x="138" y="149"/>
                </a:cubicBezTo>
                <a:cubicBezTo>
                  <a:pt x="138" y="159"/>
                  <a:pt x="138" y="306"/>
                  <a:pt x="138" y="358"/>
                </a:cubicBezTo>
                <a:cubicBezTo>
                  <a:pt x="138" y="358"/>
                  <a:pt x="138" y="358"/>
                  <a:pt x="138" y="358"/>
                </a:cubicBezTo>
                <a:cubicBezTo>
                  <a:pt x="435" y="284"/>
                  <a:pt x="435" y="284"/>
                  <a:pt x="435" y="284"/>
                </a:cubicBezTo>
                <a:cubicBezTo>
                  <a:pt x="435" y="125"/>
                  <a:pt x="435" y="125"/>
                  <a:pt x="435" y="125"/>
                </a:cubicBezTo>
                <a:cubicBezTo>
                  <a:pt x="432" y="124"/>
                  <a:pt x="429" y="123"/>
                  <a:pt x="425" y="122"/>
                </a:cubicBezTo>
                <a:cubicBezTo>
                  <a:pt x="425" y="122"/>
                  <a:pt x="425" y="122"/>
                  <a:pt x="425" y="122"/>
                </a:cubicBezTo>
                <a:cubicBezTo>
                  <a:pt x="412" y="119"/>
                  <a:pt x="391" y="115"/>
                  <a:pt x="361" y="115"/>
                </a:cubicBezTo>
                <a:cubicBezTo>
                  <a:pt x="361" y="115"/>
                  <a:pt x="361" y="115"/>
                  <a:pt x="361" y="115"/>
                </a:cubicBezTo>
                <a:cubicBezTo>
                  <a:pt x="355" y="115"/>
                  <a:pt x="348" y="115"/>
                  <a:pt x="341" y="116"/>
                </a:cubicBezTo>
                <a:cubicBezTo>
                  <a:pt x="341" y="116"/>
                  <a:pt x="341" y="116"/>
                  <a:pt x="341" y="116"/>
                </a:cubicBezTo>
                <a:cubicBezTo>
                  <a:pt x="299" y="118"/>
                  <a:pt x="263" y="125"/>
                  <a:pt x="240" y="130"/>
                </a:cubicBezTo>
                <a:cubicBezTo>
                  <a:pt x="240" y="130"/>
                  <a:pt x="240" y="130"/>
                  <a:pt x="240" y="130"/>
                </a:cubicBezTo>
                <a:cubicBezTo>
                  <a:pt x="240" y="169"/>
                  <a:pt x="240" y="169"/>
                  <a:pt x="240" y="169"/>
                </a:cubicBezTo>
                <a:cubicBezTo>
                  <a:pt x="241" y="172"/>
                  <a:pt x="242" y="175"/>
                  <a:pt x="244" y="178"/>
                </a:cubicBezTo>
                <a:cubicBezTo>
                  <a:pt x="244" y="178"/>
                  <a:pt x="244" y="178"/>
                  <a:pt x="244" y="178"/>
                </a:cubicBezTo>
                <a:cubicBezTo>
                  <a:pt x="246" y="185"/>
                  <a:pt x="249" y="194"/>
                  <a:pt x="249" y="205"/>
                </a:cubicBezTo>
                <a:cubicBezTo>
                  <a:pt x="249" y="205"/>
                  <a:pt x="249" y="205"/>
                  <a:pt x="249" y="205"/>
                </a:cubicBezTo>
                <a:cubicBezTo>
                  <a:pt x="249" y="211"/>
                  <a:pt x="248" y="219"/>
                  <a:pt x="244" y="225"/>
                </a:cubicBezTo>
                <a:cubicBezTo>
                  <a:pt x="244" y="225"/>
                  <a:pt x="244" y="225"/>
                  <a:pt x="244" y="225"/>
                </a:cubicBezTo>
                <a:cubicBezTo>
                  <a:pt x="240" y="232"/>
                  <a:pt x="233" y="238"/>
                  <a:pt x="224" y="241"/>
                </a:cubicBezTo>
                <a:cubicBezTo>
                  <a:pt x="224" y="241"/>
                  <a:pt x="224" y="241"/>
                  <a:pt x="224" y="241"/>
                </a:cubicBezTo>
                <a:cubicBezTo>
                  <a:pt x="218" y="242"/>
                  <a:pt x="212" y="243"/>
                  <a:pt x="205" y="243"/>
                </a:cubicBezTo>
                <a:cubicBezTo>
                  <a:pt x="205" y="243"/>
                  <a:pt x="205" y="243"/>
                  <a:pt x="205" y="243"/>
                </a:cubicBezTo>
                <a:cubicBezTo>
                  <a:pt x="194" y="243"/>
                  <a:pt x="185" y="241"/>
                  <a:pt x="178" y="237"/>
                </a:cubicBezTo>
                <a:cubicBezTo>
                  <a:pt x="178" y="237"/>
                  <a:pt x="178" y="237"/>
                  <a:pt x="178" y="237"/>
                </a:cubicBezTo>
                <a:cubicBezTo>
                  <a:pt x="170" y="233"/>
                  <a:pt x="165" y="226"/>
                  <a:pt x="162" y="219"/>
                </a:cubicBezTo>
                <a:cubicBezTo>
                  <a:pt x="162" y="219"/>
                  <a:pt x="162" y="219"/>
                  <a:pt x="162" y="219"/>
                </a:cubicBezTo>
                <a:cubicBezTo>
                  <a:pt x="161" y="214"/>
                  <a:pt x="160" y="209"/>
                  <a:pt x="160" y="205"/>
                </a:cubicBezTo>
                <a:cubicBezTo>
                  <a:pt x="160" y="205"/>
                  <a:pt x="160" y="205"/>
                  <a:pt x="160" y="205"/>
                </a:cubicBezTo>
                <a:cubicBezTo>
                  <a:pt x="160" y="196"/>
                  <a:pt x="162" y="188"/>
                  <a:pt x="165" y="181"/>
                </a:cubicBezTo>
                <a:cubicBezTo>
                  <a:pt x="165" y="181"/>
                  <a:pt x="165" y="181"/>
                  <a:pt x="165" y="181"/>
                </a:cubicBezTo>
                <a:cubicBezTo>
                  <a:pt x="167" y="176"/>
                  <a:pt x="169" y="172"/>
                  <a:pt x="172" y="168"/>
                </a:cubicBezTo>
                <a:cubicBezTo>
                  <a:pt x="172" y="168"/>
                  <a:pt x="172" y="168"/>
                  <a:pt x="172" y="168"/>
                </a:cubicBezTo>
                <a:cubicBezTo>
                  <a:pt x="172" y="15"/>
                  <a:pt x="172" y="15"/>
                  <a:pt x="172" y="15"/>
                </a:cubicBezTo>
                <a:cubicBezTo>
                  <a:pt x="172" y="11"/>
                  <a:pt x="173" y="7"/>
                  <a:pt x="176" y="5"/>
                </a:cubicBezTo>
                <a:cubicBezTo>
                  <a:pt x="176" y="5"/>
                  <a:pt x="176" y="5"/>
                  <a:pt x="176" y="5"/>
                </a:cubicBezTo>
                <a:cubicBezTo>
                  <a:pt x="178" y="2"/>
                  <a:pt x="182" y="0"/>
                  <a:pt x="186" y="0"/>
                </a:cubicBezTo>
                <a:cubicBezTo>
                  <a:pt x="186" y="0"/>
                  <a:pt x="186" y="0"/>
                  <a:pt x="186" y="0"/>
                </a:cubicBezTo>
                <a:cubicBezTo>
                  <a:pt x="258" y="0"/>
                  <a:pt x="258" y="0"/>
                  <a:pt x="258" y="0"/>
                </a:cubicBezTo>
                <a:cubicBezTo>
                  <a:pt x="262" y="0"/>
                  <a:pt x="266" y="2"/>
                  <a:pt x="268" y="5"/>
                </a:cubicBezTo>
                <a:cubicBezTo>
                  <a:pt x="268" y="5"/>
                  <a:pt x="268" y="5"/>
                  <a:pt x="268" y="5"/>
                </a:cubicBezTo>
                <a:cubicBezTo>
                  <a:pt x="271" y="7"/>
                  <a:pt x="272" y="11"/>
                  <a:pt x="272" y="15"/>
                </a:cubicBezTo>
                <a:cubicBezTo>
                  <a:pt x="272" y="15"/>
                  <a:pt x="272" y="15"/>
                  <a:pt x="272" y="15"/>
                </a:cubicBezTo>
                <a:cubicBezTo>
                  <a:pt x="272" y="60"/>
                  <a:pt x="272" y="60"/>
                  <a:pt x="272" y="60"/>
                </a:cubicBezTo>
                <a:cubicBezTo>
                  <a:pt x="272" y="64"/>
                  <a:pt x="271" y="67"/>
                  <a:pt x="268" y="70"/>
                </a:cubicBezTo>
                <a:cubicBezTo>
                  <a:pt x="268" y="70"/>
                  <a:pt x="268" y="70"/>
                  <a:pt x="268" y="70"/>
                </a:cubicBezTo>
                <a:cubicBezTo>
                  <a:pt x="266" y="73"/>
                  <a:pt x="262" y="74"/>
                  <a:pt x="258" y="74"/>
                </a:cubicBezTo>
                <a:cubicBezTo>
                  <a:pt x="258" y="74"/>
                  <a:pt x="258" y="74"/>
                  <a:pt x="258" y="74"/>
                </a:cubicBezTo>
                <a:cubicBezTo>
                  <a:pt x="228" y="74"/>
                  <a:pt x="228" y="74"/>
                  <a:pt x="228" y="74"/>
                </a:cubicBezTo>
                <a:cubicBezTo>
                  <a:pt x="220" y="74"/>
                  <a:pt x="213" y="68"/>
                  <a:pt x="213" y="60"/>
                </a:cubicBezTo>
                <a:cubicBezTo>
                  <a:pt x="213" y="60"/>
                  <a:pt x="213" y="60"/>
                  <a:pt x="213" y="60"/>
                </a:cubicBezTo>
                <a:cubicBezTo>
                  <a:pt x="213" y="52"/>
                  <a:pt x="220" y="46"/>
                  <a:pt x="228" y="46"/>
                </a:cubicBezTo>
                <a:cubicBezTo>
                  <a:pt x="228" y="46"/>
                  <a:pt x="228" y="46"/>
                  <a:pt x="228" y="46"/>
                </a:cubicBezTo>
                <a:cubicBezTo>
                  <a:pt x="244" y="46"/>
                  <a:pt x="244" y="46"/>
                  <a:pt x="244" y="46"/>
                </a:cubicBezTo>
                <a:cubicBezTo>
                  <a:pt x="244" y="29"/>
                  <a:pt x="244" y="29"/>
                  <a:pt x="244" y="29"/>
                </a:cubicBezTo>
                <a:cubicBezTo>
                  <a:pt x="200" y="29"/>
                  <a:pt x="200" y="29"/>
                  <a:pt x="200" y="29"/>
                </a:cubicBezTo>
                <a:cubicBezTo>
                  <a:pt x="200" y="173"/>
                  <a:pt x="200" y="173"/>
                  <a:pt x="200" y="173"/>
                </a:cubicBezTo>
                <a:cubicBezTo>
                  <a:pt x="200" y="176"/>
                  <a:pt x="199" y="180"/>
                  <a:pt x="197" y="182"/>
                </a:cubicBezTo>
                <a:cubicBezTo>
                  <a:pt x="197" y="182"/>
                  <a:pt x="197" y="182"/>
                  <a:pt x="197" y="182"/>
                </a:cubicBezTo>
                <a:cubicBezTo>
                  <a:pt x="196" y="183"/>
                  <a:pt x="193" y="187"/>
                  <a:pt x="191" y="192"/>
                </a:cubicBezTo>
                <a:cubicBezTo>
                  <a:pt x="191" y="192"/>
                  <a:pt x="191" y="192"/>
                  <a:pt x="191" y="192"/>
                </a:cubicBezTo>
                <a:cubicBezTo>
                  <a:pt x="190" y="196"/>
                  <a:pt x="188" y="201"/>
                  <a:pt x="188" y="205"/>
                </a:cubicBezTo>
                <a:cubicBezTo>
                  <a:pt x="188" y="205"/>
                  <a:pt x="188" y="205"/>
                  <a:pt x="188" y="205"/>
                </a:cubicBezTo>
                <a:cubicBezTo>
                  <a:pt x="188" y="208"/>
                  <a:pt x="189" y="209"/>
                  <a:pt x="190" y="210"/>
                </a:cubicBezTo>
                <a:cubicBezTo>
                  <a:pt x="190" y="210"/>
                  <a:pt x="190" y="210"/>
                  <a:pt x="190" y="210"/>
                </a:cubicBezTo>
                <a:cubicBezTo>
                  <a:pt x="190" y="211"/>
                  <a:pt x="191" y="212"/>
                  <a:pt x="194" y="213"/>
                </a:cubicBezTo>
                <a:cubicBezTo>
                  <a:pt x="194" y="213"/>
                  <a:pt x="194" y="213"/>
                  <a:pt x="194" y="213"/>
                </a:cubicBezTo>
                <a:cubicBezTo>
                  <a:pt x="197" y="214"/>
                  <a:pt x="200" y="215"/>
                  <a:pt x="205" y="215"/>
                </a:cubicBezTo>
                <a:cubicBezTo>
                  <a:pt x="205" y="215"/>
                  <a:pt x="205" y="215"/>
                  <a:pt x="205" y="215"/>
                </a:cubicBezTo>
                <a:cubicBezTo>
                  <a:pt x="212" y="215"/>
                  <a:pt x="216" y="213"/>
                  <a:pt x="218" y="212"/>
                </a:cubicBezTo>
                <a:cubicBezTo>
                  <a:pt x="218" y="212"/>
                  <a:pt x="218" y="212"/>
                  <a:pt x="218" y="212"/>
                </a:cubicBezTo>
                <a:cubicBezTo>
                  <a:pt x="219" y="211"/>
                  <a:pt x="220" y="211"/>
                  <a:pt x="220" y="209"/>
                </a:cubicBezTo>
                <a:cubicBezTo>
                  <a:pt x="220" y="209"/>
                  <a:pt x="220" y="209"/>
                  <a:pt x="220" y="209"/>
                </a:cubicBezTo>
                <a:cubicBezTo>
                  <a:pt x="221" y="208"/>
                  <a:pt x="221" y="207"/>
                  <a:pt x="221" y="205"/>
                </a:cubicBezTo>
                <a:cubicBezTo>
                  <a:pt x="221" y="205"/>
                  <a:pt x="221" y="205"/>
                  <a:pt x="221" y="205"/>
                </a:cubicBezTo>
                <a:cubicBezTo>
                  <a:pt x="221" y="200"/>
                  <a:pt x="219" y="194"/>
                  <a:pt x="217" y="189"/>
                </a:cubicBezTo>
                <a:cubicBezTo>
                  <a:pt x="217" y="189"/>
                  <a:pt x="217" y="189"/>
                  <a:pt x="217" y="189"/>
                </a:cubicBezTo>
                <a:cubicBezTo>
                  <a:pt x="215" y="184"/>
                  <a:pt x="213" y="180"/>
                  <a:pt x="213" y="180"/>
                </a:cubicBezTo>
                <a:cubicBezTo>
                  <a:pt x="213" y="180"/>
                  <a:pt x="213" y="180"/>
                  <a:pt x="213" y="180"/>
                </a:cubicBezTo>
                <a:cubicBezTo>
                  <a:pt x="213" y="180"/>
                  <a:pt x="213" y="180"/>
                  <a:pt x="213" y="180"/>
                </a:cubicBezTo>
                <a:cubicBezTo>
                  <a:pt x="212" y="178"/>
                  <a:pt x="212" y="175"/>
                  <a:pt x="212" y="173"/>
                </a:cubicBezTo>
                <a:cubicBezTo>
                  <a:pt x="212" y="173"/>
                  <a:pt x="212" y="173"/>
                  <a:pt x="212" y="173"/>
                </a:cubicBezTo>
                <a:cubicBezTo>
                  <a:pt x="212" y="119"/>
                  <a:pt x="212" y="119"/>
                  <a:pt x="212" y="119"/>
                </a:cubicBezTo>
                <a:cubicBezTo>
                  <a:pt x="212" y="112"/>
                  <a:pt x="216" y="106"/>
                  <a:pt x="222" y="105"/>
                </a:cubicBezTo>
                <a:cubicBezTo>
                  <a:pt x="222" y="105"/>
                  <a:pt x="222" y="105"/>
                  <a:pt x="222" y="105"/>
                </a:cubicBezTo>
                <a:cubicBezTo>
                  <a:pt x="246" y="99"/>
                  <a:pt x="287" y="90"/>
                  <a:pt x="339" y="87"/>
                </a:cubicBezTo>
                <a:cubicBezTo>
                  <a:pt x="339" y="87"/>
                  <a:pt x="339" y="87"/>
                  <a:pt x="339" y="87"/>
                </a:cubicBezTo>
                <a:cubicBezTo>
                  <a:pt x="347" y="87"/>
                  <a:pt x="354" y="87"/>
                  <a:pt x="361" y="87"/>
                </a:cubicBezTo>
                <a:cubicBezTo>
                  <a:pt x="361" y="87"/>
                  <a:pt x="361" y="87"/>
                  <a:pt x="361" y="87"/>
                </a:cubicBezTo>
                <a:cubicBezTo>
                  <a:pt x="426" y="87"/>
                  <a:pt x="454" y="102"/>
                  <a:pt x="456" y="104"/>
                </a:cubicBezTo>
                <a:cubicBezTo>
                  <a:pt x="456" y="104"/>
                  <a:pt x="456" y="104"/>
                  <a:pt x="456" y="104"/>
                </a:cubicBezTo>
                <a:cubicBezTo>
                  <a:pt x="461" y="106"/>
                  <a:pt x="464" y="111"/>
                  <a:pt x="464" y="116"/>
                </a:cubicBezTo>
                <a:cubicBezTo>
                  <a:pt x="464" y="116"/>
                  <a:pt x="464" y="116"/>
                  <a:pt x="464" y="116"/>
                </a:cubicBezTo>
                <a:cubicBezTo>
                  <a:pt x="463" y="295"/>
                  <a:pt x="463" y="295"/>
                  <a:pt x="463" y="295"/>
                </a:cubicBezTo>
                <a:cubicBezTo>
                  <a:pt x="463" y="301"/>
                  <a:pt x="459" y="307"/>
                  <a:pt x="452" y="308"/>
                </a:cubicBezTo>
                <a:cubicBezTo>
                  <a:pt x="452" y="308"/>
                  <a:pt x="452" y="308"/>
                  <a:pt x="452" y="308"/>
                </a:cubicBezTo>
                <a:cubicBezTo>
                  <a:pt x="128" y="390"/>
                  <a:pt x="128" y="390"/>
                  <a:pt x="128" y="390"/>
                </a:cubicBezTo>
                <a:cubicBezTo>
                  <a:pt x="126" y="391"/>
                  <a:pt x="125" y="391"/>
                  <a:pt x="124" y="391"/>
                </a:cubicBezTo>
                <a:cubicBezTo>
                  <a:pt x="124" y="391"/>
                  <a:pt x="124" y="391"/>
                  <a:pt x="124" y="391"/>
                </a:cubicBezTo>
                <a:cubicBezTo>
                  <a:pt x="121" y="391"/>
                  <a:pt x="118" y="390"/>
                  <a:pt x="115" y="38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" name="Freeform 300"/>
          <p:cNvSpPr>
            <a:spLocks/>
          </p:cNvSpPr>
          <p:nvPr userDrawn="1"/>
        </p:nvSpPr>
        <p:spPr bwMode="auto">
          <a:xfrm>
            <a:off x="1178539" y="3719966"/>
            <a:ext cx="433388" cy="433388"/>
          </a:xfrm>
          <a:custGeom>
            <a:avLst/>
            <a:gdLst/>
            <a:ahLst/>
            <a:cxnLst>
              <a:cxn ang="0">
                <a:pos x="271" y="2"/>
              </a:cxn>
              <a:cxn ang="0">
                <a:pos x="250" y="13"/>
              </a:cxn>
              <a:cxn ang="0">
                <a:pos x="106" y="157"/>
              </a:cxn>
              <a:cxn ang="0">
                <a:pos x="102" y="167"/>
              </a:cxn>
              <a:cxn ang="0">
                <a:pos x="106" y="176"/>
              </a:cxn>
              <a:cxn ang="0">
                <a:pos x="125" y="176"/>
              </a:cxn>
              <a:cxn ang="0">
                <a:pos x="269" y="31"/>
              </a:cxn>
              <a:cxn ang="0">
                <a:pos x="271" y="29"/>
              </a:cxn>
              <a:cxn ang="0">
                <a:pos x="271" y="30"/>
              </a:cxn>
              <a:cxn ang="0">
                <a:pos x="275" y="28"/>
              </a:cxn>
              <a:cxn ang="0">
                <a:pos x="329" y="63"/>
              </a:cxn>
              <a:cxn ang="0">
                <a:pos x="357" y="110"/>
              </a:cxn>
              <a:cxn ang="0">
                <a:pos x="356" y="116"/>
              </a:cxn>
              <a:cxn ang="0">
                <a:pos x="356" y="115"/>
              </a:cxn>
              <a:cxn ang="0">
                <a:pos x="355" y="116"/>
              </a:cxn>
              <a:cxn ang="0">
                <a:pos x="147" y="323"/>
              </a:cxn>
              <a:cxn ang="0">
                <a:pos x="33" y="353"/>
              </a:cxn>
              <a:cxn ang="0">
                <a:pos x="63" y="238"/>
              </a:cxn>
              <a:cxn ang="0">
                <a:pos x="91" y="218"/>
              </a:cxn>
              <a:cxn ang="0">
                <a:pos x="69" y="249"/>
              </a:cxn>
              <a:cxn ang="0">
                <a:pos x="65" y="259"/>
              </a:cxn>
              <a:cxn ang="0">
                <a:pos x="69" y="268"/>
              </a:cxn>
              <a:cxn ang="0">
                <a:pos x="88" y="268"/>
              </a:cxn>
              <a:cxn ang="0">
                <a:pos x="135" y="249"/>
              </a:cxn>
              <a:cxn ang="0">
                <a:pos x="136" y="252"/>
              </a:cxn>
              <a:cxn ang="0">
                <a:pos x="115" y="296"/>
              </a:cxn>
              <a:cxn ang="0">
                <a:pos x="111" y="305"/>
              </a:cxn>
              <a:cxn ang="0">
                <a:pos x="112" y="310"/>
              </a:cxn>
              <a:cxn ang="0">
                <a:pos x="113" y="311"/>
              </a:cxn>
              <a:cxn ang="0">
                <a:pos x="114" y="313"/>
              </a:cxn>
              <a:cxn ang="0">
                <a:pos x="114" y="313"/>
              </a:cxn>
              <a:cxn ang="0">
                <a:pos x="115" y="315"/>
              </a:cxn>
              <a:cxn ang="0">
                <a:pos x="115" y="315"/>
              </a:cxn>
              <a:cxn ang="0">
                <a:pos x="115" y="315"/>
              </a:cxn>
              <a:cxn ang="0">
                <a:pos x="117" y="316"/>
              </a:cxn>
              <a:cxn ang="0">
                <a:pos x="117" y="316"/>
              </a:cxn>
              <a:cxn ang="0">
                <a:pos x="134" y="315"/>
              </a:cxn>
              <a:cxn ang="0">
                <a:pos x="135" y="313"/>
              </a:cxn>
              <a:cxn ang="0">
                <a:pos x="136" y="313"/>
              </a:cxn>
              <a:cxn ang="0">
                <a:pos x="162" y="252"/>
              </a:cxn>
              <a:cxn ang="0">
                <a:pos x="154" y="230"/>
              </a:cxn>
              <a:cxn ang="0">
                <a:pos x="118" y="224"/>
              </a:cxn>
              <a:cxn ang="0">
                <a:pos x="122" y="206"/>
              </a:cxn>
              <a:cxn ang="0">
                <a:pos x="117" y="192"/>
              </a:cxn>
              <a:cxn ang="0">
                <a:pos x="103" y="187"/>
              </a:cxn>
              <a:cxn ang="0">
                <a:pos x="41" y="222"/>
              </a:cxn>
              <a:cxn ang="0">
                <a:pos x="38" y="227"/>
              </a:cxn>
              <a:cxn ang="0">
                <a:pos x="38" y="228"/>
              </a:cxn>
              <a:cxn ang="0">
                <a:pos x="38" y="228"/>
              </a:cxn>
              <a:cxn ang="0">
                <a:pos x="1" y="368"/>
              </a:cxn>
              <a:cxn ang="0">
                <a:pos x="5" y="381"/>
              </a:cxn>
              <a:cxn ang="0">
                <a:pos x="17" y="384"/>
              </a:cxn>
              <a:cxn ang="0">
                <a:pos x="157" y="348"/>
              </a:cxn>
              <a:cxn ang="0">
                <a:pos x="163" y="344"/>
              </a:cxn>
              <a:cxn ang="0">
                <a:pos x="373" y="136"/>
              </a:cxn>
              <a:cxn ang="0">
                <a:pos x="384" y="114"/>
              </a:cxn>
              <a:cxn ang="0">
                <a:pos x="384" y="110"/>
              </a:cxn>
              <a:cxn ang="0">
                <a:pos x="348" y="44"/>
              </a:cxn>
              <a:cxn ang="0">
                <a:pos x="348" y="44"/>
              </a:cxn>
              <a:cxn ang="0">
                <a:pos x="271" y="2"/>
              </a:cxn>
            </a:cxnLst>
            <a:rect l="0" t="0" r="r" b="b"/>
            <a:pathLst>
              <a:path w="384" h="386">
                <a:moveTo>
                  <a:pt x="271" y="2"/>
                </a:moveTo>
                <a:cubicBezTo>
                  <a:pt x="259" y="3"/>
                  <a:pt x="253" y="10"/>
                  <a:pt x="250" y="13"/>
                </a:cubicBezTo>
                <a:cubicBezTo>
                  <a:pt x="249" y="14"/>
                  <a:pt x="106" y="157"/>
                  <a:pt x="106" y="157"/>
                </a:cubicBezTo>
                <a:cubicBezTo>
                  <a:pt x="103" y="160"/>
                  <a:pt x="102" y="163"/>
                  <a:pt x="102" y="167"/>
                </a:cubicBezTo>
                <a:cubicBezTo>
                  <a:pt x="102" y="170"/>
                  <a:pt x="103" y="173"/>
                  <a:pt x="106" y="176"/>
                </a:cubicBezTo>
                <a:cubicBezTo>
                  <a:pt x="111" y="181"/>
                  <a:pt x="120" y="181"/>
                  <a:pt x="125" y="176"/>
                </a:cubicBezTo>
                <a:cubicBezTo>
                  <a:pt x="269" y="31"/>
                  <a:pt x="269" y="31"/>
                  <a:pt x="269" y="31"/>
                </a:cubicBezTo>
                <a:cubicBezTo>
                  <a:pt x="270" y="31"/>
                  <a:pt x="271" y="30"/>
                  <a:pt x="271" y="29"/>
                </a:cubicBezTo>
                <a:cubicBezTo>
                  <a:pt x="271" y="30"/>
                  <a:pt x="271" y="30"/>
                  <a:pt x="271" y="30"/>
                </a:cubicBezTo>
                <a:cubicBezTo>
                  <a:pt x="271" y="30"/>
                  <a:pt x="272" y="28"/>
                  <a:pt x="275" y="28"/>
                </a:cubicBezTo>
                <a:cubicBezTo>
                  <a:pt x="281" y="28"/>
                  <a:pt x="298" y="32"/>
                  <a:pt x="329" y="63"/>
                </a:cubicBezTo>
                <a:cubicBezTo>
                  <a:pt x="352" y="87"/>
                  <a:pt x="357" y="102"/>
                  <a:pt x="357" y="110"/>
                </a:cubicBezTo>
                <a:cubicBezTo>
                  <a:pt x="357" y="113"/>
                  <a:pt x="357" y="115"/>
                  <a:pt x="356" y="116"/>
                </a:cubicBezTo>
                <a:cubicBezTo>
                  <a:pt x="356" y="115"/>
                  <a:pt x="356" y="115"/>
                  <a:pt x="356" y="115"/>
                </a:cubicBezTo>
                <a:cubicBezTo>
                  <a:pt x="356" y="115"/>
                  <a:pt x="355" y="116"/>
                  <a:pt x="355" y="116"/>
                </a:cubicBezTo>
                <a:cubicBezTo>
                  <a:pt x="355" y="116"/>
                  <a:pt x="152" y="318"/>
                  <a:pt x="147" y="323"/>
                </a:cubicBezTo>
                <a:cubicBezTo>
                  <a:pt x="142" y="324"/>
                  <a:pt x="63" y="345"/>
                  <a:pt x="33" y="353"/>
                </a:cubicBezTo>
                <a:cubicBezTo>
                  <a:pt x="41" y="322"/>
                  <a:pt x="61" y="243"/>
                  <a:pt x="63" y="238"/>
                </a:cubicBezTo>
                <a:cubicBezTo>
                  <a:pt x="71" y="231"/>
                  <a:pt x="82" y="223"/>
                  <a:pt x="91" y="218"/>
                </a:cubicBezTo>
                <a:cubicBezTo>
                  <a:pt x="86" y="228"/>
                  <a:pt x="77" y="241"/>
                  <a:pt x="69" y="249"/>
                </a:cubicBezTo>
                <a:cubicBezTo>
                  <a:pt x="66" y="252"/>
                  <a:pt x="65" y="255"/>
                  <a:pt x="65" y="259"/>
                </a:cubicBezTo>
                <a:cubicBezTo>
                  <a:pt x="65" y="262"/>
                  <a:pt x="66" y="266"/>
                  <a:pt x="69" y="268"/>
                </a:cubicBezTo>
                <a:cubicBezTo>
                  <a:pt x="74" y="274"/>
                  <a:pt x="83" y="274"/>
                  <a:pt x="88" y="268"/>
                </a:cubicBezTo>
                <a:cubicBezTo>
                  <a:pt x="101" y="255"/>
                  <a:pt x="130" y="246"/>
                  <a:pt x="135" y="249"/>
                </a:cubicBezTo>
                <a:cubicBezTo>
                  <a:pt x="136" y="250"/>
                  <a:pt x="136" y="251"/>
                  <a:pt x="136" y="252"/>
                </a:cubicBezTo>
                <a:cubicBezTo>
                  <a:pt x="136" y="261"/>
                  <a:pt x="127" y="284"/>
                  <a:pt x="115" y="296"/>
                </a:cubicBezTo>
                <a:cubicBezTo>
                  <a:pt x="113" y="298"/>
                  <a:pt x="111" y="302"/>
                  <a:pt x="111" y="305"/>
                </a:cubicBezTo>
                <a:cubicBezTo>
                  <a:pt x="111" y="307"/>
                  <a:pt x="112" y="309"/>
                  <a:pt x="112" y="310"/>
                </a:cubicBezTo>
                <a:cubicBezTo>
                  <a:pt x="112" y="310"/>
                  <a:pt x="113" y="310"/>
                  <a:pt x="113" y="311"/>
                </a:cubicBezTo>
                <a:cubicBezTo>
                  <a:pt x="113" y="311"/>
                  <a:pt x="113" y="312"/>
                  <a:pt x="114" y="313"/>
                </a:cubicBezTo>
                <a:cubicBezTo>
                  <a:pt x="114" y="313"/>
                  <a:pt x="114" y="313"/>
                  <a:pt x="114" y="313"/>
                </a:cubicBezTo>
                <a:cubicBezTo>
                  <a:pt x="115" y="314"/>
                  <a:pt x="115" y="314"/>
                  <a:pt x="115" y="315"/>
                </a:cubicBezTo>
                <a:cubicBezTo>
                  <a:pt x="115" y="315"/>
                  <a:pt x="115" y="315"/>
                  <a:pt x="115" y="315"/>
                </a:cubicBezTo>
                <a:cubicBezTo>
                  <a:pt x="115" y="315"/>
                  <a:pt x="115" y="315"/>
                  <a:pt x="115" y="315"/>
                </a:cubicBezTo>
                <a:cubicBezTo>
                  <a:pt x="116" y="315"/>
                  <a:pt x="116" y="316"/>
                  <a:pt x="117" y="316"/>
                </a:cubicBezTo>
                <a:cubicBezTo>
                  <a:pt x="117" y="316"/>
                  <a:pt x="117" y="316"/>
                  <a:pt x="117" y="316"/>
                </a:cubicBezTo>
                <a:cubicBezTo>
                  <a:pt x="123" y="320"/>
                  <a:pt x="130" y="319"/>
                  <a:pt x="134" y="315"/>
                </a:cubicBezTo>
                <a:cubicBezTo>
                  <a:pt x="135" y="313"/>
                  <a:pt x="135" y="313"/>
                  <a:pt x="135" y="313"/>
                </a:cubicBezTo>
                <a:cubicBezTo>
                  <a:pt x="136" y="313"/>
                  <a:pt x="136" y="313"/>
                  <a:pt x="136" y="313"/>
                </a:cubicBezTo>
                <a:cubicBezTo>
                  <a:pt x="147" y="300"/>
                  <a:pt x="162" y="274"/>
                  <a:pt x="162" y="252"/>
                </a:cubicBezTo>
                <a:cubicBezTo>
                  <a:pt x="162" y="243"/>
                  <a:pt x="160" y="236"/>
                  <a:pt x="154" y="230"/>
                </a:cubicBezTo>
                <a:cubicBezTo>
                  <a:pt x="145" y="221"/>
                  <a:pt x="132" y="220"/>
                  <a:pt x="118" y="224"/>
                </a:cubicBezTo>
                <a:cubicBezTo>
                  <a:pt x="121" y="218"/>
                  <a:pt x="122" y="212"/>
                  <a:pt x="122" y="206"/>
                </a:cubicBezTo>
                <a:cubicBezTo>
                  <a:pt x="122" y="201"/>
                  <a:pt x="121" y="196"/>
                  <a:pt x="117" y="192"/>
                </a:cubicBezTo>
                <a:cubicBezTo>
                  <a:pt x="114" y="190"/>
                  <a:pt x="110" y="187"/>
                  <a:pt x="103" y="187"/>
                </a:cubicBezTo>
                <a:cubicBezTo>
                  <a:pt x="84" y="187"/>
                  <a:pt x="53" y="210"/>
                  <a:pt x="41" y="222"/>
                </a:cubicBezTo>
                <a:cubicBezTo>
                  <a:pt x="40" y="223"/>
                  <a:pt x="39" y="225"/>
                  <a:pt x="38" y="227"/>
                </a:cubicBezTo>
                <a:cubicBezTo>
                  <a:pt x="38" y="228"/>
                  <a:pt x="38" y="228"/>
                  <a:pt x="38" y="228"/>
                </a:cubicBezTo>
                <a:cubicBezTo>
                  <a:pt x="38" y="228"/>
                  <a:pt x="38" y="228"/>
                  <a:pt x="38" y="228"/>
                </a:cubicBezTo>
                <a:cubicBezTo>
                  <a:pt x="1" y="368"/>
                  <a:pt x="1" y="368"/>
                  <a:pt x="1" y="368"/>
                </a:cubicBezTo>
                <a:cubicBezTo>
                  <a:pt x="0" y="373"/>
                  <a:pt x="1" y="378"/>
                  <a:pt x="5" y="381"/>
                </a:cubicBezTo>
                <a:cubicBezTo>
                  <a:pt x="8" y="384"/>
                  <a:pt x="13" y="386"/>
                  <a:pt x="17" y="384"/>
                </a:cubicBezTo>
                <a:cubicBezTo>
                  <a:pt x="157" y="348"/>
                  <a:pt x="157" y="348"/>
                  <a:pt x="157" y="348"/>
                </a:cubicBezTo>
                <a:cubicBezTo>
                  <a:pt x="160" y="347"/>
                  <a:pt x="162" y="346"/>
                  <a:pt x="163" y="344"/>
                </a:cubicBezTo>
                <a:cubicBezTo>
                  <a:pt x="163" y="344"/>
                  <a:pt x="372" y="136"/>
                  <a:pt x="373" y="136"/>
                </a:cubicBezTo>
                <a:cubicBezTo>
                  <a:pt x="376" y="133"/>
                  <a:pt x="383" y="126"/>
                  <a:pt x="384" y="114"/>
                </a:cubicBezTo>
                <a:cubicBezTo>
                  <a:pt x="384" y="112"/>
                  <a:pt x="384" y="111"/>
                  <a:pt x="384" y="110"/>
                </a:cubicBezTo>
                <a:cubicBezTo>
                  <a:pt x="384" y="91"/>
                  <a:pt x="372" y="69"/>
                  <a:pt x="348" y="44"/>
                </a:cubicBezTo>
                <a:cubicBezTo>
                  <a:pt x="348" y="44"/>
                  <a:pt x="348" y="44"/>
                  <a:pt x="348" y="44"/>
                </a:cubicBezTo>
                <a:cubicBezTo>
                  <a:pt x="318" y="14"/>
                  <a:pt x="292" y="0"/>
                  <a:pt x="271" y="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" name="Freeform 179"/>
          <p:cNvSpPr>
            <a:spLocks/>
          </p:cNvSpPr>
          <p:nvPr userDrawn="1"/>
        </p:nvSpPr>
        <p:spPr bwMode="auto">
          <a:xfrm>
            <a:off x="2545289" y="1160069"/>
            <a:ext cx="520700" cy="523875"/>
          </a:xfrm>
          <a:custGeom>
            <a:avLst/>
            <a:gdLst/>
            <a:ahLst/>
            <a:cxnLst>
              <a:cxn ang="0">
                <a:pos x="12" y="165"/>
              </a:cxn>
              <a:cxn ang="0">
                <a:pos x="2" y="213"/>
              </a:cxn>
              <a:cxn ang="0">
                <a:pos x="64" y="219"/>
              </a:cxn>
              <a:cxn ang="0">
                <a:pos x="64" y="215"/>
              </a:cxn>
              <a:cxn ang="0">
                <a:pos x="107" y="105"/>
              </a:cxn>
              <a:cxn ang="0">
                <a:pos x="333" y="164"/>
              </a:cxn>
              <a:cxn ang="0">
                <a:pos x="314" y="244"/>
              </a:cxn>
              <a:cxn ang="0">
                <a:pos x="356" y="313"/>
              </a:cxn>
              <a:cxn ang="0">
                <a:pos x="350" y="296"/>
              </a:cxn>
              <a:cxn ang="0">
                <a:pos x="342" y="229"/>
              </a:cxn>
              <a:cxn ang="0">
                <a:pos x="361" y="166"/>
              </a:cxn>
              <a:cxn ang="0">
                <a:pos x="202" y="39"/>
              </a:cxn>
              <a:cxn ang="0">
                <a:pos x="38" y="211"/>
              </a:cxn>
              <a:cxn ang="0">
                <a:pos x="37" y="218"/>
              </a:cxn>
              <a:cxn ang="0">
                <a:pos x="37" y="219"/>
              </a:cxn>
              <a:cxn ang="0">
                <a:pos x="28" y="208"/>
              </a:cxn>
              <a:cxn ang="0">
                <a:pos x="36" y="179"/>
              </a:cxn>
              <a:cxn ang="0">
                <a:pos x="38" y="174"/>
              </a:cxn>
              <a:cxn ang="0">
                <a:pos x="209" y="28"/>
              </a:cxn>
              <a:cxn ang="0">
                <a:pos x="381" y="166"/>
              </a:cxn>
              <a:cxn ang="0">
                <a:pos x="387" y="173"/>
              </a:cxn>
              <a:cxn ang="0">
                <a:pos x="418" y="189"/>
              </a:cxn>
              <a:cxn ang="0">
                <a:pos x="387" y="308"/>
              </a:cxn>
              <a:cxn ang="0">
                <a:pos x="372" y="309"/>
              </a:cxn>
              <a:cxn ang="0">
                <a:pos x="365" y="323"/>
              </a:cxn>
              <a:cxn ang="0">
                <a:pos x="274" y="420"/>
              </a:cxn>
              <a:cxn ang="0">
                <a:pos x="237" y="423"/>
              </a:cxn>
              <a:cxn ang="0">
                <a:pos x="227" y="431"/>
              </a:cxn>
              <a:cxn ang="0">
                <a:pos x="206" y="435"/>
              </a:cxn>
              <a:cxn ang="0">
                <a:pos x="208" y="423"/>
              </a:cxn>
              <a:cxn ang="0">
                <a:pos x="233" y="417"/>
              </a:cxn>
              <a:cxn ang="0">
                <a:pos x="211" y="396"/>
              </a:cxn>
              <a:cxn ang="0">
                <a:pos x="161" y="422"/>
              </a:cxn>
              <a:cxn ang="0">
                <a:pos x="246" y="449"/>
              </a:cxn>
              <a:cxn ang="0">
                <a:pos x="389" y="334"/>
              </a:cxn>
              <a:cxn ang="0">
                <a:pos x="461" y="246"/>
              </a:cxn>
              <a:cxn ang="0">
                <a:pos x="438" y="171"/>
              </a:cxn>
              <a:cxn ang="0">
                <a:pos x="333" y="46"/>
              </a:cxn>
              <a:cxn ang="0">
                <a:pos x="81" y="48"/>
              </a:cxn>
            </a:cxnLst>
            <a:rect l="0" t="0" r="r" b="b"/>
            <a:pathLst>
              <a:path w="461" h="464">
                <a:moveTo>
                  <a:pt x="81" y="48"/>
                </a:moveTo>
                <a:cubicBezTo>
                  <a:pt x="46" y="78"/>
                  <a:pt x="22" y="119"/>
                  <a:pt x="12" y="165"/>
                </a:cubicBezTo>
                <a:cubicBezTo>
                  <a:pt x="6" y="171"/>
                  <a:pt x="0" y="181"/>
                  <a:pt x="0" y="197"/>
                </a:cubicBezTo>
                <a:cubicBezTo>
                  <a:pt x="0" y="202"/>
                  <a:pt x="0" y="207"/>
                  <a:pt x="2" y="213"/>
                </a:cubicBezTo>
                <a:cubicBezTo>
                  <a:pt x="8" y="243"/>
                  <a:pt x="26" y="247"/>
                  <a:pt x="36" y="246"/>
                </a:cubicBezTo>
                <a:cubicBezTo>
                  <a:pt x="49" y="246"/>
                  <a:pt x="63" y="237"/>
                  <a:pt x="64" y="219"/>
                </a:cubicBezTo>
                <a:cubicBezTo>
                  <a:pt x="64" y="220"/>
                  <a:pt x="64" y="220"/>
                  <a:pt x="64" y="220"/>
                </a:cubicBezTo>
                <a:cubicBezTo>
                  <a:pt x="64" y="215"/>
                  <a:pt x="64" y="215"/>
                  <a:pt x="64" y="215"/>
                </a:cubicBezTo>
                <a:cubicBezTo>
                  <a:pt x="64" y="214"/>
                  <a:pt x="64" y="214"/>
                  <a:pt x="64" y="213"/>
                </a:cubicBezTo>
                <a:cubicBezTo>
                  <a:pt x="64" y="172"/>
                  <a:pt x="80" y="132"/>
                  <a:pt x="107" y="105"/>
                </a:cubicBezTo>
                <a:cubicBezTo>
                  <a:pt x="133" y="79"/>
                  <a:pt x="166" y="65"/>
                  <a:pt x="201" y="66"/>
                </a:cubicBezTo>
                <a:cubicBezTo>
                  <a:pt x="259" y="67"/>
                  <a:pt x="311" y="106"/>
                  <a:pt x="333" y="164"/>
                </a:cubicBezTo>
                <a:cubicBezTo>
                  <a:pt x="322" y="179"/>
                  <a:pt x="317" y="199"/>
                  <a:pt x="315" y="228"/>
                </a:cubicBezTo>
                <a:cubicBezTo>
                  <a:pt x="315" y="231"/>
                  <a:pt x="314" y="236"/>
                  <a:pt x="314" y="244"/>
                </a:cubicBezTo>
                <a:cubicBezTo>
                  <a:pt x="314" y="269"/>
                  <a:pt x="318" y="311"/>
                  <a:pt x="339" y="320"/>
                </a:cubicBezTo>
                <a:cubicBezTo>
                  <a:pt x="345" y="323"/>
                  <a:pt x="353" y="320"/>
                  <a:pt x="356" y="313"/>
                </a:cubicBezTo>
                <a:cubicBezTo>
                  <a:pt x="359" y="306"/>
                  <a:pt x="356" y="299"/>
                  <a:pt x="349" y="296"/>
                </a:cubicBezTo>
                <a:cubicBezTo>
                  <a:pt x="350" y="296"/>
                  <a:pt x="350" y="296"/>
                  <a:pt x="350" y="296"/>
                </a:cubicBezTo>
                <a:cubicBezTo>
                  <a:pt x="347" y="293"/>
                  <a:pt x="341" y="274"/>
                  <a:pt x="341" y="244"/>
                </a:cubicBezTo>
                <a:cubicBezTo>
                  <a:pt x="341" y="240"/>
                  <a:pt x="341" y="235"/>
                  <a:pt x="342" y="229"/>
                </a:cubicBezTo>
                <a:cubicBezTo>
                  <a:pt x="343" y="203"/>
                  <a:pt x="349" y="185"/>
                  <a:pt x="358" y="175"/>
                </a:cubicBezTo>
                <a:cubicBezTo>
                  <a:pt x="360" y="172"/>
                  <a:pt x="361" y="169"/>
                  <a:pt x="361" y="166"/>
                </a:cubicBezTo>
                <a:cubicBezTo>
                  <a:pt x="361" y="164"/>
                  <a:pt x="361" y="162"/>
                  <a:pt x="360" y="160"/>
                </a:cubicBezTo>
                <a:cubicBezTo>
                  <a:pt x="336" y="89"/>
                  <a:pt x="273" y="40"/>
                  <a:pt x="202" y="39"/>
                </a:cubicBezTo>
                <a:cubicBezTo>
                  <a:pt x="159" y="39"/>
                  <a:pt x="119" y="55"/>
                  <a:pt x="88" y="86"/>
                </a:cubicBezTo>
                <a:cubicBezTo>
                  <a:pt x="56" y="118"/>
                  <a:pt x="38" y="164"/>
                  <a:pt x="38" y="211"/>
                </a:cubicBezTo>
                <a:cubicBezTo>
                  <a:pt x="38" y="212"/>
                  <a:pt x="38" y="212"/>
                  <a:pt x="38" y="213"/>
                </a:cubicBezTo>
                <a:cubicBezTo>
                  <a:pt x="38" y="214"/>
                  <a:pt x="37" y="218"/>
                  <a:pt x="37" y="218"/>
                </a:cubicBezTo>
                <a:cubicBezTo>
                  <a:pt x="37" y="218"/>
                  <a:pt x="37" y="218"/>
                  <a:pt x="37" y="218"/>
                </a:cubicBezTo>
                <a:cubicBezTo>
                  <a:pt x="37" y="219"/>
                  <a:pt x="37" y="219"/>
                  <a:pt x="37" y="219"/>
                </a:cubicBezTo>
                <a:cubicBezTo>
                  <a:pt x="37" y="219"/>
                  <a:pt x="36" y="220"/>
                  <a:pt x="36" y="220"/>
                </a:cubicBezTo>
                <a:cubicBezTo>
                  <a:pt x="34" y="220"/>
                  <a:pt x="30" y="220"/>
                  <a:pt x="28" y="208"/>
                </a:cubicBezTo>
                <a:cubicBezTo>
                  <a:pt x="26" y="201"/>
                  <a:pt x="25" y="189"/>
                  <a:pt x="31" y="184"/>
                </a:cubicBezTo>
                <a:cubicBezTo>
                  <a:pt x="33" y="183"/>
                  <a:pt x="35" y="181"/>
                  <a:pt x="36" y="179"/>
                </a:cubicBezTo>
                <a:cubicBezTo>
                  <a:pt x="37" y="178"/>
                  <a:pt x="37" y="178"/>
                  <a:pt x="37" y="178"/>
                </a:cubicBezTo>
                <a:cubicBezTo>
                  <a:pt x="37" y="177"/>
                  <a:pt x="37" y="175"/>
                  <a:pt x="38" y="174"/>
                </a:cubicBezTo>
                <a:cubicBezTo>
                  <a:pt x="46" y="133"/>
                  <a:pt x="67" y="95"/>
                  <a:pt x="98" y="68"/>
                </a:cubicBezTo>
                <a:cubicBezTo>
                  <a:pt x="129" y="41"/>
                  <a:pt x="168" y="27"/>
                  <a:pt x="209" y="28"/>
                </a:cubicBezTo>
                <a:cubicBezTo>
                  <a:pt x="248" y="28"/>
                  <a:pt x="285" y="42"/>
                  <a:pt x="316" y="67"/>
                </a:cubicBezTo>
                <a:cubicBezTo>
                  <a:pt x="347" y="92"/>
                  <a:pt x="370" y="127"/>
                  <a:pt x="381" y="166"/>
                </a:cubicBezTo>
                <a:cubicBezTo>
                  <a:pt x="382" y="168"/>
                  <a:pt x="383" y="170"/>
                  <a:pt x="385" y="172"/>
                </a:cubicBezTo>
                <a:cubicBezTo>
                  <a:pt x="387" y="173"/>
                  <a:pt x="387" y="173"/>
                  <a:pt x="387" y="173"/>
                </a:cubicBezTo>
                <a:cubicBezTo>
                  <a:pt x="389" y="175"/>
                  <a:pt x="392" y="177"/>
                  <a:pt x="395" y="177"/>
                </a:cubicBezTo>
                <a:cubicBezTo>
                  <a:pt x="405" y="178"/>
                  <a:pt x="413" y="184"/>
                  <a:pt x="418" y="189"/>
                </a:cubicBezTo>
                <a:cubicBezTo>
                  <a:pt x="429" y="202"/>
                  <a:pt x="435" y="223"/>
                  <a:pt x="434" y="245"/>
                </a:cubicBezTo>
                <a:cubicBezTo>
                  <a:pt x="432" y="280"/>
                  <a:pt x="410" y="309"/>
                  <a:pt x="387" y="308"/>
                </a:cubicBezTo>
                <a:cubicBezTo>
                  <a:pt x="385" y="308"/>
                  <a:pt x="384" y="307"/>
                  <a:pt x="382" y="307"/>
                </a:cubicBezTo>
                <a:cubicBezTo>
                  <a:pt x="379" y="306"/>
                  <a:pt x="375" y="307"/>
                  <a:pt x="372" y="309"/>
                </a:cubicBezTo>
                <a:cubicBezTo>
                  <a:pt x="369" y="310"/>
                  <a:pt x="367" y="313"/>
                  <a:pt x="366" y="317"/>
                </a:cubicBezTo>
                <a:cubicBezTo>
                  <a:pt x="365" y="323"/>
                  <a:pt x="365" y="323"/>
                  <a:pt x="365" y="323"/>
                </a:cubicBezTo>
                <a:cubicBezTo>
                  <a:pt x="365" y="323"/>
                  <a:pt x="365" y="323"/>
                  <a:pt x="365" y="323"/>
                </a:cubicBezTo>
                <a:cubicBezTo>
                  <a:pt x="354" y="373"/>
                  <a:pt x="320" y="409"/>
                  <a:pt x="274" y="420"/>
                </a:cubicBezTo>
                <a:cubicBezTo>
                  <a:pt x="264" y="422"/>
                  <a:pt x="253" y="423"/>
                  <a:pt x="242" y="422"/>
                </a:cubicBezTo>
                <a:cubicBezTo>
                  <a:pt x="240" y="422"/>
                  <a:pt x="239" y="423"/>
                  <a:pt x="237" y="423"/>
                </a:cubicBezTo>
                <a:cubicBezTo>
                  <a:pt x="234" y="424"/>
                  <a:pt x="234" y="424"/>
                  <a:pt x="234" y="424"/>
                </a:cubicBezTo>
                <a:cubicBezTo>
                  <a:pt x="231" y="426"/>
                  <a:pt x="228" y="428"/>
                  <a:pt x="227" y="431"/>
                </a:cubicBezTo>
                <a:cubicBezTo>
                  <a:pt x="227" y="431"/>
                  <a:pt x="227" y="431"/>
                  <a:pt x="227" y="431"/>
                </a:cubicBezTo>
                <a:cubicBezTo>
                  <a:pt x="225" y="433"/>
                  <a:pt x="218" y="436"/>
                  <a:pt x="206" y="435"/>
                </a:cubicBezTo>
                <a:cubicBezTo>
                  <a:pt x="195" y="433"/>
                  <a:pt x="189" y="428"/>
                  <a:pt x="188" y="426"/>
                </a:cubicBezTo>
                <a:cubicBezTo>
                  <a:pt x="190" y="424"/>
                  <a:pt x="197" y="421"/>
                  <a:pt x="208" y="423"/>
                </a:cubicBezTo>
                <a:cubicBezTo>
                  <a:pt x="211" y="423"/>
                  <a:pt x="214" y="424"/>
                  <a:pt x="216" y="425"/>
                </a:cubicBezTo>
                <a:cubicBezTo>
                  <a:pt x="223" y="427"/>
                  <a:pt x="231" y="424"/>
                  <a:pt x="233" y="417"/>
                </a:cubicBezTo>
                <a:cubicBezTo>
                  <a:pt x="236" y="410"/>
                  <a:pt x="233" y="402"/>
                  <a:pt x="226" y="400"/>
                </a:cubicBezTo>
                <a:cubicBezTo>
                  <a:pt x="221" y="398"/>
                  <a:pt x="216" y="397"/>
                  <a:pt x="211" y="396"/>
                </a:cubicBezTo>
                <a:cubicBezTo>
                  <a:pt x="196" y="394"/>
                  <a:pt x="182" y="397"/>
                  <a:pt x="172" y="404"/>
                </a:cubicBezTo>
                <a:cubicBezTo>
                  <a:pt x="166" y="409"/>
                  <a:pt x="162" y="415"/>
                  <a:pt x="161" y="422"/>
                </a:cubicBezTo>
                <a:cubicBezTo>
                  <a:pt x="159" y="441"/>
                  <a:pt x="177" y="458"/>
                  <a:pt x="203" y="461"/>
                </a:cubicBezTo>
                <a:cubicBezTo>
                  <a:pt x="221" y="464"/>
                  <a:pt x="237" y="459"/>
                  <a:pt x="246" y="449"/>
                </a:cubicBezTo>
                <a:cubicBezTo>
                  <a:pt x="257" y="449"/>
                  <a:pt x="269" y="448"/>
                  <a:pt x="280" y="446"/>
                </a:cubicBezTo>
                <a:cubicBezTo>
                  <a:pt x="335" y="433"/>
                  <a:pt x="376" y="392"/>
                  <a:pt x="389" y="334"/>
                </a:cubicBezTo>
                <a:cubicBezTo>
                  <a:pt x="407" y="334"/>
                  <a:pt x="424" y="325"/>
                  <a:pt x="438" y="309"/>
                </a:cubicBezTo>
                <a:cubicBezTo>
                  <a:pt x="451" y="292"/>
                  <a:pt x="459" y="270"/>
                  <a:pt x="461" y="246"/>
                </a:cubicBezTo>
                <a:cubicBezTo>
                  <a:pt x="461" y="244"/>
                  <a:pt x="461" y="241"/>
                  <a:pt x="461" y="239"/>
                </a:cubicBezTo>
                <a:cubicBezTo>
                  <a:pt x="461" y="212"/>
                  <a:pt x="453" y="188"/>
                  <a:pt x="438" y="171"/>
                </a:cubicBezTo>
                <a:cubicBezTo>
                  <a:pt x="428" y="161"/>
                  <a:pt x="417" y="154"/>
                  <a:pt x="405" y="151"/>
                </a:cubicBezTo>
                <a:cubicBezTo>
                  <a:pt x="391" y="110"/>
                  <a:pt x="366" y="73"/>
                  <a:pt x="333" y="46"/>
                </a:cubicBezTo>
                <a:cubicBezTo>
                  <a:pt x="297" y="17"/>
                  <a:pt x="254" y="1"/>
                  <a:pt x="209" y="1"/>
                </a:cubicBezTo>
                <a:cubicBezTo>
                  <a:pt x="162" y="0"/>
                  <a:pt x="117" y="17"/>
                  <a:pt x="81" y="4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" name="Freeform 221"/>
          <p:cNvSpPr>
            <a:spLocks/>
          </p:cNvSpPr>
          <p:nvPr userDrawn="1"/>
        </p:nvSpPr>
        <p:spPr bwMode="auto">
          <a:xfrm>
            <a:off x="2561958" y="4446874"/>
            <a:ext cx="487363" cy="428625"/>
          </a:xfrm>
          <a:custGeom>
            <a:avLst/>
            <a:gdLst/>
            <a:ahLst/>
            <a:cxnLst>
              <a:cxn ang="0">
                <a:pos x="240" y="0"/>
              </a:cxn>
              <a:cxn ang="0">
                <a:pos x="61" y="126"/>
              </a:cxn>
              <a:cxn ang="0">
                <a:pos x="59" y="133"/>
              </a:cxn>
              <a:cxn ang="0">
                <a:pos x="67" y="146"/>
              </a:cxn>
              <a:cxn ang="0">
                <a:pos x="107" y="158"/>
              </a:cxn>
              <a:cxn ang="0">
                <a:pos x="55" y="178"/>
              </a:cxn>
              <a:cxn ang="0">
                <a:pos x="26" y="105"/>
              </a:cxn>
              <a:cxn ang="0">
                <a:pos x="8" y="95"/>
              </a:cxn>
              <a:cxn ang="0">
                <a:pos x="3" y="113"/>
              </a:cxn>
              <a:cxn ang="0">
                <a:pos x="3" y="113"/>
              </a:cxn>
              <a:cxn ang="0">
                <a:pos x="37" y="199"/>
              </a:cxn>
              <a:cxn ang="0">
                <a:pos x="52" y="203"/>
              </a:cxn>
              <a:cxn ang="0">
                <a:pos x="141" y="167"/>
              </a:cxn>
              <a:cxn ang="0">
                <a:pos x="149" y="156"/>
              </a:cxn>
              <a:cxn ang="0">
                <a:pos x="140" y="144"/>
              </a:cxn>
              <a:cxn ang="0">
                <a:pos x="85" y="127"/>
              </a:cxn>
              <a:cxn ang="0">
                <a:pos x="85" y="126"/>
              </a:cxn>
              <a:cxn ang="0">
                <a:pos x="122" y="72"/>
              </a:cxn>
              <a:cxn ang="0">
                <a:pos x="240" y="23"/>
              </a:cxn>
              <a:cxn ang="0">
                <a:pos x="359" y="72"/>
              </a:cxn>
              <a:cxn ang="0">
                <a:pos x="408" y="191"/>
              </a:cxn>
              <a:cxn ang="0">
                <a:pos x="359" y="309"/>
              </a:cxn>
              <a:cxn ang="0">
                <a:pos x="240" y="358"/>
              </a:cxn>
              <a:cxn ang="0">
                <a:pos x="122" y="309"/>
              </a:cxn>
              <a:cxn ang="0">
                <a:pos x="92" y="268"/>
              </a:cxn>
              <a:cxn ang="0">
                <a:pos x="198" y="224"/>
              </a:cxn>
              <a:cxn ang="0">
                <a:pos x="199" y="224"/>
              </a:cxn>
              <a:cxn ang="0">
                <a:pos x="207" y="209"/>
              </a:cxn>
              <a:cxn ang="0">
                <a:pos x="203" y="192"/>
              </a:cxn>
              <a:cxn ang="0">
                <a:pos x="241" y="154"/>
              </a:cxn>
              <a:cxn ang="0">
                <a:pos x="278" y="192"/>
              </a:cxn>
              <a:cxn ang="0">
                <a:pos x="241" y="230"/>
              </a:cxn>
              <a:cxn ang="0">
                <a:pos x="235" y="229"/>
              </a:cxn>
              <a:cxn ang="0">
                <a:pos x="233" y="229"/>
              </a:cxn>
              <a:cxn ang="0">
                <a:pos x="233" y="229"/>
              </a:cxn>
              <a:cxn ang="0">
                <a:pos x="231" y="229"/>
              </a:cxn>
              <a:cxn ang="0">
                <a:pos x="219" y="239"/>
              </a:cxn>
              <a:cxn ang="0">
                <a:pos x="219" y="240"/>
              </a:cxn>
              <a:cxn ang="0">
                <a:pos x="230" y="253"/>
              </a:cxn>
              <a:cxn ang="0">
                <a:pos x="230" y="253"/>
              </a:cxn>
              <a:cxn ang="0">
                <a:pos x="230" y="253"/>
              </a:cxn>
              <a:cxn ang="0">
                <a:pos x="241" y="254"/>
              </a:cxn>
              <a:cxn ang="0">
                <a:pos x="302" y="192"/>
              </a:cxn>
              <a:cxn ang="0">
                <a:pos x="241" y="130"/>
              </a:cxn>
              <a:cxn ang="0">
                <a:pos x="179" y="192"/>
              </a:cxn>
              <a:cxn ang="0">
                <a:pos x="180" y="206"/>
              </a:cxn>
              <a:cxn ang="0">
                <a:pos x="74" y="250"/>
              </a:cxn>
              <a:cxn ang="0">
                <a:pos x="66" y="268"/>
              </a:cxn>
              <a:cxn ang="0">
                <a:pos x="71" y="277"/>
              </a:cxn>
              <a:cxn ang="0">
                <a:pos x="240" y="381"/>
              </a:cxn>
              <a:cxn ang="0">
                <a:pos x="431" y="191"/>
              </a:cxn>
              <a:cxn ang="0">
                <a:pos x="240" y="0"/>
              </a:cxn>
            </a:cxnLst>
            <a:rect l="0" t="0" r="r" b="b"/>
            <a:pathLst>
              <a:path w="431" h="381">
                <a:moveTo>
                  <a:pt x="240" y="0"/>
                </a:moveTo>
                <a:cubicBezTo>
                  <a:pt x="158" y="0"/>
                  <a:pt x="88" y="53"/>
                  <a:pt x="61" y="126"/>
                </a:cubicBezTo>
                <a:cubicBezTo>
                  <a:pt x="60" y="129"/>
                  <a:pt x="60" y="130"/>
                  <a:pt x="59" y="133"/>
                </a:cubicBezTo>
                <a:cubicBezTo>
                  <a:pt x="57" y="140"/>
                  <a:pt x="60" y="144"/>
                  <a:pt x="67" y="146"/>
                </a:cubicBezTo>
                <a:cubicBezTo>
                  <a:pt x="107" y="158"/>
                  <a:pt x="107" y="158"/>
                  <a:pt x="107" y="158"/>
                </a:cubicBezTo>
                <a:cubicBezTo>
                  <a:pt x="55" y="178"/>
                  <a:pt x="55" y="178"/>
                  <a:pt x="55" y="178"/>
                </a:cubicBezTo>
                <a:cubicBezTo>
                  <a:pt x="26" y="105"/>
                  <a:pt x="26" y="105"/>
                  <a:pt x="26" y="105"/>
                </a:cubicBezTo>
                <a:cubicBezTo>
                  <a:pt x="23" y="95"/>
                  <a:pt x="15" y="92"/>
                  <a:pt x="8" y="95"/>
                </a:cubicBezTo>
                <a:cubicBezTo>
                  <a:pt x="0" y="97"/>
                  <a:pt x="0" y="106"/>
                  <a:pt x="3" y="113"/>
                </a:cubicBezTo>
                <a:cubicBezTo>
                  <a:pt x="3" y="113"/>
                  <a:pt x="3" y="113"/>
                  <a:pt x="3" y="113"/>
                </a:cubicBezTo>
                <a:cubicBezTo>
                  <a:pt x="37" y="199"/>
                  <a:pt x="37" y="199"/>
                  <a:pt x="37" y="199"/>
                </a:cubicBezTo>
                <a:cubicBezTo>
                  <a:pt x="40" y="205"/>
                  <a:pt x="47" y="205"/>
                  <a:pt x="52" y="203"/>
                </a:cubicBezTo>
                <a:cubicBezTo>
                  <a:pt x="141" y="167"/>
                  <a:pt x="141" y="167"/>
                  <a:pt x="141" y="167"/>
                </a:cubicBezTo>
                <a:cubicBezTo>
                  <a:pt x="147" y="164"/>
                  <a:pt x="149" y="162"/>
                  <a:pt x="149" y="156"/>
                </a:cubicBezTo>
                <a:cubicBezTo>
                  <a:pt x="148" y="150"/>
                  <a:pt x="146" y="146"/>
                  <a:pt x="140" y="144"/>
                </a:cubicBezTo>
                <a:cubicBezTo>
                  <a:pt x="85" y="127"/>
                  <a:pt x="85" y="127"/>
                  <a:pt x="85" y="127"/>
                </a:cubicBezTo>
                <a:cubicBezTo>
                  <a:pt x="85" y="126"/>
                  <a:pt x="85" y="126"/>
                  <a:pt x="85" y="126"/>
                </a:cubicBezTo>
                <a:cubicBezTo>
                  <a:pt x="94" y="106"/>
                  <a:pt x="107" y="87"/>
                  <a:pt x="122" y="72"/>
                </a:cubicBezTo>
                <a:cubicBezTo>
                  <a:pt x="152" y="42"/>
                  <a:pt x="194" y="23"/>
                  <a:pt x="240" y="23"/>
                </a:cubicBezTo>
                <a:cubicBezTo>
                  <a:pt x="287" y="23"/>
                  <a:pt x="329" y="42"/>
                  <a:pt x="359" y="72"/>
                </a:cubicBezTo>
                <a:cubicBezTo>
                  <a:pt x="389" y="103"/>
                  <a:pt x="408" y="144"/>
                  <a:pt x="408" y="191"/>
                </a:cubicBezTo>
                <a:cubicBezTo>
                  <a:pt x="408" y="237"/>
                  <a:pt x="389" y="279"/>
                  <a:pt x="359" y="309"/>
                </a:cubicBezTo>
                <a:cubicBezTo>
                  <a:pt x="329" y="339"/>
                  <a:pt x="287" y="358"/>
                  <a:pt x="240" y="358"/>
                </a:cubicBezTo>
                <a:cubicBezTo>
                  <a:pt x="194" y="358"/>
                  <a:pt x="152" y="339"/>
                  <a:pt x="122" y="309"/>
                </a:cubicBezTo>
                <a:cubicBezTo>
                  <a:pt x="110" y="297"/>
                  <a:pt x="100" y="283"/>
                  <a:pt x="92" y="268"/>
                </a:cubicBezTo>
                <a:cubicBezTo>
                  <a:pt x="92" y="268"/>
                  <a:pt x="165" y="238"/>
                  <a:pt x="198" y="224"/>
                </a:cubicBezTo>
                <a:cubicBezTo>
                  <a:pt x="198" y="224"/>
                  <a:pt x="198" y="224"/>
                  <a:pt x="199" y="224"/>
                </a:cubicBezTo>
                <a:cubicBezTo>
                  <a:pt x="209" y="219"/>
                  <a:pt x="207" y="209"/>
                  <a:pt x="207" y="209"/>
                </a:cubicBezTo>
                <a:cubicBezTo>
                  <a:pt x="204" y="204"/>
                  <a:pt x="203" y="198"/>
                  <a:pt x="203" y="192"/>
                </a:cubicBezTo>
                <a:cubicBezTo>
                  <a:pt x="203" y="171"/>
                  <a:pt x="220" y="154"/>
                  <a:pt x="241" y="154"/>
                </a:cubicBezTo>
                <a:cubicBezTo>
                  <a:pt x="261" y="154"/>
                  <a:pt x="278" y="171"/>
                  <a:pt x="278" y="192"/>
                </a:cubicBezTo>
                <a:cubicBezTo>
                  <a:pt x="278" y="213"/>
                  <a:pt x="261" y="230"/>
                  <a:pt x="241" y="230"/>
                </a:cubicBezTo>
                <a:cubicBezTo>
                  <a:pt x="239" y="230"/>
                  <a:pt x="237" y="230"/>
                  <a:pt x="235" y="229"/>
                </a:cubicBezTo>
                <a:cubicBezTo>
                  <a:pt x="235" y="229"/>
                  <a:pt x="234" y="229"/>
                  <a:pt x="233" y="229"/>
                </a:cubicBezTo>
                <a:cubicBezTo>
                  <a:pt x="233" y="229"/>
                  <a:pt x="233" y="229"/>
                  <a:pt x="233" y="229"/>
                </a:cubicBezTo>
                <a:cubicBezTo>
                  <a:pt x="232" y="229"/>
                  <a:pt x="232" y="229"/>
                  <a:pt x="231" y="229"/>
                </a:cubicBezTo>
                <a:cubicBezTo>
                  <a:pt x="225" y="229"/>
                  <a:pt x="220" y="233"/>
                  <a:pt x="219" y="239"/>
                </a:cubicBezTo>
                <a:cubicBezTo>
                  <a:pt x="219" y="239"/>
                  <a:pt x="219" y="240"/>
                  <a:pt x="219" y="240"/>
                </a:cubicBezTo>
                <a:cubicBezTo>
                  <a:pt x="219" y="246"/>
                  <a:pt x="224" y="251"/>
                  <a:pt x="230" y="253"/>
                </a:cubicBezTo>
                <a:cubicBezTo>
                  <a:pt x="230" y="253"/>
                  <a:pt x="230" y="253"/>
                  <a:pt x="230" y="253"/>
                </a:cubicBezTo>
                <a:cubicBezTo>
                  <a:pt x="230" y="253"/>
                  <a:pt x="230" y="253"/>
                  <a:pt x="230" y="253"/>
                </a:cubicBezTo>
                <a:cubicBezTo>
                  <a:pt x="234" y="253"/>
                  <a:pt x="237" y="254"/>
                  <a:pt x="241" y="254"/>
                </a:cubicBezTo>
                <a:cubicBezTo>
                  <a:pt x="275" y="254"/>
                  <a:pt x="302" y="226"/>
                  <a:pt x="302" y="192"/>
                </a:cubicBezTo>
                <a:cubicBezTo>
                  <a:pt x="302" y="158"/>
                  <a:pt x="275" y="130"/>
                  <a:pt x="241" y="130"/>
                </a:cubicBezTo>
                <a:cubicBezTo>
                  <a:pt x="206" y="130"/>
                  <a:pt x="179" y="158"/>
                  <a:pt x="179" y="192"/>
                </a:cubicBezTo>
                <a:cubicBezTo>
                  <a:pt x="179" y="197"/>
                  <a:pt x="179" y="201"/>
                  <a:pt x="180" y="206"/>
                </a:cubicBezTo>
                <a:cubicBezTo>
                  <a:pt x="74" y="250"/>
                  <a:pt x="74" y="250"/>
                  <a:pt x="74" y="250"/>
                </a:cubicBezTo>
                <a:cubicBezTo>
                  <a:pt x="68" y="253"/>
                  <a:pt x="62" y="257"/>
                  <a:pt x="66" y="268"/>
                </a:cubicBezTo>
                <a:cubicBezTo>
                  <a:pt x="71" y="277"/>
                  <a:pt x="71" y="277"/>
                  <a:pt x="71" y="277"/>
                </a:cubicBezTo>
                <a:cubicBezTo>
                  <a:pt x="102" y="339"/>
                  <a:pt x="166" y="381"/>
                  <a:pt x="240" y="381"/>
                </a:cubicBezTo>
                <a:cubicBezTo>
                  <a:pt x="346" y="381"/>
                  <a:pt x="431" y="296"/>
                  <a:pt x="431" y="191"/>
                </a:cubicBezTo>
                <a:cubicBezTo>
                  <a:pt x="431" y="86"/>
                  <a:pt x="346" y="0"/>
                  <a:pt x="240" y="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" name="Freeform 267"/>
          <p:cNvSpPr>
            <a:spLocks/>
          </p:cNvSpPr>
          <p:nvPr userDrawn="1"/>
        </p:nvSpPr>
        <p:spPr bwMode="auto">
          <a:xfrm>
            <a:off x="2550845" y="2387024"/>
            <a:ext cx="509588" cy="509587"/>
          </a:xfrm>
          <a:custGeom>
            <a:avLst/>
            <a:gdLst/>
            <a:ahLst/>
            <a:cxnLst>
              <a:cxn ang="0">
                <a:pos x="0" y="226"/>
              </a:cxn>
              <a:cxn ang="0">
                <a:pos x="226" y="453"/>
              </a:cxn>
              <a:cxn ang="0">
                <a:pos x="453" y="226"/>
              </a:cxn>
              <a:cxn ang="0">
                <a:pos x="314" y="18"/>
              </a:cxn>
              <a:cxn ang="0">
                <a:pos x="297" y="25"/>
              </a:cxn>
              <a:cxn ang="0">
                <a:pos x="304" y="42"/>
              </a:cxn>
              <a:cxn ang="0">
                <a:pos x="426" y="226"/>
              </a:cxn>
              <a:cxn ang="0">
                <a:pos x="226" y="426"/>
              </a:cxn>
              <a:cxn ang="0">
                <a:pos x="27" y="226"/>
              </a:cxn>
              <a:cxn ang="0">
                <a:pos x="213" y="27"/>
              </a:cxn>
              <a:cxn ang="0">
                <a:pos x="213" y="226"/>
              </a:cxn>
              <a:cxn ang="0">
                <a:pos x="221" y="239"/>
              </a:cxn>
              <a:cxn ang="0">
                <a:pos x="236" y="236"/>
              </a:cxn>
              <a:cxn ang="0">
                <a:pos x="329" y="142"/>
              </a:cxn>
              <a:cxn ang="0">
                <a:pos x="329" y="123"/>
              </a:cxn>
              <a:cxn ang="0">
                <a:pos x="310" y="123"/>
              </a:cxn>
              <a:cxn ang="0">
                <a:pos x="240" y="194"/>
              </a:cxn>
              <a:cxn ang="0">
                <a:pos x="240" y="13"/>
              </a:cxn>
              <a:cxn ang="0">
                <a:pos x="226" y="0"/>
              </a:cxn>
              <a:cxn ang="0">
                <a:pos x="0" y="226"/>
              </a:cxn>
            </a:cxnLst>
            <a:rect l="0" t="0" r="r" b="b"/>
            <a:pathLst>
              <a:path w="453" h="453">
                <a:moveTo>
                  <a:pt x="0" y="226"/>
                </a:moveTo>
                <a:cubicBezTo>
                  <a:pt x="0" y="351"/>
                  <a:pt x="102" y="453"/>
                  <a:pt x="226" y="453"/>
                </a:cubicBezTo>
                <a:cubicBezTo>
                  <a:pt x="351" y="453"/>
                  <a:pt x="453" y="351"/>
                  <a:pt x="453" y="226"/>
                </a:cubicBezTo>
                <a:cubicBezTo>
                  <a:pt x="453" y="135"/>
                  <a:pt x="398" y="53"/>
                  <a:pt x="314" y="18"/>
                </a:cubicBezTo>
                <a:cubicBezTo>
                  <a:pt x="308" y="15"/>
                  <a:pt x="300" y="18"/>
                  <a:pt x="297" y="25"/>
                </a:cubicBezTo>
                <a:cubicBezTo>
                  <a:pt x="294" y="32"/>
                  <a:pt x="297" y="39"/>
                  <a:pt x="304" y="42"/>
                </a:cubicBezTo>
                <a:cubicBezTo>
                  <a:pt x="378" y="74"/>
                  <a:pt x="426" y="146"/>
                  <a:pt x="426" y="226"/>
                </a:cubicBezTo>
                <a:cubicBezTo>
                  <a:pt x="426" y="336"/>
                  <a:pt x="336" y="426"/>
                  <a:pt x="226" y="426"/>
                </a:cubicBezTo>
                <a:cubicBezTo>
                  <a:pt x="116" y="426"/>
                  <a:pt x="27" y="336"/>
                  <a:pt x="27" y="226"/>
                </a:cubicBezTo>
                <a:cubicBezTo>
                  <a:pt x="27" y="121"/>
                  <a:pt x="109" y="34"/>
                  <a:pt x="213" y="27"/>
                </a:cubicBezTo>
                <a:cubicBezTo>
                  <a:pt x="213" y="51"/>
                  <a:pt x="213" y="226"/>
                  <a:pt x="213" y="226"/>
                </a:cubicBezTo>
                <a:cubicBezTo>
                  <a:pt x="213" y="232"/>
                  <a:pt x="216" y="237"/>
                  <a:pt x="221" y="239"/>
                </a:cubicBezTo>
                <a:cubicBezTo>
                  <a:pt x="226" y="241"/>
                  <a:pt x="232" y="240"/>
                  <a:pt x="236" y="236"/>
                </a:cubicBezTo>
                <a:cubicBezTo>
                  <a:pt x="329" y="142"/>
                  <a:pt x="329" y="142"/>
                  <a:pt x="329" y="142"/>
                </a:cubicBezTo>
                <a:cubicBezTo>
                  <a:pt x="334" y="137"/>
                  <a:pt x="334" y="129"/>
                  <a:pt x="329" y="123"/>
                </a:cubicBezTo>
                <a:cubicBezTo>
                  <a:pt x="324" y="118"/>
                  <a:pt x="316" y="118"/>
                  <a:pt x="310" y="123"/>
                </a:cubicBezTo>
                <a:cubicBezTo>
                  <a:pt x="310" y="123"/>
                  <a:pt x="266" y="168"/>
                  <a:pt x="240" y="194"/>
                </a:cubicBezTo>
                <a:cubicBezTo>
                  <a:pt x="240" y="148"/>
                  <a:pt x="240" y="13"/>
                  <a:pt x="240" y="13"/>
                </a:cubicBezTo>
                <a:cubicBezTo>
                  <a:pt x="240" y="6"/>
                  <a:pt x="234" y="0"/>
                  <a:pt x="226" y="0"/>
                </a:cubicBezTo>
                <a:cubicBezTo>
                  <a:pt x="102" y="0"/>
                  <a:pt x="0" y="102"/>
                  <a:pt x="0" y="22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" name="Freeform 276"/>
          <p:cNvSpPr>
            <a:spLocks/>
          </p:cNvSpPr>
          <p:nvPr userDrawn="1"/>
        </p:nvSpPr>
        <p:spPr bwMode="auto">
          <a:xfrm>
            <a:off x="2561958" y="2991752"/>
            <a:ext cx="487362" cy="512763"/>
          </a:xfrm>
          <a:custGeom>
            <a:avLst/>
            <a:gdLst/>
            <a:ahLst/>
            <a:cxnLst>
              <a:cxn ang="0">
                <a:pos x="200" y="65"/>
              </a:cxn>
              <a:cxn ang="0">
                <a:pos x="239" y="94"/>
              </a:cxn>
              <a:cxn ang="0">
                <a:pos x="265" y="96"/>
              </a:cxn>
              <a:cxn ang="0">
                <a:pos x="265" y="104"/>
              </a:cxn>
              <a:cxn ang="0">
                <a:pos x="157" y="116"/>
              </a:cxn>
              <a:cxn ang="0">
                <a:pos x="163" y="64"/>
              </a:cxn>
              <a:cxn ang="0">
                <a:pos x="92" y="6"/>
              </a:cxn>
              <a:cxn ang="0">
                <a:pos x="82" y="55"/>
              </a:cxn>
              <a:cxn ang="0">
                <a:pos x="27" y="26"/>
              </a:cxn>
              <a:cxn ang="0">
                <a:pos x="2" y="100"/>
              </a:cxn>
              <a:cxn ang="0">
                <a:pos x="77" y="142"/>
              </a:cxn>
              <a:cxn ang="0">
                <a:pos x="24" y="391"/>
              </a:cxn>
              <a:cxn ang="0">
                <a:pos x="101" y="441"/>
              </a:cxn>
              <a:cxn ang="0">
                <a:pos x="212" y="304"/>
              </a:cxn>
              <a:cxn ang="0">
                <a:pos x="246" y="365"/>
              </a:cxn>
              <a:cxn ang="0">
                <a:pos x="243" y="394"/>
              </a:cxn>
              <a:cxn ang="0">
                <a:pos x="325" y="430"/>
              </a:cxn>
              <a:cxn ang="0">
                <a:pos x="322" y="400"/>
              </a:cxn>
              <a:cxn ang="0">
                <a:pos x="367" y="417"/>
              </a:cxn>
              <a:cxn ang="0">
                <a:pos x="408" y="371"/>
              </a:cxn>
              <a:cxn ang="0">
                <a:pos x="321" y="310"/>
              </a:cxn>
              <a:cxn ang="0">
                <a:pos x="339" y="140"/>
              </a:cxn>
              <a:cxn ang="0">
                <a:pos x="363" y="138"/>
              </a:cxn>
              <a:cxn ang="0">
                <a:pos x="336" y="114"/>
              </a:cxn>
              <a:cxn ang="0">
                <a:pos x="231" y="234"/>
              </a:cxn>
              <a:cxn ang="0">
                <a:pos x="343" y="339"/>
              </a:cxn>
              <a:cxn ang="0">
                <a:pos x="381" y="370"/>
              </a:cxn>
              <a:cxn ang="0">
                <a:pos x="324" y="368"/>
              </a:cxn>
              <a:cxn ang="0">
                <a:pos x="297" y="416"/>
              </a:cxn>
              <a:cxn ang="0">
                <a:pos x="270" y="391"/>
              </a:cxn>
              <a:cxn ang="0">
                <a:pos x="272" y="369"/>
              </a:cxn>
              <a:cxn ang="0">
                <a:pos x="277" y="348"/>
              </a:cxn>
              <a:cxn ang="0">
                <a:pos x="248" y="306"/>
              </a:cxn>
              <a:cxn ang="0">
                <a:pos x="201" y="274"/>
              </a:cxn>
              <a:cxn ang="0">
                <a:pos x="183" y="244"/>
              </a:cxn>
              <a:cxn ang="0">
                <a:pos x="94" y="121"/>
              </a:cxn>
              <a:cxn ang="0">
                <a:pos x="27" y="83"/>
              </a:cxn>
              <a:cxn ang="0">
                <a:pos x="97" y="78"/>
              </a:cxn>
              <a:cxn ang="0">
                <a:pos x="109" y="51"/>
              </a:cxn>
              <a:cxn ang="0">
                <a:pos x="136" y="65"/>
              </a:cxn>
              <a:cxn ang="0">
                <a:pos x="123" y="115"/>
              </a:cxn>
              <a:cxn ang="0">
                <a:pos x="196" y="205"/>
              </a:cxn>
              <a:cxn ang="0">
                <a:pos x="230" y="190"/>
              </a:cxn>
              <a:cxn ang="0">
                <a:pos x="295" y="101"/>
              </a:cxn>
              <a:cxn ang="0">
                <a:pos x="242" y="67"/>
              </a:cxn>
              <a:cxn ang="0">
                <a:pos x="373" y="95"/>
              </a:cxn>
              <a:cxn ang="0">
                <a:pos x="403" y="166"/>
              </a:cxn>
              <a:cxn ang="0">
                <a:pos x="432" y="159"/>
              </a:cxn>
              <a:cxn ang="0">
                <a:pos x="228" y="17"/>
              </a:cxn>
            </a:cxnLst>
            <a:rect l="0" t="0" r="r" b="b"/>
            <a:pathLst>
              <a:path w="432" h="454">
                <a:moveTo>
                  <a:pt x="228" y="17"/>
                </a:moveTo>
                <a:cubicBezTo>
                  <a:pt x="223" y="23"/>
                  <a:pt x="216" y="32"/>
                  <a:pt x="211" y="40"/>
                </a:cubicBezTo>
                <a:cubicBezTo>
                  <a:pt x="206" y="48"/>
                  <a:pt x="200" y="57"/>
                  <a:pt x="200" y="65"/>
                </a:cubicBezTo>
                <a:cubicBezTo>
                  <a:pt x="200" y="69"/>
                  <a:pt x="202" y="73"/>
                  <a:pt x="204" y="76"/>
                </a:cubicBezTo>
                <a:cubicBezTo>
                  <a:pt x="205" y="76"/>
                  <a:pt x="205" y="77"/>
                  <a:pt x="206" y="77"/>
                </a:cubicBezTo>
                <a:cubicBezTo>
                  <a:pt x="218" y="87"/>
                  <a:pt x="229" y="93"/>
                  <a:pt x="239" y="94"/>
                </a:cubicBezTo>
                <a:cubicBezTo>
                  <a:pt x="239" y="94"/>
                  <a:pt x="239" y="94"/>
                  <a:pt x="239" y="94"/>
                </a:cubicBezTo>
                <a:cubicBezTo>
                  <a:pt x="239" y="94"/>
                  <a:pt x="248" y="94"/>
                  <a:pt x="248" y="94"/>
                </a:cubicBezTo>
                <a:cubicBezTo>
                  <a:pt x="252" y="94"/>
                  <a:pt x="261" y="95"/>
                  <a:pt x="265" y="96"/>
                </a:cubicBezTo>
                <a:cubicBezTo>
                  <a:pt x="267" y="98"/>
                  <a:pt x="268" y="100"/>
                  <a:pt x="268" y="101"/>
                </a:cubicBezTo>
                <a:cubicBezTo>
                  <a:pt x="268" y="101"/>
                  <a:pt x="268" y="102"/>
                  <a:pt x="267" y="102"/>
                </a:cubicBezTo>
                <a:cubicBezTo>
                  <a:pt x="265" y="104"/>
                  <a:pt x="265" y="104"/>
                  <a:pt x="265" y="104"/>
                </a:cubicBezTo>
                <a:cubicBezTo>
                  <a:pt x="265" y="104"/>
                  <a:pt x="237" y="139"/>
                  <a:pt x="237" y="139"/>
                </a:cubicBezTo>
                <a:cubicBezTo>
                  <a:pt x="226" y="152"/>
                  <a:pt x="215" y="167"/>
                  <a:pt x="207" y="176"/>
                </a:cubicBezTo>
                <a:cubicBezTo>
                  <a:pt x="185" y="151"/>
                  <a:pt x="168" y="130"/>
                  <a:pt x="157" y="116"/>
                </a:cubicBezTo>
                <a:cubicBezTo>
                  <a:pt x="154" y="112"/>
                  <a:pt x="152" y="109"/>
                  <a:pt x="150" y="107"/>
                </a:cubicBezTo>
                <a:cubicBezTo>
                  <a:pt x="150" y="105"/>
                  <a:pt x="151" y="103"/>
                  <a:pt x="152" y="102"/>
                </a:cubicBezTo>
                <a:cubicBezTo>
                  <a:pt x="157" y="92"/>
                  <a:pt x="163" y="78"/>
                  <a:pt x="163" y="64"/>
                </a:cubicBezTo>
                <a:cubicBezTo>
                  <a:pt x="163" y="62"/>
                  <a:pt x="163" y="61"/>
                  <a:pt x="163" y="59"/>
                </a:cubicBezTo>
                <a:cubicBezTo>
                  <a:pt x="160" y="39"/>
                  <a:pt x="136" y="23"/>
                  <a:pt x="122" y="15"/>
                </a:cubicBezTo>
                <a:cubicBezTo>
                  <a:pt x="101" y="2"/>
                  <a:pt x="96" y="5"/>
                  <a:pt x="92" y="6"/>
                </a:cubicBezTo>
                <a:cubicBezTo>
                  <a:pt x="84" y="9"/>
                  <a:pt x="81" y="17"/>
                  <a:pt x="81" y="31"/>
                </a:cubicBezTo>
                <a:cubicBezTo>
                  <a:pt x="81" y="37"/>
                  <a:pt x="82" y="44"/>
                  <a:pt x="82" y="52"/>
                </a:cubicBezTo>
                <a:cubicBezTo>
                  <a:pt x="82" y="52"/>
                  <a:pt x="82" y="54"/>
                  <a:pt x="82" y="55"/>
                </a:cubicBezTo>
                <a:cubicBezTo>
                  <a:pt x="77" y="60"/>
                  <a:pt x="65" y="67"/>
                  <a:pt x="60" y="67"/>
                </a:cubicBezTo>
                <a:cubicBezTo>
                  <a:pt x="56" y="65"/>
                  <a:pt x="49" y="50"/>
                  <a:pt x="46" y="45"/>
                </a:cubicBezTo>
                <a:cubicBezTo>
                  <a:pt x="41" y="34"/>
                  <a:pt x="37" y="26"/>
                  <a:pt x="27" y="26"/>
                </a:cubicBezTo>
                <a:cubicBezTo>
                  <a:pt x="23" y="26"/>
                  <a:pt x="18" y="27"/>
                  <a:pt x="14" y="33"/>
                </a:cubicBezTo>
                <a:cubicBezTo>
                  <a:pt x="6" y="42"/>
                  <a:pt x="0" y="63"/>
                  <a:pt x="0" y="83"/>
                </a:cubicBezTo>
                <a:cubicBezTo>
                  <a:pt x="0" y="89"/>
                  <a:pt x="1" y="95"/>
                  <a:pt x="2" y="100"/>
                </a:cubicBezTo>
                <a:cubicBezTo>
                  <a:pt x="2" y="101"/>
                  <a:pt x="2" y="101"/>
                  <a:pt x="3" y="102"/>
                </a:cubicBezTo>
                <a:cubicBezTo>
                  <a:pt x="15" y="140"/>
                  <a:pt x="53" y="141"/>
                  <a:pt x="71" y="142"/>
                </a:cubicBezTo>
                <a:cubicBezTo>
                  <a:pt x="73" y="142"/>
                  <a:pt x="75" y="142"/>
                  <a:pt x="77" y="142"/>
                </a:cubicBezTo>
                <a:cubicBezTo>
                  <a:pt x="87" y="154"/>
                  <a:pt x="125" y="199"/>
                  <a:pt x="155" y="235"/>
                </a:cubicBezTo>
                <a:cubicBezTo>
                  <a:pt x="106" y="291"/>
                  <a:pt x="30" y="376"/>
                  <a:pt x="26" y="384"/>
                </a:cubicBezTo>
                <a:cubicBezTo>
                  <a:pt x="24" y="386"/>
                  <a:pt x="24" y="389"/>
                  <a:pt x="24" y="391"/>
                </a:cubicBezTo>
                <a:cubicBezTo>
                  <a:pt x="24" y="394"/>
                  <a:pt x="25" y="397"/>
                  <a:pt x="26" y="400"/>
                </a:cubicBezTo>
                <a:cubicBezTo>
                  <a:pt x="28" y="402"/>
                  <a:pt x="32" y="409"/>
                  <a:pt x="63" y="426"/>
                </a:cubicBezTo>
                <a:cubicBezTo>
                  <a:pt x="93" y="442"/>
                  <a:pt x="99" y="441"/>
                  <a:pt x="101" y="441"/>
                </a:cubicBezTo>
                <a:cubicBezTo>
                  <a:pt x="108" y="441"/>
                  <a:pt x="112" y="437"/>
                  <a:pt x="131" y="413"/>
                </a:cubicBezTo>
                <a:cubicBezTo>
                  <a:pt x="141" y="401"/>
                  <a:pt x="153" y="384"/>
                  <a:pt x="169" y="363"/>
                </a:cubicBezTo>
                <a:cubicBezTo>
                  <a:pt x="186" y="340"/>
                  <a:pt x="202" y="318"/>
                  <a:pt x="212" y="304"/>
                </a:cubicBezTo>
                <a:cubicBezTo>
                  <a:pt x="226" y="321"/>
                  <a:pt x="243" y="342"/>
                  <a:pt x="250" y="351"/>
                </a:cubicBezTo>
                <a:cubicBezTo>
                  <a:pt x="249" y="352"/>
                  <a:pt x="249" y="354"/>
                  <a:pt x="248" y="355"/>
                </a:cubicBezTo>
                <a:cubicBezTo>
                  <a:pt x="247" y="361"/>
                  <a:pt x="246" y="363"/>
                  <a:pt x="246" y="365"/>
                </a:cubicBezTo>
                <a:cubicBezTo>
                  <a:pt x="246" y="365"/>
                  <a:pt x="246" y="366"/>
                  <a:pt x="246" y="366"/>
                </a:cubicBezTo>
                <a:cubicBezTo>
                  <a:pt x="245" y="370"/>
                  <a:pt x="243" y="378"/>
                  <a:pt x="243" y="387"/>
                </a:cubicBezTo>
                <a:cubicBezTo>
                  <a:pt x="243" y="390"/>
                  <a:pt x="243" y="392"/>
                  <a:pt x="243" y="394"/>
                </a:cubicBezTo>
                <a:cubicBezTo>
                  <a:pt x="245" y="413"/>
                  <a:pt x="266" y="430"/>
                  <a:pt x="278" y="438"/>
                </a:cubicBezTo>
                <a:cubicBezTo>
                  <a:pt x="301" y="454"/>
                  <a:pt x="310" y="452"/>
                  <a:pt x="313" y="451"/>
                </a:cubicBezTo>
                <a:cubicBezTo>
                  <a:pt x="318" y="449"/>
                  <a:pt x="325" y="445"/>
                  <a:pt x="325" y="430"/>
                </a:cubicBezTo>
                <a:cubicBezTo>
                  <a:pt x="325" y="430"/>
                  <a:pt x="325" y="430"/>
                  <a:pt x="325" y="430"/>
                </a:cubicBezTo>
                <a:cubicBezTo>
                  <a:pt x="325" y="425"/>
                  <a:pt x="324" y="419"/>
                  <a:pt x="323" y="413"/>
                </a:cubicBezTo>
                <a:cubicBezTo>
                  <a:pt x="323" y="409"/>
                  <a:pt x="322" y="403"/>
                  <a:pt x="322" y="400"/>
                </a:cubicBezTo>
                <a:cubicBezTo>
                  <a:pt x="328" y="396"/>
                  <a:pt x="341" y="389"/>
                  <a:pt x="349" y="386"/>
                </a:cubicBezTo>
                <a:cubicBezTo>
                  <a:pt x="352" y="391"/>
                  <a:pt x="357" y="399"/>
                  <a:pt x="360" y="404"/>
                </a:cubicBezTo>
                <a:cubicBezTo>
                  <a:pt x="367" y="417"/>
                  <a:pt x="367" y="417"/>
                  <a:pt x="367" y="417"/>
                </a:cubicBezTo>
                <a:cubicBezTo>
                  <a:pt x="370" y="421"/>
                  <a:pt x="376" y="430"/>
                  <a:pt x="386" y="427"/>
                </a:cubicBezTo>
                <a:cubicBezTo>
                  <a:pt x="392" y="425"/>
                  <a:pt x="396" y="421"/>
                  <a:pt x="402" y="403"/>
                </a:cubicBezTo>
                <a:cubicBezTo>
                  <a:pt x="403" y="398"/>
                  <a:pt x="407" y="384"/>
                  <a:pt x="408" y="371"/>
                </a:cubicBezTo>
                <a:cubicBezTo>
                  <a:pt x="409" y="350"/>
                  <a:pt x="395" y="326"/>
                  <a:pt x="377" y="317"/>
                </a:cubicBezTo>
                <a:cubicBezTo>
                  <a:pt x="365" y="311"/>
                  <a:pt x="353" y="311"/>
                  <a:pt x="342" y="312"/>
                </a:cubicBezTo>
                <a:cubicBezTo>
                  <a:pt x="333" y="312"/>
                  <a:pt x="325" y="313"/>
                  <a:pt x="321" y="310"/>
                </a:cubicBezTo>
                <a:cubicBezTo>
                  <a:pt x="317" y="306"/>
                  <a:pt x="287" y="273"/>
                  <a:pt x="259" y="240"/>
                </a:cubicBezTo>
                <a:cubicBezTo>
                  <a:pt x="274" y="219"/>
                  <a:pt x="313" y="163"/>
                  <a:pt x="328" y="144"/>
                </a:cubicBezTo>
                <a:cubicBezTo>
                  <a:pt x="329" y="143"/>
                  <a:pt x="333" y="141"/>
                  <a:pt x="339" y="140"/>
                </a:cubicBezTo>
                <a:cubicBezTo>
                  <a:pt x="339" y="140"/>
                  <a:pt x="340" y="140"/>
                  <a:pt x="340" y="140"/>
                </a:cubicBezTo>
                <a:cubicBezTo>
                  <a:pt x="344" y="140"/>
                  <a:pt x="346" y="140"/>
                  <a:pt x="348" y="140"/>
                </a:cubicBezTo>
                <a:cubicBezTo>
                  <a:pt x="352" y="143"/>
                  <a:pt x="359" y="142"/>
                  <a:pt x="363" y="138"/>
                </a:cubicBezTo>
                <a:cubicBezTo>
                  <a:pt x="369" y="133"/>
                  <a:pt x="369" y="125"/>
                  <a:pt x="364" y="120"/>
                </a:cubicBezTo>
                <a:cubicBezTo>
                  <a:pt x="358" y="112"/>
                  <a:pt x="347" y="112"/>
                  <a:pt x="337" y="114"/>
                </a:cubicBezTo>
                <a:cubicBezTo>
                  <a:pt x="336" y="114"/>
                  <a:pt x="336" y="114"/>
                  <a:pt x="336" y="114"/>
                </a:cubicBezTo>
                <a:cubicBezTo>
                  <a:pt x="321" y="115"/>
                  <a:pt x="312" y="122"/>
                  <a:pt x="308" y="126"/>
                </a:cubicBezTo>
                <a:cubicBezTo>
                  <a:pt x="308" y="126"/>
                  <a:pt x="308" y="126"/>
                  <a:pt x="308" y="126"/>
                </a:cubicBezTo>
                <a:cubicBezTo>
                  <a:pt x="290" y="149"/>
                  <a:pt x="233" y="230"/>
                  <a:pt x="231" y="234"/>
                </a:cubicBezTo>
                <a:cubicBezTo>
                  <a:pt x="228" y="239"/>
                  <a:pt x="228" y="245"/>
                  <a:pt x="232" y="250"/>
                </a:cubicBezTo>
                <a:cubicBezTo>
                  <a:pt x="243" y="262"/>
                  <a:pt x="296" y="323"/>
                  <a:pt x="304" y="330"/>
                </a:cubicBezTo>
                <a:cubicBezTo>
                  <a:pt x="315" y="340"/>
                  <a:pt x="330" y="339"/>
                  <a:pt x="343" y="339"/>
                </a:cubicBezTo>
                <a:cubicBezTo>
                  <a:pt x="352" y="338"/>
                  <a:pt x="360" y="338"/>
                  <a:pt x="365" y="340"/>
                </a:cubicBezTo>
                <a:cubicBezTo>
                  <a:pt x="373" y="344"/>
                  <a:pt x="381" y="357"/>
                  <a:pt x="381" y="369"/>
                </a:cubicBezTo>
                <a:cubicBezTo>
                  <a:pt x="381" y="369"/>
                  <a:pt x="381" y="370"/>
                  <a:pt x="381" y="370"/>
                </a:cubicBezTo>
                <a:cubicBezTo>
                  <a:pt x="381" y="375"/>
                  <a:pt x="380" y="380"/>
                  <a:pt x="379" y="385"/>
                </a:cubicBezTo>
                <a:cubicBezTo>
                  <a:pt x="368" y="366"/>
                  <a:pt x="364" y="361"/>
                  <a:pt x="358" y="359"/>
                </a:cubicBezTo>
                <a:cubicBezTo>
                  <a:pt x="355" y="358"/>
                  <a:pt x="349" y="356"/>
                  <a:pt x="324" y="368"/>
                </a:cubicBezTo>
                <a:cubicBezTo>
                  <a:pt x="301" y="380"/>
                  <a:pt x="298" y="386"/>
                  <a:pt x="297" y="389"/>
                </a:cubicBezTo>
                <a:cubicBezTo>
                  <a:pt x="296" y="392"/>
                  <a:pt x="296" y="396"/>
                  <a:pt x="296" y="399"/>
                </a:cubicBezTo>
                <a:cubicBezTo>
                  <a:pt x="296" y="404"/>
                  <a:pt x="296" y="409"/>
                  <a:pt x="297" y="416"/>
                </a:cubicBezTo>
                <a:cubicBezTo>
                  <a:pt x="297" y="417"/>
                  <a:pt x="297" y="418"/>
                  <a:pt x="297" y="419"/>
                </a:cubicBezTo>
                <a:cubicBezTo>
                  <a:pt x="285" y="412"/>
                  <a:pt x="271" y="399"/>
                  <a:pt x="270" y="391"/>
                </a:cubicBezTo>
                <a:cubicBezTo>
                  <a:pt x="270" y="391"/>
                  <a:pt x="270" y="391"/>
                  <a:pt x="270" y="391"/>
                </a:cubicBezTo>
                <a:cubicBezTo>
                  <a:pt x="270" y="390"/>
                  <a:pt x="270" y="388"/>
                  <a:pt x="270" y="387"/>
                </a:cubicBezTo>
                <a:cubicBezTo>
                  <a:pt x="270" y="381"/>
                  <a:pt x="271" y="375"/>
                  <a:pt x="272" y="372"/>
                </a:cubicBezTo>
                <a:cubicBezTo>
                  <a:pt x="272" y="372"/>
                  <a:pt x="272" y="369"/>
                  <a:pt x="272" y="369"/>
                </a:cubicBezTo>
                <a:cubicBezTo>
                  <a:pt x="272" y="369"/>
                  <a:pt x="272" y="369"/>
                  <a:pt x="272" y="369"/>
                </a:cubicBezTo>
                <a:cubicBezTo>
                  <a:pt x="274" y="363"/>
                  <a:pt x="274" y="363"/>
                  <a:pt x="274" y="363"/>
                </a:cubicBezTo>
                <a:cubicBezTo>
                  <a:pt x="277" y="353"/>
                  <a:pt x="277" y="350"/>
                  <a:pt x="277" y="348"/>
                </a:cubicBezTo>
                <a:cubicBezTo>
                  <a:pt x="277" y="348"/>
                  <a:pt x="277" y="348"/>
                  <a:pt x="277" y="347"/>
                </a:cubicBezTo>
                <a:cubicBezTo>
                  <a:pt x="277" y="343"/>
                  <a:pt x="277" y="342"/>
                  <a:pt x="266" y="329"/>
                </a:cubicBezTo>
                <a:cubicBezTo>
                  <a:pt x="248" y="306"/>
                  <a:pt x="248" y="306"/>
                  <a:pt x="248" y="306"/>
                </a:cubicBezTo>
                <a:cubicBezTo>
                  <a:pt x="222" y="273"/>
                  <a:pt x="222" y="273"/>
                  <a:pt x="222" y="273"/>
                </a:cubicBezTo>
                <a:cubicBezTo>
                  <a:pt x="219" y="270"/>
                  <a:pt x="215" y="268"/>
                  <a:pt x="211" y="268"/>
                </a:cubicBezTo>
                <a:cubicBezTo>
                  <a:pt x="207" y="268"/>
                  <a:pt x="203" y="270"/>
                  <a:pt x="201" y="274"/>
                </a:cubicBezTo>
                <a:cubicBezTo>
                  <a:pt x="159" y="331"/>
                  <a:pt x="112" y="395"/>
                  <a:pt x="97" y="413"/>
                </a:cubicBezTo>
                <a:cubicBezTo>
                  <a:pt x="86" y="408"/>
                  <a:pt x="65" y="397"/>
                  <a:pt x="55" y="390"/>
                </a:cubicBezTo>
                <a:cubicBezTo>
                  <a:pt x="75" y="365"/>
                  <a:pt x="141" y="291"/>
                  <a:pt x="183" y="244"/>
                </a:cubicBezTo>
                <a:cubicBezTo>
                  <a:pt x="185" y="241"/>
                  <a:pt x="186" y="238"/>
                  <a:pt x="186" y="235"/>
                </a:cubicBezTo>
                <a:cubicBezTo>
                  <a:pt x="186" y="232"/>
                  <a:pt x="185" y="229"/>
                  <a:pt x="183" y="226"/>
                </a:cubicBezTo>
                <a:cubicBezTo>
                  <a:pt x="174" y="216"/>
                  <a:pt x="97" y="125"/>
                  <a:pt x="94" y="121"/>
                </a:cubicBezTo>
                <a:cubicBezTo>
                  <a:pt x="89" y="115"/>
                  <a:pt x="81" y="115"/>
                  <a:pt x="72" y="115"/>
                </a:cubicBezTo>
                <a:cubicBezTo>
                  <a:pt x="52" y="114"/>
                  <a:pt x="35" y="112"/>
                  <a:pt x="28" y="94"/>
                </a:cubicBezTo>
                <a:cubicBezTo>
                  <a:pt x="27" y="90"/>
                  <a:pt x="27" y="87"/>
                  <a:pt x="27" y="83"/>
                </a:cubicBezTo>
                <a:cubicBezTo>
                  <a:pt x="27" y="78"/>
                  <a:pt x="28" y="73"/>
                  <a:pt x="28" y="68"/>
                </a:cubicBezTo>
                <a:cubicBezTo>
                  <a:pt x="35" y="81"/>
                  <a:pt x="44" y="92"/>
                  <a:pt x="56" y="94"/>
                </a:cubicBezTo>
                <a:cubicBezTo>
                  <a:pt x="73" y="96"/>
                  <a:pt x="92" y="82"/>
                  <a:pt x="97" y="78"/>
                </a:cubicBezTo>
                <a:cubicBezTo>
                  <a:pt x="105" y="71"/>
                  <a:pt x="109" y="66"/>
                  <a:pt x="109" y="60"/>
                </a:cubicBezTo>
                <a:cubicBezTo>
                  <a:pt x="109" y="59"/>
                  <a:pt x="109" y="59"/>
                  <a:pt x="109" y="59"/>
                </a:cubicBezTo>
                <a:cubicBezTo>
                  <a:pt x="109" y="57"/>
                  <a:pt x="109" y="55"/>
                  <a:pt x="109" y="51"/>
                </a:cubicBezTo>
                <a:cubicBezTo>
                  <a:pt x="109" y="48"/>
                  <a:pt x="108" y="43"/>
                  <a:pt x="108" y="38"/>
                </a:cubicBezTo>
                <a:cubicBezTo>
                  <a:pt x="120" y="45"/>
                  <a:pt x="135" y="56"/>
                  <a:pt x="136" y="63"/>
                </a:cubicBezTo>
                <a:cubicBezTo>
                  <a:pt x="136" y="63"/>
                  <a:pt x="136" y="64"/>
                  <a:pt x="136" y="65"/>
                </a:cubicBezTo>
                <a:cubicBezTo>
                  <a:pt x="136" y="72"/>
                  <a:pt x="131" y="83"/>
                  <a:pt x="128" y="91"/>
                </a:cubicBezTo>
                <a:cubicBezTo>
                  <a:pt x="124" y="98"/>
                  <a:pt x="121" y="104"/>
                  <a:pt x="121" y="109"/>
                </a:cubicBezTo>
                <a:cubicBezTo>
                  <a:pt x="121" y="111"/>
                  <a:pt x="122" y="113"/>
                  <a:pt x="123" y="115"/>
                </a:cubicBezTo>
                <a:cubicBezTo>
                  <a:pt x="124" y="118"/>
                  <a:pt x="125" y="120"/>
                  <a:pt x="127" y="121"/>
                </a:cubicBezTo>
                <a:cubicBezTo>
                  <a:pt x="129" y="123"/>
                  <a:pt x="132" y="128"/>
                  <a:pt x="136" y="133"/>
                </a:cubicBezTo>
                <a:cubicBezTo>
                  <a:pt x="149" y="149"/>
                  <a:pt x="170" y="175"/>
                  <a:pt x="196" y="205"/>
                </a:cubicBezTo>
                <a:cubicBezTo>
                  <a:pt x="199" y="208"/>
                  <a:pt x="203" y="210"/>
                  <a:pt x="207" y="210"/>
                </a:cubicBezTo>
                <a:cubicBezTo>
                  <a:pt x="213" y="210"/>
                  <a:pt x="216" y="206"/>
                  <a:pt x="221" y="201"/>
                </a:cubicBezTo>
                <a:cubicBezTo>
                  <a:pt x="230" y="190"/>
                  <a:pt x="230" y="190"/>
                  <a:pt x="230" y="190"/>
                </a:cubicBezTo>
                <a:cubicBezTo>
                  <a:pt x="286" y="121"/>
                  <a:pt x="286" y="121"/>
                  <a:pt x="286" y="121"/>
                </a:cubicBezTo>
                <a:cubicBezTo>
                  <a:pt x="286" y="121"/>
                  <a:pt x="287" y="120"/>
                  <a:pt x="287" y="120"/>
                </a:cubicBezTo>
                <a:cubicBezTo>
                  <a:pt x="292" y="114"/>
                  <a:pt x="295" y="108"/>
                  <a:pt x="295" y="101"/>
                </a:cubicBezTo>
                <a:cubicBezTo>
                  <a:pt x="295" y="93"/>
                  <a:pt x="291" y="85"/>
                  <a:pt x="283" y="75"/>
                </a:cubicBezTo>
                <a:cubicBezTo>
                  <a:pt x="279" y="70"/>
                  <a:pt x="273" y="69"/>
                  <a:pt x="249" y="68"/>
                </a:cubicBezTo>
                <a:cubicBezTo>
                  <a:pt x="242" y="67"/>
                  <a:pt x="242" y="67"/>
                  <a:pt x="242" y="67"/>
                </a:cubicBezTo>
                <a:cubicBezTo>
                  <a:pt x="240" y="67"/>
                  <a:pt x="236" y="66"/>
                  <a:pt x="229" y="61"/>
                </a:cubicBezTo>
                <a:cubicBezTo>
                  <a:pt x="234" y="52"/>
                  <a:pt x="245" y="37"/>
                  <a:pt x="252" y="31"/>
                </a:cubicBezTo>
                <a:cubicBezTo>
                  <a:pt x="274" y="41"/>
                  <a:pt x="356" y="81"/>
                  <a:pt x="373" y="95"/>
                </a:cubicBezTo>
                <a:cubicBezTo>
                  <a:pt x="389" y="108"/>
                  <a:pt x="406" y="147"/>
                  <a:pt x="406" y="158"/>
                </a:cubicBezTo>
                <a:cubicBezTo>
                  <a:pt x="406" y="158"/>
                  <a:pt x="406" y="158"/>
                  <a:pt x="406" y="158"/>
                </a:cubicBezTo>
                <a:cubicBezTo>
                  <a:pt x="404" y="161"/>
                  <a:pt x="403" y="163"/>
                  <a:pt x="403" y="166"/>
                </a:cubicBezTo>
                <a:cubicBezTo>
                  <a:pt x="403" y="169"/>
                  <a:pt x="404" y="172"/>
                  <a:pt x="406" y="174"/>
                </a:cubicBezTo>
                <a:cubicBezTo>
                  <a:pt x="411" y="180"/>
                  <a:pt x="419" y="181"/>
                  <a:pt x="425" y="176"/>
                </a:cubicBezTo>
                <a:cubicBezTo>
                  <a:pt x="428" y="174"/>
                  <a:pt x="432" y="168"/>
                  <a:pt x="432" y="159"/>
                </a:cubicBezTo>
                <a:cubicBezTo>
                  <a:pt x="432" y="136"/>
                  <a:pt x="410" y="91"/>
                  <a:pt x="390" y="75"/>
                </a:cubicBezTo>
                <a:cubicBezTo>
                  <a:pt x="368" y="56"/>
                  <a:pt x="264" y="7"/>
                  <a:pt x="255" y="4"/>
                </a:cubicBezTo>
                <a:cubicBezTo>
                  <a:pt x="245" y="0"/>
                  <a:pt x="236" y="8"/>
                  <a:pt x="228" y="1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" name="Freeform 280"/>
          <p:cNvSpPr>
            <a:spLocks noEditPoints="1"/>
          </p:cNvSpPr>
          <p:nvPr userDrawn="1"/>
        </p:nvSpPr>
        <p:spPr bwMode="auto">
          <a:xfrm>
            <a:off x="2546083" y="1762823"/>
            <a:ext cx="519113" cy="482600"/>
          </a:xfrm>
          <a:custGeom>
            <a:avLst/>
            <a:gdLst/>
            <a:ahLst/>
            <a:cxnLst>
              <a:cxn ang="0">
                <a:pos x="183" y="15"/>
              </a:cxn>
              <a:cxn ang="0">
                <a:pos x="122" y="174"/>
              </a:cxn>
              <a:cxn ang="0">
                <a:pos x="122" y="182"/>
              </a:cxn>
              <a:cxn ang="0">
                <a:pos x="80" y="200"/>
              </a:cxn>
              <a:cxn ang="0">
                <a:pos x="15" y="261"/>
              </a:cxn>
              <a:cxn ang="0">
                <a:pos x="14" y="267"/>
              </a:cxn>
              <a:cxn ang="0">
                <a:pos x="22" y="279"/>
              </a:cxn>
              <a:cxn ang="0">
                <a:pos x="39" y="272"/>
              </a:cxn>
              <a:cxn ang="0">
                <a:pos x="123" y="210"/>
              </a:cxn>
              <a:cxn ang="0">
                <a:pos x="124" y="216"/>
              </a:cxn>
              <a:cxn ang="0">
                <a:pos x="200" y="360"/>
              </a:cxn>
              <a:cxn ang="0">
                <a:pos x="201" y="361"/>
              </a:cxn>
              <a:cxn ang="0">
                <a:pos x="154" y="383"/>
              </a:cxn>
              <a:cxn ang="0">
                <a:pos x="28" y="328"/>
              </a:cxn>
              <a:cxn ang="0">
                <a:pos x="12" y="319"/>
              </a:cxn>
              <a:cxn ang="0">
                <a:pos x="2" y="335"/>
              </a:cxn>
              <a:cxn ang="0">
                <a:pos x="33" y="382"/>
              </a:cxn>
              <a:cxn ang="0">
                <a:pos x="159" y="409"/>
              </a:cxn>
              <a:cxn ang="0">
                <a:pos x="224" y="377"/>
              </a:cxn>
              <a:cxn ang="0">
                <a:pos x="297" y="411"/>
              </a:cxn>
              <a:cxn ang="0">
                <a:pos x="297" y="410"/>
              </a:cxn>
              <a:cxn ang="0">
                <a:pos x="448" y="372"/>
              </a:cxn>
              <a:cxn ang="0">
                <a:pos x="461" y="330"/>
              </a:cxn>
              <a:cxn ang="0">
                <a:pos x="426" y="252"/>
              </a:cxn>
              <a:cxn ang="0">
                <a:pos x="327" y="181"/>
              </a:cxn>
              <a:cxn ang="0">
                <a:pos x="328" y="167"/>
              </a:cxn>
              <a:cxn ang="0">
                <a:pos x="317" y="94"/>
              </a:cxn>
              <a:cxn ang="0">
                <a:pos x="266" y="20"/>
              </a:cxn>
              <a:cxn ang="0">
                <a:pos x="183" y="15"/>
              </a:cxn>
              <a:cxn ang="0">
                <a:pos x="196" y="38"/>
              </a:cxn>
              <a:cxn ang="0">
                <a:pos x="251" y="42"/>
              </a:cxn>
              <a:cxn ang="0">
                <a:pos x="301" y="167"/>
              </a:cxn>
              <a:cxn ang="0">
                <a:pos x="301" y="172"/>
              </a:cxn>
              <a:cxn ang="0">
                <a:pos x="188" y="166"/>
              </a:cxn>
              <a:cxn ang="0">
                <a:pos x="148" y="174"/>
              </a:cxn>
              <a:cxn ang="0">
                <a:pos x="196" y="38"/>
              </a:cxn>
              <a:cxn ang="0">
                <a:pos x="191" y="192"/>
              </a:cxn>
              <a:cxn ang="0">
                <a:pos x="299" y="199"/>
              </a:cxn>
              <a:cxn ang="0">
                <a:pos x="297" y="213"/>
              </a:cxn>
              <a:cxn ang="0">
                <a:pos x="224" y="345"/>
              </a:cxn>
              <a:cxn ang="0">
                <a:pos x="217" y="339"/>
              </a:cxn>
              <a:cxn ang="0">
                <a:pos x="150" y="214"/>
              </a:cxn>
              <a:cxn ang="0">
                <a:pos x="149" y="201"/>
              </a:cxn>
              <a:cxn ang="0">
                <a:pos x="191" y="192"/>
              </a:cxn>
              <a:cxn ang="0">
                <a:pos x="323" y="217"/>
              </a:cxn>
              <a:cxn ang="0">
                <a:pos x="325" y="208"/>
              </a:cxn>
              <a:cxn ang="0">
                <a:pos x="405" y="269"/>
              </a:cxn>
              <a:cxn ang="0">
                <a:pos x="405" y="269"/>
              </a:cxn>
              <a:cxn ang="0">
                <a:pos x="434" y="330"/>
              </a:cxn>
              <a:cxn ang="0">
                <a:pos x="426" y="357"/>
              </a:cxn>
              <a:cxn ang="0">
                <a:pos x="305" y="385"/>
              </a:cxn>
              <a:cxn ang="0">
                <a:pos x="304" y="385"/>
              </a:cxn>
              <a:cxn ang="0">
                <a:pos x="246" y="360"/>
              </a:cxn>
              <a:cxn ang="0">
                <a:pos x="323" y="217"/>
              </a:cxn>
              <a:cxn ang="0">
                <a:pos x="426" y="252"/>
              </a:cxn>
              <a:cxn ang="0">
                <a:pos x="426" y="252"/>
              </a:cxn>
              <a:cxn ang="0">
                <a:pos x="426" y="252"/>
              </a:cxn>
              <a:cxn ang="0">
                <a:pos x="426" y="252"/>
              </a:cxn>
              <a:cxn ang="0">
                <a:pos x="159" y="409"/>
              </a:cxn>
              <a:cxn ang="0">
                <a:pos x="159" y="409"/>
              </a:cxn>
              <a:cxn ang="0">
                <a:pos x="159" y="409"/>
              </a:cxn>
              <a:cxn ang="0">
                <a:pos x="159" y="409"/>
              </a:cxn>
            </a:cxnLst>
            <a:rect l="0" t="0" r="r" b="b"/>
            <a:pathLst>
              <a:path w="461" h="429">
                <a:moveTo>
                  <a:pt x="183" y="15"/>
                </a:moveTo>
                <a:cubicBezTo>
                  <a:pt x="143" y="38"/>
                  <a:pt x="122" y="95"/>
                  <a:pt x="122" y="174"/>
                </a:cubicBezTo>
                <a:cubicBezTo>
                  <a:pt x="122" y="177"/>
                  <a:pt x="122" y="179"/>
                  <a:pt x="122" y="182"/>
                </a:cubicBezTo>
                <a:cubicBezTo>
                  <a:pt x="107" y="187"/>
                  <a:pt x="93" y="193"/>
                  <a:pt x="80" y="200"/>
                </a:cubicBezTo>
                <a:cubicBezTo>
                  <a:pt x="48" y="217"/>
                  <a:pt x="25" y="239"/>
                  <a:pt x="15" y="261"/>
                </a:cubicBezTo>
                <a:cubicBezTo>
                  <a:pt x="14" y="263"/>
                  <a:pt x="14" y="265"/>
                  <a:pt x="14" y="267"/>
                </a:cubicBezTo>
                <a:cubicBezTo>
                  <a:pt x="14" y="272"/>
                  <a:pt x="17" y="276"/>
                  <a:pt x="22" y="279"/>
                </a:cubicBezTo>
                <a:cubicBezTo>
                  <a:pt x="28" y="282"/>
                  <a:pt x="36" y="279"/>
                  <a:pt x="39" y="272"/>
                </a:cubicBezTo>
                <a:cubicBezTo>
                  <a:pt x="50" y="248"/>
                  <a:pt x="82" y="225"/>
                  <a:pt x="123" y="210"/>
                </a:cubicBezTo>
                <a:cubicBezTo>
                  <a:pt x="123" y="212"/>
                  <a:pt x="123" y="214"/>
                  <a:pt x="124" y="216"/>
                </a:cubicBezTo>
                <a:cubicBezTo>
                  <a:pt x="128" y="274"/>
                  <a:pt x="154" y="322"/>
                  <a:pt x="200" y="360"/>
                </a:cubicBezTo>
                <a:cubicBezTo>
                  <a:pt x="200" y="360"/>
                  <a:pt x="201" y="360"/>
                  <a:pt x="201" y="361"/>
                </a:cubicBezTo>
                <a:cubicBezTo>
                  <a:pt x="175" y="377"/>
                  <a:pt x="155" y="382"/>
                  <a:pt x="154" y="383"/>
                </a:cubicBezTo>
                <a:cubicBezTo>
                  <a:pt x="51" y="402"/>
                  <a:pt x="29" y="331"/>
                  <a:pt x="28" y="328"/>
                </a:cubicBezTo>
                <a:cubicBezTo>
                  <a:pt x="26" y="321"/>
                  <a:pt x="19" y="317"/>
                  <a:pt x="12" y="319"/>
                </a:cubicBezTo>
                <a:cubicBezTo>
                  <a:pt x="5" y="321"/>
                  <a:pt x="0" y="328"/>
                  <a:pt x="2" y="335"/>
                </a:cubicBezTo>
                <a:cubicBezTo>
                  <a:pt x="3" y="336"/>
                  <a:pt x="10" y="361"/>
                  <a:pt x="33" y="382"/>
                </a:cubicBezTo>
                <a:cubicBezTo>
                  <a:pt x="54" y="401"/>
                  <a:pt x="93" y="421"/>
                  <a:pt x="159" y="409"/>
                </a:cubicBezTo>
                <a:cubicBezTo>
                  <a:pt x="164" y="408"/>
                  <a:pt x="192" y="399"/>
                  <a:pt x="224" y="377"/>
                </a:cubicBezTo>
                <a:cubicBezTo>
                  <a:pt x="257" y="398"/>
                  <a:pt x="287" y="408"/>
                  <a:pt x="297" y="411"/>
                </a:cubicBezTo>
                <a:cubicBezTo>
                  <a:pt x="297" y="411"/>
                  <a:pt x="297" y="410"/>
                  <a:pt x="297" y="410"/>
                </a:cubicBezTo>
                <a:cubicBezTo>
                  <a:pt x="355" y="429"/>
                  <a:pt x="422" y="412"/>
                  <a:pt x="448" y="372"/>
                </a:cubicBezTo>
                <a:cubicBezTo>
                  <a:pt x="454" y="362"/>
                  <a:pt x="461" y="348"/>
                  <a:pt x="461" y="330"/>
                </a:cubicBezTo>
                <a:cubicBezTo>
                  <a:pt x="461" y="309"/>
                  <a:pt x="453" y="283"/>
                  <a:pt x="426" y="252"/>
                </a:cubicBezTo>
                <a:cubicBezTo>
                  <a:pt x="399" y="219"/>
                  <a:pt x="366" y="196"/>
                  <a:pt x="327" y="181"/>
                </a:cubicBezTo>
                <a:cubicBezTo>
                  <a:pt x="327" y="176"/>
                  <a:pt x="328" y="172"/>
                  <a:pt x="328" y="167"/>
                </a:cubicBezTo>
                <a:cubicBezTo>
                  <a:pt x="328" y="141"/>
                  <a:pt x="324" y="116"/>
                  <a:pt x="317" y="94"/>
                </a:cubicBezTo>
                <a:cubicBezTo>
                  <a:pt x="306" y="62"/>
                  <a:pt x="288" y="35"/>
                  <a:pt x="266" y="20"/>
                </a:cubicBezTo>
                <a:cubicBezTo>
                  <a:pt x="239" y="1"/>
                  <a:pt x="209" y="0"/>
                  <a:pt x="183" y="15"/>
                </a:cubicBezTo>
                <a:close/>
                <a:moveTo>
                  <a:pt x="196" y="38"/>
                </a:moveTo>
                <a:cubicBezTo>
                  <a:pt x="213" y="28"/>
                  <a:pt x="232" y="29"/>
                  <a:pt x="251" y="42"/>
                </a:cubicBezTo>
                <a:cubicBezTo>
                  <a:pt x="276" y="59"/>
                  <a:pt x="301" y="101"/>
                  <a:pt x="301" y="167"/>
                </a:cubicBezTo>
                <a:cubicBezTo>
                  <a:pt x="301" y="168"/>
                  <a:pt x="301" y="170"/>
                  <a:pt x="301" y="172"/>
                </a:cubicBezTo>
                <a:cubicBezTo>
                  <a:pt x="266" y="163"/>
                  <a:pt x="227" y="161"/>
                  <a:pt x="188" y="166"/>
                </a:cubicBezTo>
                <a:cubicBezTo>
                  <a:pt x="175" y="168"/>
                  <a:pt x="161" y="170"/>
                  <a:pt x="148" y="174"/>
                </a:cubicBezTo>
                <a:cubicBezTo>
                  <a:pt x="148" y="105"/>
                  <a:pt x="165" y="56"/>
                  <a:pt x="196" y="38"/>
                </a:cubicBezTo>
                <a:close/>
                <a:moveTo>
                  <a:pt x="191" y="192"/>
                </a:moveTo>
                <a:cubicBezTo>
                  <a:pt x="229" y="188"/>
                  <a:pt x="266" y="190"/>
                  <a:pt x="299" y="199"/>
                </a:cubicBezTo>
                <a:cubicBezTo>
                  <a:pt x="298" y="204"/>
                  <a:pt x="298" y="208"/>
                  <a:pt x="297" y="213"/>
                </a:cubicBezTo>
                <a:cubicBezTo>
                  <a:pt x="287" y="278"/>
                  <a:pt x="255" y="319"/>
                  <a:pt x="224" y="345"/>
                </a:cubicBezTo>
                <a:cubicBezTo>
                  <a:pt x="221" y="343"/>
                  <a:pt x="219" y="341"/>
                  <a:pt x="217" y="339"/>
                </a:cubicBezTo>
                <a:cubicBezTo>
                  <a:pt x="177" y="306"/>
                  <a:pt x="154" y="264"/>
                  <a:pt x="150" y="214"/>
                </a:cubicBezTo>
                <a:cubicBezTo>
                  <a:pt x="150" y="209"/>
                  <a:pt x="150" y="205"/>
                  <a:pt x="149" y="201"/>
                </a:cubicBezTo>
                <a:cubicBezTo>
                  <a:pt x="163" y="197"/>
                  <a:pt x="177" y="194"/>
                  <a:pt x="191" y="192"/>
                </a:cubicBezTo>
                <a:close/>
                <a:moveTo>
                  <a:pt x="323" y="217"/>
                </a:moveTo>
                <a:cubicBezTo>
                  <a:pt x="324" y="214"/>
                  <a:pt x="324" y="211"/>
                  <a:pt x="325" y="208"/>
                </a:cubicBezTo>
                <a:cubicBezTo>
                  <a:pt x="356" y="222"/>
                  <a:pt x="383" y="242"/>
                  <a:pt x="405" y="269"/>
                </a:cubicBezTo>
                <a:cubicBezTo>
                  <a:pt x="405" y="269"/>
                  <a:pt x="405" y="269"/>
                  <a:pt x="405" y="269"/>
                </a:cubicBezTo>
                <a:cubicBezTo>
                  <a:pt x="424" y="291"/>
                  <a:pt x="434" y="312"/>
                  <a:pt x="434" y="330"/>
                </a:cubicBezTo>
                <a:cubicBezTo>
                  <a:pt x="434" y="340"/>
                  <a:pt x="431" y="349"/>
                  <a:pt x="426" y="357"/>
                </a:cubicBezTo>
                <a:cubicBezTo>
                  <a:pt x="406" y="387"/>
                  <a:pt x="352" y="400"/>
                  <a:pt x="305" y="385"/>
                </a:cubicBezTo>
                <a:cubicBezTo>
                  <a:pt x="305" y="385"/>
                  <a:pt x="305" y="385"/>
                  <a:pt x="304" y="385"/>
                </a:cubicBezTo>
                <a:cubicBezTo>
                  <a:pt x="296" y="383"/>
                  <a:pt x="273" y="375"/>
                  <a:pt x="246" y="360"/>
                </a:cubicBezTo>
                <a:cubicBezTo>
                  <a:pt x="277" y="332"/>
                  <a:pt x="312" y="287"/>
                  <a:pt x="323" y="217"/>
                </a:cubicBezTo>
                <a:close/>
                <a:moveTo>
                  <a:pt x="426" y="252"/>
                </a:moveTo>
                <a:cubicBezTo>
                  <a:pt x="426" y="252"/>
                  <a:pt x="426" y="252"/>
                  <a:pt x="426" y="252"/>
                </a:cubicBezTo>
                <a:cubicBezTo>
                  <a:pt x="426" y="252"/>
                  <a:pt x="426" y="252"/>
                  <a:pt x="426" y="252"/>
                </a:cubicBezTo>
                <a:cubicBezTo>
                  <a:pt x="426" y="252"/>
                  <a:pt x="426" y="252"/>
                  <a:pt x="426" y="252"/>
                </a:cubicBezTo>
                <a:close/>
                <a:moveTo>
                  <a:pt x="159" y="409"/>
                </a:moveTo>
                <a:cubicBezTo>
                  <a:pt x="159" y="409"/>
                  <a:pt x="159" y="409"/>
                  <a:pt x="159" y="409"/>
                </a:cubicBezTo>
                <a:cubicBezTo>
                  <a:pt x="159" y="409"/>
                  <a:pt x="159" y="409"/>
                  <a:pt x="159" y="409"/>
                </a:cubicBezTo>
                <a:cubicBezTo>
                  <a:pt x="159" y="409"/>
                  <a:pt x="159" y="409"/>
                  <a:pt x="159" y="40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" name="Freeform 316"/>
          <p:cNvSpPr>
            <a:spLocks/>
          </p:cNvSpPr>
          <p:nvPr userDrawn="1"/>
        </p:nvSpPr>
        <p:spPr bwMode="auto">
          <a:xfrm>
            <a:off x="2542114" y="5070678"/>
            <a:ext cx="527050" cy="504825"/>
          </a:xfrm>
          <a:custGeom>
            <a:avLst/>
            <a:gdLst/>
            <a:ahLst/>
            <a:cxnLst>
              <a:cxn ang="0">
                <a:pos x="233" y="0"/>
              </a:cxn>
              <a:cxn ang="0">
                <a:pos x="208" y="19"/>
              </a:cxn>
              <a:cxn ang="0">
                <a:pos x="153" y="130"/>
              </a:cxn>
              <a:cxn ang="0">
                <a:pos x="146" y="135"/>
              </a:cxn>
              <a:cxn ang="0">
                <a:pos x="106" y="141"/>
              </a:cxn>
              <a:cxn ang="0">
                <a:pos x="25" y="153"/>
              </a:cxn>
              <a:cxn ang="0">
                <a:pos x="3" y="170"/>
              </a:cxn>
              <a:cxn ang="0">
                <a:pos x="13" y="202"/>
              </a:cxn>
              <a:cxn ang="0">
                <a:pos x="52" y="239"/>
              </a:cxn>
              <a:cxn ang="0">
                <a:pos x="82" y="268"/>
              </a:cxn>
              <a:cxn ang="0">
                <a:pos x="100" y="268"/>
              </a:cxn>
              <a:cxn ang="0">
                <a:pos x="104" y="259"/>
              </a:cxn>
              <a:cxn ang="0">
                <a:pos x="100" y="249"/>
              </a:cxn>
              <a:cxn ang="0">
                <a:pos x="70" y="220"/>
              </a:cxn>
              <a:cxn ang="0">
                <a:pos x="32" y="183"/>
              </a:cxn>
              <a:cxn ang="0">
                <a:pos x="29" y="179"/>
              </a:cxn>
              <a:cxn ang="0">
                <a:pos x="110" y="167"/>
              </a:cxn>
              <a:cxn ang="0">
                <a:pos x="150" y="161"/>
              </a:cxn>
              <a:cxn ang="0">
                <a:pos x="177" y="142"/>
              </a:cxn>
              <a:cxn ang="0">
                <a:pos x="232" y="31"/>
              </a:cxn>
              <a:cxn ang="0">
                <a:pos x="233" y="29"/>
              </a:cxn>
              <a:cxn ang="0">
                <a:pos x="234" y="31"/>
              </a:cxn>
              <a:cxn ang="0">
                <a:pos x="289" y="143"/>
              </a:cxn>
              <a:cxn ang="0">
                <a:pos x="314" y="161"/>
              </a:cxn>
              <a:cxn ang="0">
                <a:pos x="435" y="178"/>
              </a:cxn>
              <a:cxn ang="0">
                <a:pos x="437" y="179"/>
              </a:cxn>
              <a:cxn ang="0">
                <a:pos x="435" y="181"/>
              </a:cxn>
              <a:cxn ang="0">
                <a:pos x="347" y="268"/>
              </a:cxn>
              <a:cxn ang="0">
                <a:pos x="338" y="290"/>
              </a:cxn>
              <a:cxn ang="0">
                <a:pos x="339" y="294"/>
              </a:cxn>
              <a:cxn ang="0">
                <a:pos x="360" y="415"/>
              </a:cxn>
              <a:cxn ang="0">
                <a:pos x="360" y="417"/>
              </a:cxn>
              <a:cxn ang="0">
                <a:pos x="359" y="420"/>
              </a:cxn>
              <a:cxn ang="0">
                <a:pos x="355" y="418"/>
              </a:cxn>
              <a:cxn ang="0">
                <a:pos x="249" y="363"/>
              </a:cxn>
              <a:cxn ang="0">
                <a:pos x="217" y="363"/>
              </a:cxn>
              <a:cxn ang="0">
                <a:pos x="110" y="418"/>
              </a:cxn>
              <a:cxn ang="0">
                <a:pos x="105" y="420"/>
              </a:cxn>
              <a:cxn ang="0">
                <a:pos x="105" y="420"/>
              </a:cxn>
              <a:cxn ang="0">
                <a:pos x="106" y="417"/>
              </a:cxn>
              <a:cxn ang="0">
                <a:pos x="122" y="324"/>
              </a:cxn>
              <a:cxn ang="0">
                <a:pos x="122" y="322"/>
              </a:cxn>
              <a:cxn ang="0">
                <a:pos x="111" y="309"/>
              </a:cxn>
              <a:cxn ang="0">
                <a:pos x="96" y="320"/>
              </a:cxn>
              <a:cxn ang="0">
                <a:pos x="79" y="412"/>
              </a:cxn>
              <a:cxn ang="0">
                <a:pos x="88" y="442"/>
              </a:cxn>
              <a:cxn ang="0">
                <a:pos x="122" y="443"/>
              </a:cxn>
              <a:cxn ang="0">
                <a:pos x="229" y="387"/>
              </a:cxn>
              <a:cxn ang="0">
                <a:pos x="237" y="387"/>
              </a:cxn>
              <a:cxn ang="0">
                <a:pos x="344" y="443"/>
              </a:cxn>
              <a:cxn ang="0">
                <a:pos x="376" y="441"/>
              </a:cxn>
              <a:cxn ang="0">
                <a:pos x="386" y="410"/>
              </a:cxn>
              <a:cxn ang="0">
                <a:pos x="365" y="290"/>
              </a:cxn>
              <a:cxn ang="0">
                <a:pos x="366" y="287"/>
              </a:cxn>
              <a:cxn ang="0">
                <a:pos x="454" y="200"/>
              </a:cxn>
              <a:cxn ang="0">
                <a:pos x="463" y="170"/>
              </a:cxn>
              <a:cxn ang="0">
                <a:pos x="438" y="152"/>
              </a:cxn>
              <a:cxn ang="0">
                <a:pos x="318" y="134"/>
              </a:cxn>
              <a:cxn ang="0">
                <a:pos x="313" y="131"/>
              </a:cxn>
              <a:cxn ang="0">
                <a:pos x="258" y="19"/>
              </a:cxn>
              <a:cxn ang="0">
                <a:pos x="233" y="0"/>
              </a:cxn>
            </a:cxnLst>
            <a:rect l="0" t="0" r="r" b="b"/>
            <a:pathLst>
              <a:path w="467" h="448">
                <a:moveTo>
                  <a:pt x="233" y="0"/>
                </a:moveTo>
                <a:cubicBezTo>
                  <a:pt x="227" y="0"/>
                  <a:pt x="216" y="3"/>
                  <a:pt x="208" y="19"/>
                </a:cubicBezTo>
                <a:cubicBezTo>
                  <a:pt x="208" y="19"/>
                  <a:pt x="153" y="130"/>
                  <a:pt x="153" y="130"/>
                </a:cubicBezTo>
                <a:cubicBezTo>
                  <a:pt x="152" y="132"/>
                  <a:pt x="149" y="134"/>
                  <a:pt x="146" y="135"/>
                </a:cubicBezTo>
                <a:cubicBezTo>
                  <a:pt x="146" y="135"/>
                  <a:pt x="106" y="141"/>
                  <a:pt x="106" y="141"/>
                </a:cubicBezTo>
                <a:cubicBezTo>
                  <a:pt x="25" y="153"/>
                  <a:pt x="25" y="153"/>
                  <a:pt x="25" y="153"/>
                </a:cubicBezTo>
                <a:cubicBezTo>
                  <a:pt x="14" y="155"/>
                  <a:pt x="6" y="161"/>
                  <a:pt x="3" y="170"/>
                </a:cubicBezTo>
                <a:cubicBezTo>
                  <a:pt x="0" y="180"/>
                  <a:pt x="4" y="192"/>
                  <a:pt x="13" y="202"/>
                </a:cubicBezTo>
                <a:cubicBezTo>
                  <a:pt x="19" y="207"/>
                  <a:pt x="35" y="223"/>
                  <a:pt x="52" y="239"/>
                </a:cubicBezTo>
                <a:cubicBezTo>
                  <a:pt x="82" y="268"/>
                  <a:pt x="82" y="268"/>
                  <a:pt x="82" y="268"/>
                </a:cubicBezTo>
                <a:cubicBezTo>
                  <a:pt x="87" y="274"/>
                  <a:pt x="95" y="274"/>
                  <a:pt x="100" y="268"/>
                </a:cubicBezTo>
                <a:cubicBezTo>
                  <a:pt x="103" y="266"/>
                  <a:pt x="104" y="262"/>
                  <a:pt x="104" y="259"/>
                </a:cubicBezTo>
                <a:cubicBezTo>
                  <a:pt x="104" y="255"/>
                  <a:pt x="103" y="252"/>
                  <a:pt x="100" y="249"/>
                </a:cubicBezTo>
                <a:cubicBezTo>
                  <a:pt x="70" y="220"/>
                  <a:pt x="70" y="220"/>
                  <a:pt x="70" y="220"/>
                </a:cubicBezTo>
                <a:cubicBezTo>
                  <a:pt x="53" y="204"/>
                  <a:pt x="38" y="188"/>
                  <a:pt x="32" y="183"/>
                </a:cubicBezTo>
                <a:cubicBezTo>
                  <a:pt x="31" y="181"/>
                  <a:pt x="30" y="180"/>
                  <a:pt x="29" y="179"/>
                </a:cubicBezTo>
                <a:cubicBezTo>
                  <a:pt x="29" y="179"/>
                  <a:pt x="110" y="167"/>
                  <a:pt x="110" y="167"/>
                </a:cubicBezTo>
                <a:cubicBezTo>
                  <a:pt x="150" y="161"/>
                  <a:pt x="150" y="161"/>
                  <a:pt x="150" y="161"/>
                </a:cubicBezTo>
                <a:cubicBezTo>
                  <a:pt x="162" y="159"/>
                  <a:pt x="172" y="152"/>
                  <a:pt x="177" y="142"/>
                </a:cubicBezTo>
                <a:cubicBezTo>
                  <a:pt x="232" y="31"/>
                  <a:pt x="232" y="31"/>
                  <a:pt x="232" y="31"/>
                </a:cubicBezTo>
                <a:cubicBezTo>
                  <a:pt x="232" y="30"/>
                  <a:pt x="232" y="29"/>
                  <a:pt x="233" y="29"/>
                </a:cubicBezTo>
                <a:cubicBezTo>
                  <a:pt x="233" y="29"/>
                  <a:pt x="234" y="30"/>
                  <a:pt x="234" y="31"/>
                </a:cubicBezTo>
                <a:cubicBezTo>
                  <a:pt x="243" y="48"/>
                  <a:pt x="284" y="133"/>
                  <a:pt x="289" y="143"/>
                </a:cubicBezTo>
                <a:cubicBezTo>
                  <a:pt x="294" y="152"/>
                  <a:pt x="303" y="159"/>
                  <a:pt x="314" y="161"/>
                </a:cubicBezTo>
                <a:cubicBezTo>
                  <a:pt x="382" y="171"/>
                  <a:pt x="423" y="177"/>
                  <a:pt x="435" y="178"/>
                </a:cubicBezTo>
                <a:cubicBezTo>
                  <a:pt x="436" y="179"/>
                  <a:pt x="437" y="179"/>
                  <a:pt x="437" y="179"/>
                </a:cubicBezTo>
                <a:cubicBezTo>
                  <a:pt x="437" y="180"/>
                  <a:pt x="436" y="180"/>
                  <a:pt x="435" y="181"/>
                </a:cubicBezTo>
                <a:cubicBezTo>
                  <a:pt x="429" y="188"/>
                  <a:pt x="399" y="217"/>
                  <a:pt x="347" y="268"/>
                </a:cubicBezTo>
                <a:cubicBezTo>
                  <a:pt x="341" y="274"/>
                  <a:pt x="338" y="282"/>
                  <a:pt x="338" y="290"/>
                </a:cubicBezTo>
                <a:cubicBezTo>
                  <a:pt x="338" y="291"/>
                  <a:pt x="338" y="293"/>
                  <a:pt x="339" y="294"/>
                </a:cubicBezTo>
                <a:cubicBezTo>
                  <a:pt x="339" y="294"/>
                  <a:pt x="360" y="415"/>
                  <a:pt x="360" y="415"/>
                </a:cubicBezTo>
                <a:cubicBezTo>
                  <a:pt x="360" y="416"/>
                  <a:pt x="360" y="417"/>
                  <a:pt x="360" y="417"/>
                </a:cubicBezTo>
                <a:cubicBezTo>
                  <a:pt x="360" y="419"/>
                  <a:pt x="360" y="419"/>
                  <a:pt x="359" y="420"/>
                </a:cubicBezTo>
                <a:cubicBezTo>
                  <a:pt x="359" y="420"/>
                  <a:pt x="357" y="419"/>
                  <a:pt x="355" y="418"/>
                </a:cubicBezTo>
                <a:cubicBezTo>
                  <a:pt x="346" y="414"/>
                  <a:pt x="309" y="395"/>
                  <a:pt x="249" y="363"/>
                </a:cubicBezTo>
                <a:cubicBezTo>
                  <a:pt x="239" y="358"/>
                  <a:pt x="227" y="358"/>
                  <a:pt x="217" y="363"/>
                </a:cubicBezTo>
                <a:cubicBezTo>
                  <a:pt x="157" y="395"/>
                  <a:pt x="117" y="415"/>
                  <a:pt x="110" y="418"/>
                </a:cubicBezTo>
                <a:cubicBezTo>
                  <a:pt x="108" y="419"/>
                  <a:pt x="106" y="420"/>
                  <a:pt x="105" y="420"/>
                </a:cubicBezTo>
                <a:cubicBezTo>
                  <a:pt x="105" y="420"/>
                  <a:pt x="105" y="420"/>
                  <a:pt x="105" y="420"/>
                </a:cubicBezTo>
                <a:cubicBezTo>
                  <a:pt x="105" y="419"/>
                  <a:pt x="105" y="418"/>
                  <a:pt x="106" y="417"/>
                </a:cubicBezTo>
                <a:cubicBezTo>
                  <a:pt x="122" y="324"/>
                  <a:pt x="122" y="324"/>
                  <a:pt x="122" y="324"/>
                </a:cubicBezTo>
                <a:cubicBezTo>
                  <a:pt x="122" y="323"/>
                  <a:pt x="122" y="323"/>
                  <a:pt x="122" y="322"/>
                </a:cubicBezTo>
                <a:cubicBezTo>
                  <a:pt x="122" y="315"/>
                  <a:pt x="117" y="310"/>
                  <a:pt x="111" y="309"/>
                </a:cubicBezTo>
                <a:cubicBezTo>
                  <a:pt x="104" y="307"/>
                  <a:pt x="97" y="312"/>
                  <a:pt x="96" y="320"/>
                </a:cubicBezTo>
                <a:cubicBezTo>
                  <a:pt x="79" y="412"/>
                  <a:pt x="79" y="412"/>
                  <a:pt x="79" y="412"/>
                </a:cubicBezTo>
                <a:cubicBezTo>
                  <a:pt x="76" y="429"/>
                  <a:pt x="84" y="438"/>
                  <a:pt x="88" y="442"/>
                </a:cubicBezTo>
                <a:cubicBezTo>
                  <a:pt x="97" y="448"/>
                  <a:pt x="109" y="448"/>
                  <a:pt x="122" y="443"/>
                </a:cubicBezTo>
                <a:cubicBezTo>
                  <a:pt x="131" y="438"/>
                  <a:pt x="193" y="406"/>
                  <a:pt x="229" y="387"/>
                </a:cubicBezTo>
                <a:cubicBezTo>
                  <a:pt x="231" y="385"/>
                  <a:pt x="234" y="385"/>
                  <a:pt x="237" y="387"/>
                </a:cubicBezTo>
                <a:cubicBezTo>
                  <a:pt x="279" y="409"/>
                  <a:pt x="332" y="437"/>
                  <a:pt x="344" y="443"/>
                </a:cubicBezTo>
                <a:cubicBezTo>
                  <a:pt x="356" y="448"/>
                  <a:pt x="367" y="447"/>
                  <a:pt x="376" y="441"/>
                </a:cubicBezTo>
                <a:cubicBezTo>
                  <a:pt x="384" y="435"/>
                  <a:pt x="388" y="423"/>
                  <a:pt x="386" y="410"/>
                </a:cubicBezTo>
                <a:cubicBezTo>
                  <a:pt x="386" y="410"/>
                  <a:pt x="365" y="290"/>
                  <a:pt x="365" y="290"/>
                </a:cubicBezTo>
                <a:cubicBezTo>
                  <a:pt x="365" y="289"/>
                  <a:pt x="365" y="288"/>
                  <a:pt x="366" y="287"/>
                </a:cubicBezTo>
                <a:cubicBezTo>
                  <a:pt x="418" y="236"/>
                  <a:pt x="448" y="207"/>
                  <a:pt x="454" y="200"/>
                </a:cubicBezTo>
                <a:cubicBezTo>
                  <a:pt x="463" y="191"/>
                  <a:pt x="467" y="180"/>
                  <a:pt x="463" y="170"/>
                </a:cubicBezTo>
                <a:cubicBezTo>
                  <a:pt x="460" y="160"/>
                  <a:pt x="451" y="154"/>
                  <a:pt x="438" y="152"/>
                </a:cubicBezTo>
                <a:cubicBezTo>
                  <a:pt x="430" y="151"/>
                  <a:pt x="403" y="147"/>
                  <a:pt x="318" y="134"/>
                </a:cubicBezTo>
                <a:cubicBezTo>
                  <a:pt x="316" y="134"/>
                  <a:pt x="314" y="133"/>
                  <a:pt x="313" y="131"/>
                </a:cubicBezTo>
                <a:cubicBezTo>
                  <a:pt x="308" y="121"/>
                  <a:pt x="267" y="37"/>
                  <a:pt x="258" y="19"/>
                </a:cubicBezTo>
                <a:cubicBezTo>
                  <a:pt x="249" y="2"/>
                  <a:pt x="238" y="0"/>
                  <a:pt x="233" y="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" name="Freeform 341"/>
          <p:cNvSpPr>
            <a:spLocks/>
          </p:cNvSpPr>
          <p:nvPr userDrawn="1"/>
        </p:nvSpPr>
        <p:spPr bwMode="auto">
          <a:xfrm>
            <a:off x="2548464" y="3718379"/>
            <a:ext cx="514350" cy="436563"/>
          </a:xfrm>
          <a:custGeom>
            <a:avLst/>
            <a:gdLst/>
            <a:ahLst/>
            <a:cxnLst>
              <a:cxn ang="0">
                <a:pos x="228" y="14"/>
              </a:cxn>
              <a:cxn ang="0">
                <a:pos x="124" y="0"/>
              </a:cxn>
              <a:cxn ang="0">
                <a:pos x="0" y="54"/>
              </a:cxn>
              <a:cxn ang="0">
                <a:pos x="1" y="56"/>
              </a:cxn>
              <a:cxn ang="0">
                <a:pos x="14" y="160"/>
              </a:cxn>
              <a:cxn ang="0">
                <a:pos x="1" y="265"/>
              </a:cxn>
              <a:cxn ang="0">
                <a:pos x="16" y="373"/>
              </a:cxn>
              <a:cxn ang="0">
                <a:pos x="124" y="388"/>
              </a:cxn>
              <a:cxn ang="0">
                <a:pos x="228" y="375"/>
              </a:cxn>
              <a:cxn ang="0">
                <a:pos x="333" y="388"/>
              </a:cxn>
              <a:cxn ang="0">
                <a:pos x="456" y="335"/>
              </a:cxn>
              <a:cxn ang="0">
                <a:pos x="443" y="230"/>
              </a:cxn>
              <a:cxn ang="0">
                <a:pos x="456" y="126"/>
              </a:cxn>
              <a:cxn ang="0">
                <a:pos x="429" y="9"/>
              </a:cxn>
              <a:cxn ang="0">
                <a:pos x="411" y="27"/>
              </a:cxn>
              <a:cxn ang="0">
                <a:pos x="429" y="56"/>
              </a:cxn>
              <a:cxn ang="0">
                <a:pos x="409" y="91"/>
              </a:cxn>
              <a:cxn ang="0">
                <a:pos x="416" y="149"/>
              </a:cxn>
              <a:cxn ang="0">
                <a:pos x="416" y="172"/>
              </a:cxn>
              <a:cxn ang="0">
                <a:pos x="409" y="230"/>
              </a:cxn>
              <a:cxn ang="0">
                <a:pos x="429" y="265"/>
              </a:cxn>
              <a:cxn ang="0">
                <a:pos x="411" y="294"/>
              </a:cxn>
              <a:cxn ang="0">
                <a:pos x="418" y="312"/>
              </a:cxn>
              <a:cxn ang="0">
                <a:pos x="379" y="348"/>
              </a:cxn>
              <a:cxn ang="0">
                <a:pos x="333" y="361"/>
              </a:cxn>
              <a:cxn ang="0">
                <a:pos x="286" y="348"/>
              </a:cxn>
              <a:cxn ang="0">
                <a:pos x="228" y="341"/>
              </a:cxn>
              <a:cxn ang="0">
                <a:pos x="170" y="348"/>
              </a:cxn>
              <a:cxn ang="0">
                <a:pos x="124" y="361"/>
              </a:cxn>
              <a:cxn ang="0">
                <a:pos x="95" y="343"/>
              </a:cxn>
              <a:cxn ang="0">
                <a:pos x="54" y="362"/>
              </a:cxn>
              <a:cxn ang="0">
                <a:pos x="41" y="311"/>
              </a:cxn>
              <a:cxn ang="0">
                <a:pos x="41" y="288"/>
              </a:cxn>
              <a:cxn ang="0">
                <a:pos x="47" y="230"/>
              </a:cxn>
              <a:cxn ang="0">
                <a:pos x="27" y="195"/>
              </a:cxn>
              <a:cxn ang="0">
                <a:pos x="47" y="160"/>
              </a:cxn>
              <a:cxn ang="0">
                <a:pos x="41" y="102"/>
              </a:cxn>
              <a:cxn ang="0">
                <a:pos x="41" y="79"/>
              </a:cxn>
              <a:cxn ang="0">
                <a:pos x="27" y="54"/>
              </a:cxn>
              <a:cxn ang="0">
                <a:pos x="89" y="47"/>
              </a:cxn>
              <a:cxn ang="0">
                <a:pos x="147" y="41"/>
              </a:cxn>
              <a:cxn ang="0">
                <a:pos x="194" y="27"/>
              </a:cxn>
              <a:cxn ang="0">
                <a:pos x="240" y="41"/>
              </a:cxn>
              <a:cxn ang="0">
                <a:pos x="298" y="47"/>
              </a:cxn>
              <a:cxn ang="0">
                <a:pos x="347" y="14"/>
              </a:cxn>
            </a:cxnLst>
            <a:rect l="0" t="0" r="r" b="b"/>
            <a:pathLst>
              <a:path w="456" h="388">
                <a:moveTo>
                  <a:pt x="298" y="14"/>
                </a:moveTo>
                <a:cubicBezTo>
                  <a:pt x="289" y="5"/>
                  <a:pt x="276" y="0"/>
                  <a:pt x="263" y="0"/>
                </a:cubicBezTo>
                <a:cubicBezTo>
                  <a:pt x="250" y="0"/>
                  <a:pt x="238" y="5"/>
                  <a:pt x="228" y="14"/>
                </a:cubicBezTo>
                <a:cubicBezTo>
                  <a:pt x="219" y="5"/>
                  <a:pt x="207" y="0"/>
                  <a:pt x="194" y="0"/>
                </a:cubicBezTo>
                <a:cubicBezTo>
                  <a:pt x="181" y="0"/>
                  <a:pt x="168" y="5"/>
                  <a:pt x="159" y="14"/>
                </a:cubicBezTo>
                <a:cubicBezTo>
                  <a:pt x="149" y="5"/>
                  <a:pt x="137" y="0"/>
                  <a:pt x="124" y="0"/>
                </a:cubicBezTo>
                <a:cubicBezTo>
                  <a:pt x="111" y="0"/>
                  <a:pt x="98" y="5"/>
                  <a:pt x="89" y="14"/>
                </a:cubicBezTo>
                <a:cubicBezTo>
                  <a:pt x="79" y="5"/>
                  <a:pt x="67" y="0"/>
                  <a:pt x="54" y="0"/>
                </a:cubicBezTo>
                <a:cubicBezTo>
                  <a:pt x="24" y="0"/>
                  <a:pt x="0" y="24"/>
                  <a:pt x="0" y="54"/>
                </a:cubicBezTo>
                <a:cubicBezTo>
                  <a:pt x="0" y="54"/>
                  <a:pt x="0" y="55"/>
                  <a:pt x="0" y="55"/>
                </a:cubicBezTo>
                <a:cubicBezTo>
                  <a:pt x="1" y="57"/>
                  <a:pt x="1" y="57"/>
                  <a:pt x="1" y="57"/>
                </a:cubicBezTo>
                <a:cubicBezTo>
                  <a:pt x="1" y="57"/>
                  <a:pt x="1" y="56"/>
                  <a:pt x="1" y="56"/>
                </a:cubicBezTo>
                <a:cubicBezTo>
                  <a:pt x="1" y="69"/>
                  <a:pt x="5" y="81"/>
                  <a:pt x="14" y="90"/>
                </a:cubicBezTo>
                <a:cubicBezTo>
                  <a:pt x="5" y="100"/>
                  <a:pt x="1" y="112"/>
                  <a:pt x="1" y="125"/>
                </a:cubicBezTo>
                <a:cubicBezTo>
                  <a:pt x="1" y="138"/>
                  <a:pt x="5" y="151"/>
                  <a:pt x="14" y="160"/>
                </a:cubicBezTo>
                <a:cubicBezTo>
                  <a:pt x="5" y="170"/>
                  <a:pt x="1" y="182"/>
                  <a:pt x="1" y="195"/>
                </a:cubicBezTo>
                <a:cubicBezTo>
                  <a:pt x="1" y="208"/>
                  <a:pt x="5" y="220"/>
                  <a:pt x="14" y="230"/>
                </a:cubicBezTo>
                <a:cubicBezTo>
                  <a:pt x="5" y="240"/>
                  <a:pt x="1" y="252"/>
                  <a:pt x="1" y="265"/>
                </a:cubicBezTo>
                <a:cubicBezTo>
                  <a:pt x="1" y="278"/>
                  <a:pt x="5" y="290"/>
                  <a:pt x="14" y="300"/>
                </a:cubicBezTo>
                <a:cubicBezTo>
                  <a:pt x="5" y="309"/>
                  <a:pt x="1" y="322"/>
                  <a:pt x="1" y="335"/>
                </a:cubicBezTo>
                <a:cubicBezTo>
                  <a:pt x="1" y="349"/>
                  <a:pt x="6" y="362"/>
                  <a:pt x="16" y="373"/>
                </a:cubicBezTo>
                <a:cubicBezTo>
                  <a:pt x="26" y="383"/>
                  <a:pt x="40" y="388"/>
                  <a:pt x="54" y="388"/>
                </a:cubicBezTo>
                <a:cubicBezTo>
                  <a:pt x="67" y="388"/>
                  <a:pt x="79" y="383"/>
                  <a:pt x="89" y="375"/>
                </a:cubicBezTo>
                <a:cubicBezTo>
                  <a:pt x="99" y="383"/>
                  <a:pt x="111" y="388"/>
                  <a:pt x="124" y="388"/>
                </a:cubicBezTo>
                <a:cubicBezTo>
                  <a:pt x="137" y="388"/>
                  <a:pt x="149" y="383"/>
                  <a:pt x="158" y="375"/>
                </a:cubicBezTo>
                <a:cubicBezTo>
                  <a:pt x="168" y="383"/>
                  <a:pt x="180" y="388"/>
                  <a:pt x="193" y="388"/>
                </a:cubicBezTo>
                <a:cubicBezTo>
                  <a:pt x="206" y="388"/>
                  <a:pt x="219" y="383"/>
                  <a:pt x="228" y="375"/>
                </a:cubicBezTo>
                <a:cubicBezTo>
                  <a:pt x="238" y="383"/>
                  <a:pt x="250" y="388"/>
                  <a:pt x="263" y="388"/>
                </a:cubicBezTo>
                <a:cubicBezTo>
                  <a:pt x="276" y="388"/>
                  <a:pt x="288" y="383"/>
                  <a:pt x="298" y="375"/>
                </a:cubicBezTo>
                <a:cubicBezTo>
                  <a:pt x="308" y="383"/>
                  <a:pt x="320" y="388"/>
                  <a:pt x="333" y="388"/>
                </a:cubicBezTo>
                <a:cubicBezTo>
                  <a:pt x="346" y="388"/>
                  <a:pt x="358" y="383"/>
                  <a:pt x="368" y="375"/>
                </a:cubicBezTo>
                <a:cubicBezTo>
                  <a:pt x="377" y="383"/>
                  <a:pt x="390" y="388"/>
                  <a:pt x="403" y="388"/>
                </a:cubicBezTo>
                <a:cubicBezTo>
                  <a:pt x="432" y="388"/>
                  <a:pt x="456" y="364"/>
                  <a:pt x="456" y="335"/>
                </a:cubicBezTo>
                <a:cubicBezTo>
                  <a:pt x="456" y="322"/>
                  <a:pt x="451" y="309"/>
                  <a:pt x="443" y="300"/>
                </a:cubicBezTo>
                <a:cubicBezTo>
                  <a:pt x="451" y="290"/>
                  <a:pt x="456" y="278"/>
                  <a:pt x="456" y="265"/>
                </a:cubicBezTo>
                <a:cubicBezTo>
                  <a:pt x="456" y="252"/>
                  <a:pt x="451" y="240"/>
                  <a:pt x="443" y="230"/>
                </a:cubicBezTo>
                <a:cubicBezTo>
                  <a:pt x="451" y="221"/>
                  <a:pt x="456" y="208"/>
                  <a:pt x="456" y="195"/>
                </a:cubicBezTo>
                <a:cubicBezTo>
                  <a:pt x="456" y="182"/>
                  <a:pt x="451" y="170"/>
                  <a:pt x="443" y="161"/>
                </a:cubicBezTo>
                <a:cubicBezTo>
                  <a:pt x="451" y="151"/>
                  <a:pt x="456" y="139"/>
                  <a:pt x="456" y="126"/>
                </a:cubicBezTo>
                <a:cubicBezTo>
                  <a:pt x="456" y="113"/>
                  <a:pt x="451" y="100"/>
                  <a:pt x="443" y="91"/>
                </a:cubicBezTo>
                <a:cubicBezTo>
                  <a:pt x="451" y="81"/>
                  <a:pt x="456" y="69"/>
                  <a:pt x="456" y="56"/>
                </a:cubicBezTo>
                <a:cubicBezTo>
                  <a:pt x="456" y="37"/>
                  <a:pt x="446" y="19"/>
                  <a:pt x="429" y="9"/>
                </a:cubicBezTo>
                <a:cubicBezTo>
                  <a:pt x="424" y="6"/>
                  <a:pt x="418" y="7"/>
                  <a:pt x="413" y="11"/>
                </a:cubicBezTo>
                <a:cubicBezTo>
                  <a:pt x="411" y="14"/>
                  <a:pt x="409" y="17"/>
                  <a:pt x="409" y="21"/>
                </a:cubicBezTo>
                <a:cubicBezTo>
                  <a:pt x="409" y="23"/>
                  <a:pt x="410" y="25"/>
                  <a:pt x="411" y="27"/>
                </a:cubicBezTo>
                <a:cubicBezTo>
                  <a:pt x="411" y="28"/>
                  <a:pt x="411" y="28"/>
                  <a:pt x="411" y="28"/>
                </a:cubicBezTo>
                <a:cubicBezTo>
                  <a:pt x="412" y="30"/>
                  <a:pt x="415" y="32"/>
                  <a:pt x="417" y="33"/>
                </a:cubicBezTo>
                <a:cubicBezTo>
                  <a:pt x="425" y="38"/>
                  <a:pt x="429" y="47"/>
                  <a:pt x="429" y="56"/>
                </a:cubicBezTo>
                <a:cubicBezTo>
                  <a:pt x="429" y="65"/>
                  <a:pt x="424" y="74"/>
                  <a:pt x="416" y="79"/>
                </a:cubicBezTo>
                <a:cubicBezTo>
                  <a:pt x="412" y="81"/>
                  <a:pt x="409" y="86"/>
                  <a:pt x="409" y="91"/>
                </a:cubicBezTo>
                <a:cubicBezTo>
                  <a:pt x="409" y="91"/>
                  <a:pt x="409" y="91"/>
                  <a:pt x="409" y="91"/>
                </a:cubicBezTo>
                <a:cubicBezTo>
                  <a:pt x="409" y="95"/>
                  <a:pt x="412" y="100"/>
                  <a:pt x="416" y="102"/>
                </a:cubicBezTo>
                <a:cubicBezTo>
                  <a:pt x="424" y="107"/>
                  <a:pt x="429" y="116"/>
                  <a:pt x="429" y="126"/>
                </a:cubicBezTo>
                <a:cubicBezTo>
                  <a:pt x="429" y="135"/>
                  <a:pt x="424" y="144"/>
                  <a:pt x="416" y="149"/>
                </a:cubicBezTo>
                <a:cubicBezTo>
                  <a:pt x="412" y="151"/>
                  <a:pt x="409" y="156"/>
                  <a:pt x="409" y="161"/>
                </a:cubicBezTo>
                <a:cubicBezTo>
                  <a:pt x="409" y="161"/>
                  <a:pt x="409" y="161"/>
                  <a:pt x="409" y="161"/>
                </a:cubicBezTo>
                <a:cubicBezTo>
                  <a:pt x="409" y="165"/>
                  <a:pt x="412" y="170"/>
                  <a:pt x="416" y="172"/>
                </a:cubicBezTo>
                <a:cubicBezTo>
                  <a:pt x="424" y="177"/>
                  <a:pt x="429" y="186"/>
                  <a:pt x="429" y="195"/>
                </a:cubicBezTo>
                <a:cubicBezTo>
                  <a:pt x="429" y="205"/>
                  <a:pt x="424" y="214"/>
                  <a:pt x="416" y="219"/>
                </a:cubicBezTo>
                <a:cubicBezTo>
                  <a:pt x="412" y="221"/>
                  <a:pt x="409" y="225"/>
                  <a:pt x="409" y="230"/>
                </a:cubicBezTo>
                <a:cubicBezTo>
                  <a:pt x="409" y="230"/>
                  <a:pt x="409" y="230"/>
                  <a:pt x="409" y="230"/>
                </a:cubicBezTo>
                <a:cubicBezTo>
                  <a:pt x="409" y="235"/>
                  <a:pt x="412" y="239"/>
                  <a:pt x="416" y="242"/>
                </a:cubicBezTo>
                <a:cubicBezTo>
                  <a:pt x="424" y="247"/>
                  <a:pt x="429" y="256"/>
                  <a:pt x="429" y="265"/>
                </a:cubicBezTo>
                <a:cubicBezTo>
                  <a:pt x="429" y="274"/>
                  <a:pt x="425" y="283"/>
                  <a:pt x="417" y="288"/>
                </a:cubicBezTo>
                <a:cubicBezTo>
                  <a:pt x="414" y="289"/>
                  <a:pt x="412" y="291"/>
                  <a:pt x="411" y="294"/>
                </a:cubicBezTo>
                <a:cubicBezTo>
                  <a:pt x="411" y="294"/>
                  <a:pt x="411" y="294"/>
                  <a:pt x="411" y="294"/>
                </a:cubicBezTo>
                <a:cubicBezTo>
                  <a:pt x="410" y="296"/>
                  <a:pt x="409" y="298"/>
                  <a:pt x="409" y="300"/>
                </a:cubicBezTo>
                <a:cubicBezTo>
                  <a:pt x="409" y="304"/>
                  <a:pt x="411" y="307"/>
                  <a:pt x="413" y="310"/>
                </a:cubicBezTo>
                <a:cubicBezTo>
                  <a:pt x="415" y="311"/>
                  <a:pt x="416" y="312"/>
                  <a:pt x="418" y="312"/>
                </a:cubicBezTo>
                <a:cubicBezTo>
                  <a:pt x="425" y="317"/>
                  <a:pt x="430" y="326"/>
                  <a:pt x="430" y="335"/>
                </a:cubicBezTo>
                <a:cubicBezTo>
                  <a:pt x="430" y="349"/>
                  <a:pt x="418" y="361"/>
                  <a:pt x="403" y="361"/>
                </a:cubicBezTo>
                <a:cubicBezTo>
                  <a:pt x="393" y="361"/>
                  <a:pt x="384" y="356"/>
                  <a:pt x="379" y="348"/>
                </a:cubicBezTo>
                <a:cubicBezTo>
                  <a:pt x="377" y="344"/>
                  <a:pt x="373" y="341"/>
                  <a:pt x="368" y="341"/>
                </a:cubicBezTo>
                <a:cubicBezTo>
                  <a:pt x="363" y="341"/>
                  <a:pt x="359" y="344"/>
                  <a:pt x="356" y="348"/>
                </a:cubicBezTo>
                <a:cubicBezTo>
                  <a:pt x="351" y="356"/>
                  <a:pt x="342" y="361"/>
                  <a:pt x="333" y="361"/>
                </a:cubicBezTo>
                <a:cubicBezTo>
                  <a:pt x="323" y="361"/>
                  <a:pt x="314" y="356"/>
                  <a:pt x="310" y="348"/>
                </a:cubicBezTo>
                <a:cubicBezTo>
                  <a:pt x="307" y="344"/>
                  <a:pt x="303" y="341"/>
                  <a:pt x="298" y="341"/>
                </a:cubicBezTo>
                <a:cubicBezTo>
                  <a:pt x="293" y="341"/>
                  <a:pt x="289" y="344"/>
                  <a:pt x="286" y="348"/>
                </a:cubicBezTo>
                <a:cubicBezTo>
                  <a:pt x="282" y="356"/>
                  <a:pt x="273" y="361"/>
                  <a:pt x="263" y="361"/>
                </a:cubicBezTo>
                <a:cubicBezTo>
                  <a:pt x="254" y="361"/>
                  <a:pt x="245" y="356"/>
                  <a:pt x="240" y="348"/>
                </a:cubicBezTo>
                <a:cubicBezTo>
                  <a:pt x="237" y="344"/>
                  <a:pt x="233" y="341"/>
                  <a:pt x="228" y="341"/>
                </a:cubicBezTo>
                <a:cubicBezTo>
                  <a:pt x="223" y="341"/>
                  <a:pt x="219" y="344"/>
                  <a:pt x="217" y="348"/>
                </a:cubicBezTo>
                <a:cubicBezTo>
                  <a:pt x="212" y="356"/>
                  <a:pt x="203" y="361"/>
                  <a:pt x="193" y="361"/>
                </a:cubicBezTo>
                <a:cubicBezTo>
                  <a:pt x="184" y="361"/>
                  <a:pt x="175" y="356"/>
                  <a:pt x="170" y="348"/>
                </a:cubicBezTo>
                <a:cubicBezTo>
                  <a:pt x="168" y="344"/>
                  <a:pt x="163" y="341"/>
                  <a:pt x="158" y="341"/>
                </a:cubicBezTo>
                <a:cubicBezTo>
                  <a:pt x="154" y="341"/>
                  <a:pt x="149" y="344"/>
                  <a:pt x="147" y="348"/>
                </a:cubicBezTo>
                <a:cubicBezTo>
                  <a:pt x="142" y="356"/>
                  <a:pt x="133" y="361"/>
                  <a:pt x="124" y="361"/>
                </a:cubicBezTo>
                <a:cubicBezTo>
                  <a:pt x="114" y="361"/>
                  <a:pt x="106" y="357"/>
                  <a:pt x="101" y="349"/>
                </a:cubicBezTo>
                <a:cubicBezTo>
                  <a:pt x="100" y="347"/>
                  <a:pt x="98" y="344"/>
                  <a:pt x="95" y="343"/>
                </a:cubicBezTo>
                <a:cubicBezTo>
                  <a:pt x="95" y="343"/>
                  <a:pt x="95" y="343"/>
                  <a:pt x="95" y="343"/>
                </a:cubicBezTo>
                <a:cubicBezTo>
                  <a:pt x="90" y="340"/>
                  <a:pt x="83" y="341"/>
                  <a:pt x="79" y="345"/>
                </a:cubicBezTo>
                <a:cubicBezTo>
                  <a:pt x="78" y="347"/>
                  <a:pt x="77" y="348"/>
                  <a:pt x="76" y="350"/>
                </a:cubicBezTo>
                <a:cubicBezTo>
                  <a:pt x="71" y="357"/>
                  <a:pt x="63" y="362"/>
                  <a:pt x="54" y="362"/>
                </a:cubicBezTo>
                <a:cubicBezTo>
                  <a:pt x="47" y="362"/>
                  <a:pt x="40" y="359"/>
                  <a:pt x="35" y="354"/>
                </a:cubicBezTo>
                <a:cubicBezTo>
                  <a:pt x="30" y="349"/>
                  <a:pt x="27" y="342"/>
                  <a:pt x="27" y="335"/>
                </a:cubicBezTo>
                <a:cubicBezTo>
                  <a:pt x="27" y="325"/>
                  <a:pt x="32" y="316"/>
                  <a:pt x="41" y="311"/>
                </a:cubicBezTo>
                <a:cubicBezTo>
                  <a:pt x="45" y="309"/>
                  <a:pt x="47" y="305"/>
                  <a:pt x="47" y="300"/>
                </a:cubicBezTo>
                <a:cubicBezTo>
                  <a:pt x="47" y="300"/>
                  <a:pt x="47" y="300"/>
                  <a:pt x="47" y="300"/>
                </a:cubicBezTo>
                <a:cubicBezTo>
                  <a:pt x="47" y="295"/>
                  <a:pt x="45" y="291"/>
                  <a:pt x="41" y="288"/>
                </a:cubicBezTo>
                <a:cubicBezTo>
                  <a:pt x="32" y="283"/>
                  <a:pt x="27" y="275"/>
                  <a:pt x="27" y="265"/>
                </a:cubicBezTo>
                <a:cubicBezTo>
                  <a:pt x="27" y="255"/>
                  <a:pt x="32" y="246"/>
                  <a:pt x="41" y="242"/>
                </a:cubicBezTo>
                <a:cubicBezTo>
                  <a:pt x="45" y="239"/>
                  <a:pt x="47" y="235"/>
                  <a:pt x="47" y="230"/>
                </a:cubicBezTo>
                <a:cubicBezTo>
                  <a:pt x="47" y="230"/>
                  <a:pt x="47" y="230"/>
                  <a:pt x="47" y="230"/>
                </a:cubicBezTo>
                <a:cubicBezTo>
                  <a:pt x="47" y="225"/>
                  <a:pt x="45" y="221"/>
                  <a:pt x="41" y="218"/>
                </a:cubicBezTo>
                <a:cubicBezTo>
                  <a:pt x="32" y="214"/>
                  <a:pt x="27" y="205"/>
                  <a:pt x="27" y="195"/>
                </a:cubicBezTo>
                <a:cubicBezTo>
                  <a:pt x="27" y="186"/>
                  <a:pt x="32" y="177"/>
                  <a:pt x="41" y="172"/>
                </a:cubicBezTo>
                <a:cubicBezTo>
                  <a:pt x="45" y="169"/>
                  <a:pt x="47" y="165"/>
                  <a:pt x="47" y="160"/>
                </a:cubicBezTo>
                <a:cubicBezTo>
                  <a:pt x="47" y="160"/>
                  <a:pt x="47" y="160"/>
                  <a:pt x="47" y="160"/>
                </a:cubicBezTo>
                <a:cubicBezTo>
                  <a:pt x="47" y="155"/>
                  <a:pt x="45" y="151"/>
                  <a:pt x="41" y="149"/>
                </a:cubicBezTo>
                <a:cubicBezTo>
                  <a:pt x="32" y="144"/>
                  <a:pt x="27" y="135"/>
                  <a:pt x="27" y="125"/>
                </a:cubicBezTo>
                <a:cubicBezTo>
                  <a:pt x="27" y="116"/>
                  <a:pt x="32" y="107"/>
                  <a:pt x="41" y="102"/>
                </a:cubicBezTo>
                <a:cubicBezTo>
                  <a:pt x="45" y="100"/>
                  <a:pt x="47" y="95"/>
                  <a:pt x="47" y="91"/>
                </a:cubicBezTo>
                <a:cubicBezTo>
                  <a:pt x="47" y="91"/>
                  <a:pt x="47" y="90"/>
                  <a:pt x="47" y="90"/>
                </a:cubicBezTo>
                <a:cubicBezTo>
                  <a:pt x="47" y="86"/>
                  <a:pt x="45" y="81"/>
                  <a:pt x="41" y="79"/>
                </a:cubicBezTo>
                <a:cubicBezTo>
                  <a:pt x="32" y="74"/>
                  <a:pt x="27" y="65"/>
                  <a:pt x="27" y="56"/>
                </a:cubicBezTo>
                <a:cubicBezTo>
                  <a:pt x="27" y="55"/>
                  <a:pt x="27" y="55"/>
                  <a:pt x="27" y="54"/>
                </a:cubicBezTo>
                <a:cubicBezTo>
                  <a:pt x="27" y="54"/>
                  <a:pt x="27" y="54"/>
                  <a:pt x="27" y="54"/>
                </a:cubicBezTo>
                <a:cubicBezTo>
                  <a:pt x="27" y="39"/>
                  <a:pt x="39" y="27"/>
                  <a:pt x="54" y="27"/>
                </a:cubicBezTo>
                <a:cubicBezTo>
                  <a:pt x="64" y="27"/>
                  <a:pt x="72" y="32"/>
                  <a:pt x="77" y="41"/>
                </a:cubicBezTo>
                <a:cubicBezTo>
                  <a:pt x="80" y="45"/>
                  <a:pt x="84" y="47"/>
                  <a:pt x="89" y="47"/>
                </a:cubicBezTo>
                <a:cubicBezTo>
                  <a:pt x="94" y="47"/>
                  <a:pt x="98" y="45"/>
                  <a:pt x="100" y="41"/>
                </a:cubicBezTo>
                <a:cubicBezTo>
                  <a:pt x="105" y="32"/>
                  <a:pt x="114" y="27"/>
                  <a:pt x="124" y="27"/>
                </a:cubicBezTo>
                <a:cubicBezTo>
                  <a:pt x="133" y="27"/>
                  <a:pt x="142" y="32"/>
                  <a:pt x="147" y="41"/>
                </a:cubicBezTo>
                <a:cubicBezTo>
                  <a:pt x="149" y="45"/>
                  <a:pt x="154" y="47"/>
                  <a:pt x="159" y="47"/>
                </a:cubicBezTo>
                <a:cubicBezTo>
                  <a:pt x="163" y="47"/>
                  <a:pt x="168" y="45"/>
                  <a:pt x="170" y="41"/>
                </a:cubicBezTo>
                <a:cubicBezTo>
                  <a:pt x="175" y="32"/>
                  <a:pt x="184" y="27"/>
                  <a:pt x="194" y="27"/>
                </a:cubicBezTo>
                <a:cubicBezTo>
                  <a:pt x="203" y="27"/>
                  <a:pt x="212" y="32"/>
                  <a:pt x="217" y="41"/>
                </a:cubicBezTo>
                <a:cubicBezTo>
                  <a:pt x="219" y="45"/>
                  <a:pt x="224" y="47"/>
                  <a:pt x="228" y="47"/>
                </a:cubicBezTo>
                <a:cubicBezTo>
                  <a:pt x="233" y="47"/>
                  <a:pt x="238" y="45"/>
                  <a:pt x="240" y="41"/>
                </a:cubicBezTo>
                <a:cubicBezTo>
                  <a:pt x="245" y="32"/>
                  <a:pt x="254" y="27"/>
                  <a:pt x="263" y="27"/>
                </a:cubicBezTo>
                <a:cubicBezTo>
                  <a:pt x="273" y="27"/>
                  <a:pt x="282" y="32"/>
                  <a:pt x="287" y="41"/>
                </a:cubicBezTo>
                <a:cubicBezTo>
                  <a:pt x="289" y="45"/>
                  <a:pt x="293" y="47"/>
                  <a:pt x="298" y="47"/>
                </a:cubicBezTo>
                <a:cubicBezTo>
                  <a:pt x="303" y="47"/>
                  <a:pt x="307" y="45"/>
                  <a:pt x="310" y="41"/>
                </a:cubicBezTo>
                <a:cubicBezTo>
                  <a:pt x="315" y="32"/>
                  <a:pt x="324" y="27"/>
                  <a:pt x="333" y="27"/>
                </a:cubicBezTo>
                <a:cubicBezTo>
                  <a:pt x="341" y="27"/>
                  <a:pt x="347" y="21"/>
                  <a:pt x="347" y="14"/>
                </a:cubicBezTo>
                <a:cubicBezTo>
                  <a:pt x="347" y="6"/>
                  <a:pt x="341" y="0"/>
                  <a:pt x="333" y="0"/>
                </a:cubicBezTo>
                <a:cubicBezTo>
                  <a:pt x="320" y="0"/>
                  <a:pt x="308" y="5"/>
                  <a:pt x="298" y="1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6" name="Freeform 155"/>
          <p:cNvSpPr>
            <a:spLocks/>
          </p:cNvSpPr>
          <p:nvPr userDrawn="1"/>
        </p:nvSpPr>
        <p:spPr bwMode="auto">
          <a:xfrm>
            <a:off x="3199295" y="1190231"/>
            <a:ext cx="438150" cy="463550"/>
          </a:xfrm>
          <a:custGeom>
            <a:avLst/>
            <a:gdLst/>
            <a:ahLst/>
            <a:cxnLst>
              <a:cxn ang="0">
                <a:pos x="43" y="292"/>
              </a:cxn>
              <a:cxn ang="0">
                <a:pos x="252" y="292"/>
              </a:cxn>
              <a:cxn ang="0">
                <a:pos x="252" y="241"/>
              </a:cxn>
              <a:cxn ang="0">
                <a:pos x="217" y="241"/>
              </a:cxn>
              <a:cxn ang="0">
                <a:pos x="169" y="195"/>
              </a:cxn>
              <a:cxn ang="0">
                <a:pos x="276" y="195"/>
              </a:cxn>
              <a:cxn ang="0">
                <a:pos x="276" y="0"/>
              </a:cxn>
              <a:cxn ang="0">
                <a:pos x="0" y="0"/>
              </a:cxn>
              <a:cxn ang="0">
                <a:pos x="0" y="191"/>
              </a:cxn>
              <a:cxn ang="0">
                <a:pos x="106" y="191"/>
              </a:cxn>
              <a:cxn ang="0">
                <a:pos x="106" y="244"/>
              </a:cxn>
            </a:cxnLst>
            <a:rect l="0" t="0" r="r" b="b"/>
            <a:pathLst>
              <a:path w="276" h="292">
                <a:moveTo>
                  <a:pt x="43" y="292"/>
                </a:moveTo>
                <a:lnTo>
                  <a:pt x="252" y="292"/>
                </a:lnTo>
                <a:lnTo>
                  <a:pt x="252" y="241"/>
                </a:lnTo>
                <a:lnTo>
                  <a:pt x="217" y="241"/>
                </a:lnTo>
                <a:lnTo>
                  <a:pt x="169" y="195"/>
                </a:lnTo>
                <a:lnTo>
                  <a:pt x="276" y="195"/>
                </a:lnTo>
                <a:lnTo>
                  <a:pt x="276" y="0"/>
                </a:lnTo>
                <a:lnTo>
                  <a:pt x="0" y="0"/>
                </a:lnTo>
                <a:lnTo>
                  <a:pt x="0" y="191"/>
                </a:lnTo>
                <a:lnTo>
                  <a:pt x="106" y="191"/>
                </a:lnTo>
                <a:lnTo>
                  <a:pt x="106" y="244"/>
                </a:ln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7" name="Freeform 238"/>
          <p:cNvSpPr>
            <a:spLocks/>
          </p:cNvSpPr>
          <p:nvPr userDrawn="1"/>
        </p:nvSpPr>
        <p:spPr bwMode="auto">
          <a:xfrm>
            <a:off x="3154845" y="4423062"/>
            <a:ext cx="527050" cy="476249"/>
          </a:xfrm>
          <a:custGeom>
            <a:avLst/>
            <a:gdLst/>
            <a:ahLst/>
            <a:cxnLst>
              <a:cxn ang="0">
                <a:pos x="162" y="286"/>
              </a:cxn>
              <a:cxn ang="0">
                <a:pos x="162" y="268"/>
              </a:cxn>
              <a:cxn ang="0">
                <a:pos x="181" y="48"/>
              </a:cxn>
              <a:cxn ang="0">
                <a:pos x="177" y="118"/>
              </a:cxn>
              <a:cxn ang="0">
                <a:pos x="168" y="122"/>
              </a:cxn>
              <a:cxn ang="0">
                <a:pos x="27" y="122"/>
              </a:cxn>
              <a:cxn ang="0">
                <a:pos x="168" y="171"/>
              </a:cxn>
              <a:cxn ang="0">
                <a:pos x="182" y="184"/>
              </a:cxn>
              <a:cxn ang="0">
                <a:pos x="168" y="198"/>
              </a:cxn>
              <a:cxn ang="0">
                <a:pos x="13" y="198"/>
              </a:cxn>
              <a:cxn ang="0">
                <a:pos x="4" y="194"/>
              </a:cxn>
              <a:cxn ang="0">
                <a:pos x="0" y="184"/>
              </a:cxn>
              <a:cxn ang="0">
                <a:pos x="4" y="100"/>
              </a:cxn>
              <a:cxn ang="0">
                <a:pos x="13" y="96"/>
              </a:cxn>
              <a:cxn ang="0">
                <a:pos x="155" y="96"/>
              </a:cxn>
              <a:cxn ang="0">
                <a:pos x="163" y="2"/>
              </a:cxn>
              <a:cxn ang="0">
                <a:pos x="178" y="6"/>
              </a:cxn>
              <a:cxn ang="0">
                <a:pos x="304" y="138"/>
              </a:cxn>
              <a:cxn ang="0">
                <a:pos x="304" y="156"/>
              </a:cxn>
              <a:cxn ang="0">
                <a:pos x="286" y="376"/>
              </a:cxn>
              <a:cxn ang="0">
                <a:pos x="289" y="305"/>
              </a:cxn>
              <a:cxn ang="0">
                <a:pos x="299" y="301"/>
              </a:cxn>
              <a:cxn ang="0">
                <a:pos x="440" y="301"/>
              </a:cxn>
              <a:cxn ang="0">
                <a:pos x="298" y="252"/>
              </a:cxn>
              <a:cxn ang="0">
                <a:pos x="285" y="239"/>
              </a:cxn>
              <a:cxn ang="0">
                <a:pos x="298" y="226"/>
              </a:cxn>
              <a:cxn ang="0">
                <a:pos x="463" y="229"/>
              </a:cxn>
              <a:cxn ang="0">
                <a:pos x="467" y="239"/>
              </a:cxn>
              <a:cxn ang="0">
                <a:pos x="467" y="314"/>
              </a:cxn>
              <a:cxn ang="0">
                <a:pos x="463" y="324"/>
              </a:cxn>
              <a:cxn ang="0">
                <a:pos x="453" y="328"/>
              </a:cxn>
              <a:cxn ang="0">
                <a:pos x="312" y="409"/>
              </a:cxn>
              <a:cxn ang="0">
                <a:pos x="304" y="421"/>
              </a:cxn>
              <a:cxn ang="0">
                <a:pos x="299" y="422"/>
              </a:cxn>
            </a:cxnLst>
            <a:rect l="0" t="0" r="r" b="b"/>
            <a:pathLst>
              <a:path w="467" h="422">
                <a:moveTo>
                  <a:pt x="289" y="418"/>
                </a:moveTo>
                <a:cubicBezTo>
                  <a:pt x="162" y="286"/>
                  <a:pt x="162" y="286"/>
                  <a:pt x="162" y="286"/>
                </a:cubicBezTo>
                <a:cubicBezTo>
                  <a:pt x="157" y="281"/>
                  <a:pt x="157" y="273"/>
                  <a:pt x="162" y="268"/>
                </a:cubicBezTo>
                <a:cubicBezTo>
                  <a:pt x="162" y="268"/>
                  <a:pt x="162" y="268"/>
                  <a:pt x="162" y="268"/>
                </a:cubicBezTo>
                <a:cubicBezTo>
                  <a:pt x="276" y="147"/>
                  <a:pt x="276" y="147"/>
                  <a:pt x="276" y="147"/>
                </a:cubicBezTo>
                <a:cubicBezTo>
                  <a:pt x="181" y="48"/>
                  <a:pt x="181" y="48"/>
                  <a:pt x="181" y="48"/>
                </a:cubicBezTo>
                <a:cubicBezTo>
                  <a:pt x="181" y="109"/>
                  <a:pt x="181" y="109"/>
                  <a:pt x="181" y="109"/>
                </a:cubicBezTo>
                <a:cubicBezTo>
                  <a:pt x="181" y="113"/>
                  <a:pt x="180" y="116"/>
                  <a:pt x="177" y="118"/>
                </a:cubicBezTo>
                <a:cubicBezTo>
                  <a:pt x="177" y="118"/>
                  <a:pt x="177" y="118"/>
                  <a:pt x="177" y="118"/>
                </a:cubicBezTo>
                <a:cubicBezTo>
                  <a:pt x="175" y="121"/>
                  <a:pt x="171" y="122"/>
                  <a:pt x="168" y="122"/>
                </a:cubicBezTo>
                <a:cubicBezTo>
                  <a:pt x="168" y="122"/>
                  <a:pt x="168" y="122"/>
                  <a:pt x="168" y="122"/>
                </a:cubicBezTo>
                <a:cubicBezTo>
                  <a:pt x="27" y="122"/>
                  <a:pt x="27" y="122"/>
                  <a:pt x="27" y="122"/>
                </a:cubicBezTo>
                <a:cubicBezTo>
                  <a:pt x="27" y="171"/>
                  <a:pt x="27" y="171"/>
                  <a:pt x="27" y="171"/>
                </a:cubicBezTo>
                <a:cubicBezTo>
                  <a:pt x="168" y="171"/>
                  <a:pt x="168" y="171"/>
                  <a:pt x="168" y="171"/>
                </a:cubicBezTo>
                <a:cubicBezTo>
                  <a:pt x="168" y="171"/>
                  <a:pt x="168" y="171"/>
                  <a:pt x="168" y="171"/>
                </a:cubicBezTo>
                <a:cubicBezTo>
                  <a:pt x="176" y="171"/>
                  <a:pt x="182" y="177"/>
                  <a:pt x="182" y="184"/>
                </a:cubicBezTo>
                <a:cubicBezTo>
                  <a:pt x="182" y="184"/>
                  <a:pt x="182" y="184"/>
                  <a:pt x="182" y="184"/>
                </a:cubicBezTo>
                <a:cubicBezTo>
                  <a:pt x="182" y="192"/>
                  <a:pt x="176" y="198"/>
                  <a:pt x="168" y="198"/>
                </a:cubicBezTo>
                <a:cubicBezTo>
                  <a:pt x="168" y="198"/>
                  <a:pt x="168" y="198"/>
                  <a:pt x="168" y="198"/>
                </a:cubicBezTo>
                <a:cubicBezTo>
                  <a:pt x="13" y="198"/>
                  <a:pt x="13" y="198"/>
                  <a:pt x="13" y="198"/>
                </a:cubicBezTo>
                <a:cubicBezTo>
                  <a:pt x="10" y="198"/>
                  <a:pt x="6" y="196"/>
                  <a:pt x="4" y="194"/>
                </a:cubicBezTo>
                <a:cubicBezTo>
                  <a:pt x="4" y="194"/>
                  <a:pt x="4" y="194"/>
                  <a:pt x="4" y="194"/>
                </a:cubicBezTo>
                <a:cubicBezTo>
                  <a:pt x="2" y="191"/>
                  <a:pt x="0" y="188"/>
                  <a:pt x="0" y="184"/>
                </a:cubicBezTo>
                <a:cubicBezTo>
                  <a:pt x="0" y="184"/>
                  <a:pt x="0" y="184"/>
                  <a:pt x="0" y="184"/>
                </a:cubicBezTo>
                <a:cubicBezTo>
                  <a:pt x="0" y="109"/>
                  <a:pt x="0" y="109"/>
                  <a:pt x="0" y="109"/>
                </a:cubicBezTo>
                <a:cubicBezTo>
                  <a:pt x="0" y="106"/>
                  <a:pt x="2" y="102"/>
                  <a:pt x="4" y="100"/>
                </a:cubicBezTo>
                <a:cubicBezTo>
                  <a:pt x="4" y="100"/>
                  <a:pt x="4" y="100"/>
                  <a:pt x="4" y="100"/>
                </a:cubicBezTo>
                <a:cubicBezTo>
                  <a:pt x="6" y="97"/>
                  <a:pt x="10" y="96"/>
                  <a:pt x="13" y="96"/>
                </a:cubicBezTo>
                <a:cubicBezTo>
                  <a:pt x="13" y="96"/>
                  <a:pt x="13" y="96"/>
                  <a:pt x="13" y="96"/>
                </a:cubicBezTo>
                <a:cubicBezTo>
                  <a:pt x="155" y="96"/>
                  <a:pt x="155" y="96"/>
                  <a:pt x="155" y="96"/>
                </a:cubicBezTo>
                <a:cubicBezTo>
                  <a:pt x="155" y="15"/>
                  <a:pt x="155" y="15"/>
                  <a:pt x="155" y="15"/>
                </a:cubicBezTo>
                <a:cubicBezTo>
                  <a:pt x="155" y="9"/>
                  <a:pt x="158" y="4"/>
                  <a:pt x="163" y="2"/>
                </a:cubicBezTo>
                <a:cubicBezTo>
                  <a:pt x="163" y="2"/>
                  <a:pt x="163" y="2"/>
                  <a:pt x="163" y="2"/>
                </a:cubicBezTo>
                <a:cubicBezTo>
                  <a:pt x="168" y="0"/>
                  <a:pt x="174" y="2"/>
                  <a:pt x="178" y="6"/>
                </a:cubicBezTo>
                <a:cubicBezTo>
                  <a:pt x="178" y="6"/>
                  <a:pt x="178" y="6"/>
                  <a:pt x="178" y="6"/>
                </a:cubicBezTo>
                <a:cubicBezTo>
                  <a:pt x="304" y="138"/>
                  <a:pt x="304" y="138"/>
                  <a:pt x="304" y="138"/>
                </a:cubicBezTo>
                <a:cubicBezTo>
                  <a:pt x="309" y="143"/>
                  <a:pt x="309" y="151"/>
                  <a:pt x="304" y="156"/>
                </a:cubicBezTo>
                <a:cubicBezTo>
                  <a:pt x="304" y="156"/>
                  <a:pt x="304" y="156"/>
                  <a:pt x="304" y="156"/>
                </a:cubicBezTo>
                <a:cubicBezTo>
                  <a:pt x="190" y="277"/>
                  <a:pt x="190" y="277"/>
                  <a:pt x="190" y="277"/>
                </a:cubicBezTo>
                <a:cubicBezTo>
                  <a:pt x="286" y="376"/>
                  <a:pt x="286" y="376"/>
                  <a:pt x="286" y="376"/>
                </a:cubicBezTo>
                <a:cubicBezTo>
                  <a:pt x="286" y="314"/>
                  <a:pt x="286" y="314"/>
                  <a:pt x="286" y="314"/>
                </a:cubicBezTo>
                <a:cubicBezTo>
                  <a:pt x="286" y="311"/>
                  <a:pt x="287" y="307"/>
                  <a:pt x="289" y="305"/>
                </a:cubicBezTo>
                <a:cubicBezTo>
                  <a:pt x="289" y="305"/>
                  <a:pt x="289" y="305"/>
                  <a:pt x="289" y="305"/>
                </a:cubicBezTo>
                <a:cubicBezTo>
                  <a:pt x="292" y="302"/>
                  <a:pt x="295" y="301"/>
                  <a:pt x="299" y="301"/>
                </a:cubicBezTo>
                <a:cubicBezTo>
                  <a:pt x="299" y="301"/>
                  <a:pt x="299" y="301"/>
                  <a:pt x="299" y="301"/>
                </a:cubicBezTo>
                <a:cubicBezTo>
                  <a:pt x="440" y="301"/>
                  <a:pt x="440" y="301"/>
                  <a:pt x="440" y="301"/>
                </a:cubicBezTo>
                <a:cubicBezTo>
                  <a:pt x="440" y="252"/>
                  <a:pt x="440" y="252"/>
                  <a:pt x="440" y="252"/>
                </a:cubicBezTo>
                <a:cubicBezTo>
                  <a:pt x="298" y="252"/>
                  <a:pt x="298" y="252"/>
                  <a:pt x="298" y="252"/>
                </a:cubicBezTo>
                <a:cubicBezTo>
                  <a:pt x="291" y="252"/>
                  <a:pt x="285" y="246"/>
                  <a:pt x="285" y="239"/>
                </a:cubicBezTo>
                <a:cubicBezTo>
                  <a:pt x="285" y="239"/>
                  <a:pt x="285" y="239"/>
                  <a:pt x="285" y="239"/>
                </a:cubicBezTo>
                <a:cubicBezTo>
                  <a:pt x="285" y="231"/>
                  <a:pt x="291" y="226"/>
                  <a:pt x="298" y="226"/>
                </a:cubicBezTo>
                <a:cubicBezTo>
                  <a:pt x="298" y="226"/>
                  <a:pt x="298" y="226"/>
                  <a:pt x="298" y="226"/>
                </a:cubicBezTo>
                <a:cubicBezTo>
                  <a:pt x="453" y="226"/>
                  <a:pt x="453" y="226"/>
                  <a:pt x="453" y="226"/>
                </a:cubicBezTo>
                <a:cubicBezTo>
                  <a:pt x="457" y="226"/>
                  <a:pt x="460" y="227"/>
                  <a:pt x="463" y="229"/>
                </a:cubicBezTo>
                <a:cubicBezTo>
                  <a:pt x="463" y="229"/>
                  <a:pt x="463" y="229"/>
                  <a:pt x="463" y="229"/>
                </a:cubicBezTo>
                <a:cubicBezTo>
                  <a:pt x="465" y="232"/>
                  <a:pt x="467" y="235"/>
                  <a:pt x="467" y="239"/>
                </a:cubicBezTo>
                <a:cubicBezTo>
                  <a:pt x="467" y="239"/>
                  <a:pt x="467" y="239"/>
                  <a:pt x="467" y="239"/>
                </a:cubicBezTo>
                <a:cubicBezTo>
                  <a:pt x="467" y="314"/>
                  <a:pt x="467" y="314"/>
                  <a:pt x="467" y="314"/>
                </a:cubicBezTo>
                <a:cubicBezTo>
                  <a:pt x="467" y="318"/>
                  <a:pt x="465" y="321"/>
                  <a:pt x="463" y="324"/>
                </a:cubicBezTo>
                <a:cubicBezTo>
                  <a:pt x="463" y="324"/>
                  <a:pt x="463" y="324"/>
                  <a:pt x="463" y="324"/>
                </a:cubicBezTo>
                <a:cubicBezTo>
                  <a:pt x="460" y="326"/>
                  <a:pt x="457" y="328"/>
                  <a:pt x="453" y="328"/>
                </a:cubicBezTo>
                <a:cubicBezTo>
                  <a:pt x="453" y="328"/>
                  <a:pt x="453" y="328"/>
                  <a:pt x="453" y="328"/>
                </a:cubicBezTo>
                <a:cubicBezTo>
                  <a:pt x="312" y="328"/>
                  <a:pt x="312" y="328"/>
                  <a:pt x="312" y="328"/>
                </a:cubicBezTo>
                <a:cubicBezTo>
                  <a:pt x="312" y="409"/>
                  <a:pt x="312" y="409"/>
                  <a:pt x="312" y="409"/>
                </a:cubicBezTo>
                <a:cubicBezTo>
                  <a:pt x="312" y="414"/>
                  <a:pt x="309" y="419"/>
                  <a:pt x="304" y="421"/>
                </a:cubicBezTo>
                <a:cubicBezTo>
                  <a:pt x="304" y="421"/>
                  <a:pt x="304" y="421"/>
                  <a:pt x="304" y="421"/>
                </a:cubicBezTo>
                <a:cubicBezTo>
                  <a:pt x="302" y="422"/>
                  <a:pt x="301" y="422"/>
                  <a:pt x="299" y="422"/>
                </a:cubicBezTo>
                <a:cubicBezTo>
                  <a:pt x="299" y="422"/>
                  <a:pt x="299" y="422"/>
                  <a:pt x="299" y="422"/>
                </a:cubicBezTo>
                <a:cubicBezTo>
                  <a:pt x="295" y="422"/>
                  <a:pt x="292" y="420"/>
                  <a:pt x="289" y="41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8" name="Freeform 284"/>
          <p:cNvSpPr>
            <a:spLocks/>
          </p:cNvSpPr>
          <p:nvPr userDrawn="1"/>
        </p:nvSpPr>
        <p:spPr bwMode="auto">
          <a:xfrm>
            <a:off x="3262795" y="1795367"/>
            <a:ext cx="311150" cy="417512"/>
          </a:xfrm>
          <a:custGeom>
            <a:avLst/>
            <a:gdLst/>
            <a:ahLst/>
            <a:cxnLst>
              <a:cxn ang="0">
                <a:pos x="8" y="68"/>
              </a:cxn>
              <a:cxn ang="0">
                <a:pos x="0" y="106"/>
              </a:cxn>
              <a:cxn ang="0">
                <a:pos x="57" y="222"/>
              </a:cxn>
              <a:cxn ang="0">
                <a:pos x="67" y="229"/>
              </a:cxn>
              <a:cxn ang="0">
                <a:pos x="67" y="229"/>
              </a:cxn>
              <a:cxn ang="0">
                <a:pos x="67" y="229"/>
              </a:cxn>
              <a:cxn ang="0">
                <a:pos x="85" y="223"/>
              </a:cxn>
              <a:cxn ang="0">
                <a:pos x="80" y="205"/>
              </a:cxn>
              <a:cxn ang="0">
                <a:pos x="59" y="163"/>
              </a:cxn>
              <a:cxn ang="0">
                <a:pos x="73" y="153"/>
              </a:cxn>
              <a:cxn ang="0">
                <a:pos x="89" y="143"/>
              </a:cxn>
              <a:cxn ang="0">
                <a:pos x="79" y="127"/>
              </a:cxn>
              <a:cxn ang="0">
                <a:pos x="35" y="151"/>
              </a:cxn>
              <a:cxn ang="0">
                <a:pos x="26" y="106"/>
              </a:cxn>
              <a:cxn ang="0">
                <a:pos x="31" y="80"/>
              </a:cxn>
              <a:cxn ang="0">
                <a:pos x="155" y="27"/>
              </a:cxn>
              <a:cxn ang="0">
                <a:pos x="241" y="85"/>
              </a:cxn>
              <a:cxn ang="0">
                <a:pos x="243" y="102"/>
              </a:cxn>
              <a:cxn ang="0">
                <a:pos x="234" y="131"/>
              </a:cxn>
              <a:cxn ang="0">
                <a:pos x="230" y="140"/>
              </a:cxn>
              <a:cxn ang="0">
                <a:pos x="246" y="184"/>
              </a:cxn>
              <a:cxn ang="0">
                <a:pos x="247" y="190"/>
              </a:cxn>
              <a:cxn ang="0">
                <a:pos x="239" y="197"/>
              </a:cxn>
              <a:cxn ang="0">
                <a:pos x="230" y="203"/>
              </a:cxn>
              <a:cxn ang="0">
                <a:pos x="226" y="218"/>
              </a:cxn>
              <a:cxn ang="0">
                <a:pos x="228" y="231"/>
              </a:cxn>
              <a:cxn ang="0">
                <a:pos x="224" y="242"/>
              </a:cxn>
              <a:cxn ang="0">
                <a:pos x="224" y="244"/>
              </a:cxn>
              <a:cxn ang="0">
                <a:pos x="227" y="255"/>
              </a:cxn>
              <a:cxn ang="0">
                <a:pos x="219" y="273"/>
              </a:cxn>
              <a:cxn ang="0">
                <a:pos x="197" y="286"/>
              </a:cxn>
              <a:cxn ang="0">
                <a:pos x="150" y="294"/>
              </a:cxn>
              <a:cxn ang="0">
                <a:pos x="131" y="336"/>
              </a:cxn>
              <a:cxn ang="0">
                <a:pos x="40" y="292"/>
              </a:cxn>
              <a:cxn ang="0">
                <a:pos x="22" y="298"/>
              </a:cxn>
              <a:cxn ang="0">
                <a:pos x="28" y="315"/>
              </a:cxn>
              <a:cxn ang="0">
                <a:pos x="135" y="367"/>
              </a:cxn>
              <a:cxn ang="0">
                <a:pos x="147" y="367"/>
              </a:cxn>
              <a:cxn ang="0">
                <a:pos x="154" y="357"/>
              </a:cxn>
              <a:cxn ang="0">
                <a:pos x="165" y="316"/>
              </a:cxn>
              <a:cxn ang="0">
                <a:pos x="197" y="313"/>
              </a:cxn>
              <a:cxn ang="0">
                <a:pos x="244" y="283"/>
              </a:cxn>
              <a:cxn ang="0">
                <a:pos x="246" y="278"/>
              </a:cxn>
              <a:cxn ang="0">
                <a:pos x="254" y="252"/>
              </a:cxn>
              <a:cxn ang="0">
                <a:pos x="251" y="244"/>
              </a:cxn>
              <a:cxn ang="0">
                <a:pos x="255" y="235"/>
              </a:cxn>
              <a:cxn ang="0">
                <a:pos x="255" y="232"/>
              </a:cxn>
              <a:cxn ang="0">
                <a:pos x="253" y="219"/>
              </a:cxn>
              <a:cxn ang="0">
                <a:pos x="274" y="199"/>
              </a:cxn>
              <a:cxn ang="0">
                <a:pos x="276" y="189"/>
              </a:cxn>
              <a:cxn ang="0">
                <a:pos x="275" y="183"/>
              </a:cxn>
              <a:cxn ang="0">
                <a:pos x="271" y="174"/>
              </a:cxn>
              <a:cxn ang="0">
                <a:pos x="257" y="143"/>
              </a:cxn>
              <a:cxn ang="0">
                <a:pos x="269" y="102"/>
              </a:cxn>
              <a:cxn ang="0">
                <a:pos x="267" y="80"/>
              </a:cxn>
              <a:cxn ang="0">
                <a:pos x="155" y="0"/>
              </a:cxn>
              <a:cxn ang="0">
                <a:pos x="8" y="68"/>
              </a:cxn>
            </a:cxnLst>
            <a:rect l="0" t="0" r="r" b="b"/>
            <a:pathLst>
              <a:path w="276" h="369">
                <a:moveTo>
                  <a:pt x="8" y="68"/>
                </a:moveTo>
                <a:cubicBezTo>
                  <a:pt x="3" y="77"/>
                  <a:pt x="0" y="90"/>
                  <a:pt x="0" y="106"/>
                </a:cubicBezTo>
                <a:cubicBezTo>
                  <a:pt x="0" y="145"/>
                  <a:pt x="17" y="196"/>
                  <a:pt x="57" y="222"/>
                </a:cubicBezTo>
                <a:cubicBezTo>
                  <a:pt x="60" y="225"/>
                  <a:pt x="63" y="227"/>
                  <a:pt x="67" y="229"/>
                </a:cubicBezTo>
                <a:cubicBezTo>
                  <a:pt x="67" y="229"/>
                  <a:pt x="67" y="229"/>
                  <a:pt x="67" y="229"/>
                </a:cubicBezTo>
                <a:cubicBezTo>
                  <a:pt x="67" y="229"/>
                  <a:pt x="67" y="229"/>
                  <a:pt x="67" y="229"/>
                </a:cubicBezTo>
                <a:cubicBezTo>
                  <a:pt x="74" y="232"/>
                  <a:pt x="82" y="230"/>
                  <a:pt x="85" y="223"/>
                </a:cubicBezTo>
                <a:cubicBezTo>
                  <a:pt x="88" y="217"/>
                  <a:pt x="86" y="209"/>
                  <a:pt x="80" y="205"/>
                </a:cubicBezTo>
                <a:cubicBezTo>
                  <a:pt x="58" y="194"/>
                  <a:pt x="54" y="175"/>
                  <a:pt x="59" y="163"/>
                </a:cubicBezTo>
                <a:cubicBezTo>
                  <a:pt x="60" y="159"/>
                  <a:pt x="64" y="151"/>
                  <a:pt x="73" y="153"/>
                </a:cubicBezTo>
                <a:cubicBezTo>
                  <a:pt x="81" y="155"/>
                  <a:pt x="88" y="150"/>
                  <a:pt x="89" y="143"/>
                </a:cubicBezTo>
                <a:cubicBezTo>
                  <a:pt x="91" y="136"/>
                  <a:pt x="86" y="129"/>
                  <a:pt x="79" y="127"/>
                </a:cubicBezTo>
                <a:cubicBezTo>
                  <a:pt x="60" y="123"/>
                  <a:pt x="43" y="133"/>
                  <a:pt x="35" y="151"/>
                </a:cubicBezTo>
                <a:cubicBezTo>
                  <a:pt x="29" y="136"/>
                  <a:pt x="26" y="120"/>
                  <a:pt x="26" y="106"/>
                </a:cubicBezTo>
                <a:cubicBezTo>
                  <a:pt x="26" y="95"/>
                  <a:pt x="28" y="86"/>
                  <a:pt x="31" y="80"/>
                </a:cubicBezTo>
                <a:cubicBezTo>
                  <a:pt x="54" y="34"/>
                  <a:pt x="119" y="27"/>
                  <a:pt x="155" y="27"/>
                </a:cubicBezTo>
                <a:cubicBezTo>
                  <a:pt x="197" y="27"/>
                  <a:pt x="235" y="52"/>
                  <a:pt x="241" y="85"/>
                </a:cubicBezTo>
                <a:cubicBezTo>
                  <a:pt x="242" y="91"/>
                  <a:pt x="243" y="97"/>
                  <a:pt x="243" y="102"/>
                </a:cubicBezTo>
                <a:cubicBezTo>
                  <a:pt x="243" y="120"/>
                  <a:pt x="236" y="128"/>
                  <a:pt x="234" y="131"/>
                </a:cubicBezTo>
                <a:cubicBezTo>
                  <a:pt x="232" y="133"/>
                  <a:pt x="230" y="136"/>
                  <a:pt x="230" y="140"/>
                </a:cubicBezTo>
                <a:cubicBezTo>
                  <a:pt x="230" y="154"/>
                  <a:pt x="238" y="168"/>
                  <a:pt x="246" y="184"/>
                </a:cubicBezTo>
                <a:cubicBezTo>
                  <a:pt x="246" y="184"/>
                  <a:pt x="249" y="188"/>
                  <a:pt x="247" y="190"/>
                </a:cubicBezTo>
                <a:cubicBezTo>
                  <a:pt x="246" y="192"/>
                  <a:pt x="241" y="196"/>
                  <a:pt x="239" y="197"/>
                </a:cubicBezTo>
                <a:cubicBezTo>
                  <a:pt x="230" y="203"/>
                  <a:pt x="230" y="203"/>
                  <a:pt x="230" y="203"/>
                </a:cubicBezTo>
                <a:cubicBezTo>
                  <a:pt x="229" y="205"/>
                  <a:pt x="226" y="208"/>
                  <a:pt x="226" y="218"/>
                </a:cubicBezTo>
                <a:cubicBezTo>
                  <a:pt x="226" y="221"/>
                  <a:pt x="227" y="226"/>
                  <a:pt x="228" y="231"/>
                </a:cubicBezTo>
                <a:cubicBezTo>
                  <a:pt x="226" y="234"/>
                  <a:pt x="224" y="238"/>
                  <a:pt x="224" y="242"/>
                </a:cubicBezTo>
                <a:cubicBezTo>
                  <a:pt x="224" y="243"/>
                  <a:pt x="224" y="243"/>
                  <a:pt x="224" y="244"/>
                </a:cubicBezTo>
                <a:cubicBezTo>
                  <a:pt x="224" y="247"/>
                  <a:pt x="224" y="251"/>
                  <a:pt x="227" y="255"/>
                </a:cubicBezTo>
                <a:cubicBezTo>
                  <a:pt x="226" y="259"/>
                  <a:pt x="223" y="268"/>
                  <a:pt x="219" y="273"/>
                </a:cubicBezTo>
                <a:cubicBezTo>
                  <a:pt x="217" y="277"/>
                  <a:pt x="205" y="286"/>
                  <a:pt x="197" y="286"/>
                </a:cubicBezTo>
                <a:cubicBezTo>
                  <a:pt x="173" y="286"/>
                  <a:pt x="159" y="288"/>
                  <a:pt x="150" y="294"/>
                </a:cubicBezTo>
                <a:cubicBezTo>
                  <a:pt x="147" y="296"/>
                  <a:pt x="139" y="300"/>
                  <a:pt x="131" y="336"/>
                </a:cubicBezTo>
                <a:cubicBezTo>
                  <a:pt x="109" y="325"/>
                  <a:pt x="40" y="292"/>
                  <a:pt x="40" y="292"/>
                </a:cubicBezTo>
                <a:cubicBezTo>
                  <a:pt x="33" y="288"/>
                  <a:pt x="25" y="291"/>
                  <a:pt x="22" y="298"/>
                </a:cubicBezTo>
                <a:cubicBezTo>
                  <a:pt x="19" y="304"/>
                  <a:pt x="22" y="312"/>
                  <a:pt x="28" y="315"/>
                </a:cubicBezTo>
                <a:cubicBezTo>
                  <a:pt x="135" y="367"/>
                  <a:pt x="135" y="367"/>
                  <a:pt x="135" y="367"/>
                </a:cubicBezTo>
                <a:cubicBezTo>
                  <a:pt x="139" y="369"/>
                  <a:pt x="143" y="369"/>
                  <a:pt x="147" y="367"/>
                </a:cubicBezTo>
                <a:cubicBezTo>
                  <a:pt x="151" y="365"/>
                  <a:pt x="153" y="361"/>
                  <a:pt x="154" y="357"/>
                </a:cubicBezTo>
                <a:cubicBezTo>
                  <a:pt x="157" y="340"/>
                  <a:pt x="162" y="321"/>
                  <a:pt x="165" y="316"/>
                </a:cubicBezTo>
                <a:cubicBezTo>
                  <a:pt x="169" y="314"/>
                  <a:pt x="178" y="313"/>
                  <a:pt x="197" y="313"/>
                </a:cubicBezTo>
                <a:cubicBezTo>
                  <a:pt x="215" y="313"/>
                  <a:pt x="238" y="299"/>
                  <a:pt x="244" y="283"/>
                </a:cubicBezTo>
                <a:cubicBezTo>
                  <a:pt x="246" y="278"/>
                  <a:pt x="246" y="278"/>
                  <a:pt x="246" y="278"/>
                </a:cubicBezTo>
                <a:cubicBezTo>
                  <a:pt x="251" y="268"/>
                  <a:pt x="254" y="259"/>
                  <a:pt x="254" y="252"/>
                </a:cubicBezTo>
                <a:cubicBezTo>
                  <a:pt x="254" y="249"/>
                  <a:pt x="253" y="246"/>
                  <a:pt x="251" y="244"/>
                </a:cubicBezTo>
                <a:cubicBezTo>
                  <a:pt x="253" y="241"/>
                  <a:pt x="255" y="238"/>
                  <a:pt x="255" y="235"/>
                </a:cubicBezTo>
                <a:cubicBezTo>
                  <a:pt x="255" y="234"/>
                  <a:pt x="255" y="233"/>
                  <a:pt x="255" y="232"/>
                </a:cubicBezTo>
                <a:cubicBezTo>
                  <a:pt x="254" y="228"/>
                  <a:pt x="253" y="222"/>
                  <a:pt x="253" y="219"/>
                </a:cubicBezTo>
                <a:cubicBezTo>
                  <a:pt x="261" y="214"/>
                  <a:pt x="270" y="205"/>
                  <a:pt x="274" y="199"/>
                </a:cubicBezTo>
                <a:cubicBezTo>
                  <a:pt x="276" y="195"/>
                  <a:pt x="276" y="191"/>
                  <a:pt x="276" y="189"/>
                </a:cubicBezTo>
                <a:cubicBezTo>
                  <a:pt x="276" y="186"/>
                  <a:pt x="276" y="184"/>
                  <a:pt x="275" y="183"/>
                </a:cubicBezTo>
                <a:cubicBezTo>
                  <a:pt x="271" y="174"/>
                  <a:pt x="271" y="174"/>
                  <a:pt x="271" y="174"/>
                </a:cubicBezTo>
                <a:cubicBezTo>
                  <a:pt x="267" y="166"/>
                  <a:pt x="259" y="153"/>
                  <a:pt x="257" y="143"/>
                </a:cubicBezTo>
                <a:cubicBezTo>
                  <a:pt x="265" y="133"/>
                  <a:pt x="269" y="118"/>
                  <a:pt x="269" y="102"/>
                </a:cubicBezTo>
                <a:cubicBezTo>
                  <a:pt x="269" y="95"/>
                  <a:pt x="269" y="87"/>
                  <a:pt x="267" y="80"/>
                </a:cubicBezTo>
                <a:cubicBezTo>
                  <a:pt x="259" y="35"/>
                  <a:pt x="211" y="0"/>
                  <a:pt x="155" y="0"/>
                </a:cubicBezTo>
                <a:cubicBezTo>
                  <a:pt x="82" y="0"/>
                  <a:pt x="30" y="24"/>
                  <a:pt x="8" y="6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9" name="Freeform 288"/>
          <p:cNvSpPr>
            <a:spLocks/>
          </p:cNvSpPr>
          <p:nvPr userDrawn="1"/>
        </p:nvSpPr>
        <p:spPr bwMode="auto">
          <a:xfrm>
            <a:off x="3185801" y="2421155"/>
            <a:ext cx="465138" cy="441324"/>
          </a:xfrm>
          <a:custGeom>
            <a:avLst/>
            <a:gdLst/>
            <a:ahLst/>
            <a:cxnLst>
              <a:cxn ang="0">
                <a:pos x="387" y="147"/>
              </a:cxn>
              <a:cxn ang="0">
                <a:pos x="334" y="107"/>
              </a:cxn>
              <a:cxn ang="0">
                <a:pos x="354" y="73"/>
              </a:cxn>
              <a:cxn ang="0">
                <a:pos x="306" y="26"/>
              </a:cxn>
              <a:cxn ang="0">
                <a:pos x="256" y="11"/>
              </a:cxn>
              <a:cxn ang="0">
                <a:pos x="240" y="38"/>
              </a:cxn>
              <a:cxn ang="0">
                <a:pos x="213" y="40"/>
              </a:cxn>
              <a:cxn ang="0">
                <a:pos x="181" y="29"/>
              </a:cxn>
              <a:cxn ang="0">
                <a:pos x="167" y="3"/>
              </a:cxn>
              <a:cxn ang="0">
                <a:pos x="70" y="49"/>
              </a:cxn>
              <a:cxn ang="0">
                <a:pos x="86" y="91"/>
              </a:cxn>
              <a:cxn ang="0">
                <a:pos x="26" y="129"/>
              </a:cxn>
              <a:cxn ang="0">
                <a:pos x="11" y="138"/>
              </a:cxn>
              <a:cxn ang="0">
                <a:pos x="13" y="246"/>
              </a:cxn>
              <a:cxn ang="0">
                <a:pos x="53" y="247"/>
              </a:cxn>
              <a:cxn ang="0">
                <a:pos x="56" y="320"/>
              </a:cxn>
              <a:cxn ang="0">
                <a:pos x="94" y="367"/>
              </a:cxn>
              <a:cxn ang="0">
                <a:pos x="157" y="383"/>
              </a:cxn>
              <a:cxn ang="0">
                <a:pos x="223" y="356"/>
              </a:cxn>
              <a:cxn ang="0">
                <a:pos x="238" y="332"/>
              </a:cxn>
              <a:cxn ang="0">
                <a:pos x="185" y="219"/>
              </a:cxn>
              <a:cxn ang="0">
                <a:pos x="143" y="123"/>
              </a:cxn>
              <a:cxn ang="0">
                <a:pos x="188" y="180"/>
              </a:cxn>
              <a:cxn ang="0">
                <a:pos x="221" y="177"/>
              </a:cxn>
              <a:cxn ang="0">
                <a:pos x="275" y="185"/>
              </a:cxn>
              <a:cxn ang="0">
                <a:pos x="292" y="228"/>
              </a:cxn>
              <a:cxn ang="0">
                <a:pos x="301" y="311"/>
              </a:cxn>
              <a:cxn ang="0">
                <a:pos x="236" y="384"/>
              </a:cxn>
              <a:cxn ang="0">
                <a:pos x="331" y="351"/>
              </a:cxn>
              <a:cxn ang="0">
                <a:pos x="327" y="273"/>
              </a:cxn>
              <a:cxn ang="0">
                <a:pos x="308" y="197"/>
              </a:cxn>
              <a:cxn ang="0">
                <a:pos x="253" y="151"/>
              </a:cxn>
              <a:cxn ang="0">
                <a:pos x="205" y="155"/>
              </a:cxn>
              <a:cxn ang="0">
                <a:pos x="141" y="94"/>
              </a:cxn>
              <a:cxn ang="0">
                <a:pos x="118" y="136"/>
              </a:cxn>
              <a:cxn ang="0">
                <a:pos x="160" y="309"/>
              </a:cxn>
              <a:cxn ang="0">
                <a:pos x="176" y="327"/>
              </a:cxn>
              <a:cxn ang="0">
                <a:pos x="139" y="361"/>
              </a:cxn>
              <a:cxn ang="0">
                <a:pos x="83" y="327"/>
              </a:cxn>
              <a:cxn ang="0">
                <a:pos x="104" y="284"/>
              </a:cxn>
              <a:cxn ang="0">
                <a:pos x="76" y="229"/>
              </a:cxn>
              <a:cxn ang="0">
                <a:pos x="31" y="222"/>
              </a:cxn>
              <a:cxn ang="0">
                <a:pos x="78" y="154"/>
              </a:cxn>
              <a:cxn ang="0">
                <a:pos x="107" y="108"/>
              </a:cxn>
              <a:cxn ang="0">
                <a:pos x="109" y="77"/>
              </a:cxn>
              <a:cxn ang="0">
                <a:pos x="152" y="29"/>
              </a:cxn>
              <a:cxn ang="0">
                <a:pos x="163" y="54"/>
              </a:cxn>
              <a:cxn ang="0">
                <a:pos x="188" y="67"/>
              </a:cxn>
              <a:cxn ang="0">
                <a:pos x="241" y="73"/>
              </a:cxn>
              <a:cxn ang="0">
                <a:pos x="263" y="51"/>
              </a:cxn>
              <a:cxn ang="0">
                <a:pos x="289" y="47"/>
              </a:cxn>
              <a:cxn ang="0">
                <a:pos x="324" y="75"/>
              </a:cxn>
              <a:cxn ang="0">
                <a:pos x="311" y="121"/>
              </a:cxn>
              <a:cxn ang="0">
                <a:pos x="334" y="169"/>
              </a:cxn>
              <a:cxn ang="0">
                <a:pos x="373" y="245"/>
              </a:cxn>
              <a:cxn ang="0">
                <a:pos x="395" y="261"/>
              </a:cxn>
            </a:cxnLst>
            <a:rect l="0" t="0" r="r" b="b"/>
            <a:pathLst>
              <a:path w="413" h="391">
                <a:moveTo>
                  <a:pt x="401" y="155"/>
                </a:moveTo>
                <a:cubicBezTo>
                  <a:pt x="400" y="152"/>
                  <a:pt x="398" y="150"/>
                  <a:pt x="396" y="149"/>
                </a:cubicBezTo>
                <a:cubicBezTo>
                  <a:pt x="393" y="147"/>
                  <a:pt x="390" y="146"/>
                  <a:pt x="387" y="147"/>
                </a:cubicBezTo>
                <a:cubicBezTo>
                  <a:pt x="356" y="150"/>
                  <a:pt x="356" y="150"/>
                  <a:pt x="356" y="150"/>
                </a:cubicBezTo>
                <a:cubicBezTo>
                  <a:pt x="354" y="145"/>
                  <a:pt x="351" y="138"/>
                  <a:pt x="347" y="131"/>
                </a:cubicBezTo>
                <a:cubicBezTo>
                  <a:pt x="343" y="121"/>
                  <a:pt x="338" y="113"/>
                  <a:pt x="334" y="107"/>
                </a:cubicBezTo>
                <a:cubicBezTo>
                  <a:pt x="351" y="83"/>
                  <a:pt x="351" y="83"/>
                  <a:pt x="351" y="83"/>
                </a:cubicBezTo>
                <a:cubicBezTo>
                  <a:pt x="351" y="83"/>
                  <a:pt x="351" y="83"/>
                  <a:pt x="352" y="83"/>
                </a:cubicBezTo>
                <a:cubicBezTo>
                  <a:pt x="353" y="80"/>
                  <a:pt x="354" y="76"/>
                  <a:pt x="354" y="73"/>
                </a:cubicBezTo>
                <a:cubicBezTo>
                  <a:pt x="354" y="73"/>
                  <a:pt x="354" y="73"/>
                  <a:pt x="354" y="73"/>
                </a:cubicBezTo>
                <a:cubicBezTo>
                  <a:pt x="353" y="67"/>
                  <a:pt x="350" y="61"/>
                  <a:pt x="335" y="48"/>
                </a:cubicBezTo>
                <a:cubicBezTo>
                  <a:pt x="326" y="40"/>
                  <a:pt x="315" y="33"/>
                  <a:pt x="306" y="26"/>
                </a:cubicBezTo>
                <a:cubicBezTo>
                  <a:pt x="305" y="26"/>
                  <a:pt x="304" y="25"/>
                  <a:pt x="303" y="25"/>
                </a:cubicBezTo>
                <a:cubicBezTo>
                  <a:pt x="282" y="11"/>
                  <a:pt x="268" y="7"/>
                  <a:pt x="256" y="11"/>
                </a:cubicBezTo>
                <a:cubicBezTo>
                  <a:pt x="256" y="11"/>
                  <a:pt x="256" y="11"/>
                  <a:pt x="256" y="11"/>
                </a:cubicBezTo>
                <a:cubicBezTo>
                  <a:pt x="255" y="11"/>
                  <a:pt x="254" y="12"/>
                  <a:pt x="253" y="13"/>
                </a:cubicBezTo>
                <a:cubicBezTo>
                  <a:pt x="251" y="14"/>
                  <a:pt x="249" y="16"/>
                  <a:pt x="248" y="17"/>
                </a:cubicBezTo>
                <a:cubicBezTo>
                  <a:pt x="247" y="20"/>
                  <a:pt x="245" y="25"/>
                  <a:pt x="240" y="38"/>
                </a:cubicBezTo>
                <a:cubicBezTo>
                  <a:pt x="238" y="41"/>
                  <a:pt x="238" y="41"/>
                  <a:pt x="238" y="41"/>
                </a:cubicBezTo>
                <a:cubicBezTo>
                  <a:pt x="238" y="42"/>
                  <a:pt x="238" y="43"/>
                  <a:pt x="237" y="44"/>
                </a:cubicBezTo>
                <a:cubicBezTo>
                  <a:pt x="231" y="42"/>
                  <a:pt x="222" y="41"/>
                  <a:pt x="213" y="40"/>
                </a:cubicBezTo>
                <a:cubicBezTo>
                  <a:pt x="203" y="40"/>
                  <a:pt x="194" y="40"/>
                  <a:pt x="187" y="40"/>
                </a:cubicBezTo>
                <a:cubicBezTo>
                  <a:pt x="185" y="38"/>
                  <a:pt x="184" y="34"/>
                  <a:pt x="182" y="30"/>
                </a:cubicBezTo>
                <a:cubicBezTo>
                  <a:pt x="181" y="29"/>
                  <a:pt x="181" y="29"/>
                  <a:pt x="181" y="29"/>
                </a:cubicBezTo>
                <a:cubicBezTo>
                  <a:pt x="178" y="23"/>
                  <a:pt x="174" y="14"/>
                  <a:pt x="172" y="10"/>
                </a:cubicBezTo>
                <a:cubicBezTo>
                  <a:pt x="171" y="8"/>
                  <a:pt x="170" y="5"/>
                  <a:pt x="167" y="4"/>
                </a:cubicBezTo>
                <a:cubicBezTo>
                  <a:pt x="167" y="4"/>
                  <a:pt x="167" y="4"/>
                  <a:pt x="167" y="3"/>
                </a:cubicBezTo>
                <a:cubicBezTo>
                  <a:pt x="165" y="2"/>
                  <a:pt x="163" y="1"/>
                  <a:pt x="160" y="1"/>
                </a:cubicBezTo>
                <a:cubicBezTo>
                  <a:pt x="147" y="0"/>
                  <a:pt x="120" y="13"/>
                  <a:pt x="112" y="17"/>
                </a:cubicBezTo>
                <a:cubicBezTo>
                  <a:pt x="90" y="28"/>
                  <a:pt x="76" y="39"/>
                  <a:pt x="70" y="49"/>
                </a:cubicBezTo>
                <a:cubicBezTo>
                  <a:pt x="69" y="50"/>
                  <a:pt x="68" y="51"/>
                  <a:pt x="67" y="53"/>
                </a:cubicBezTo>
                <a:cubicBezTo>
                  <a:pt x="65" y="57"/>
                  <a:pt x="66" y="62"/>
                  <a:pt x="69" y="67"/>
                </a:cubicBezTo>
                <a:cubicBezTo>
                  <a:pt x="75" y="77"/>
                  <a:pt x="80" y="84"/>
                  <a:pt x="86" y="91"/>
                </a:cubicBezTo>
                <a:cubicBezTo>
                  <a:pt x="80" y="98"/>
                  <a:pt x="73" y="107"/>
                  <a:pt x="68" y="116"/>
                </a:cubicBezTo>
                <a:cubicBezTo>
                  <a:pt x="63" y="122"/>
                  <a:pt x="60" y="129"/>
                  <a:pt x="57" y="134"/>
                </a:cubicBezTo>
                <a:cubicBezTo>
                  <a:pt x="26" y="129"/>
                  <a:pt x="26" y="129"/>
                  <a:pt x="26" y="129"/>
                </a:cubicBezTo>
                <a:cubicBezTo>
                  <a:pt x="21" y="128"/>
                  <a:pt x="15" y="131"/>
                  <a:pt x="12" y="135"/>
                </a:cubicBezTo>
                <a:cubicBezTo>
                  <a:pt x="12" y="136"/>
                  <a:pt x="12" y="136"/>
                  <a:pt x="12" y="136"/>
                </a:cubicBezTo>
                <a:cubicBezTo>
                  <a:pt x="11" y="137"/>
                  <a:pt x="11" y="137"/>
                  <a:pt x="11" y="138"/>
                </a:cubicBezTo>
                <a:cubicBezTo>
                  <a:pt x="10" y="138"/>
                  <a:pt x="10" y="138"/>
                  <a:pt x="10" y="139"/>
                </a:cubicBezTo>
                <a:cubicBezTo>
                  <a:pt x="6" y="150"/>
                  <a:pt x="0" y="215"/>
                  <a:pt x="7" y="238"/>
                </a:cubicBezTo>
                <a:cubicBezTo>
                  <a:pt x="8" y="241"/>
                  <a:pt x="10" y="244"/>
                  <a:pt x="13" y="246"/>
                </a:cubicBezTo>
                <a:cubicBezTo>
                  <a:pt x="15" y="248"/>
                  <a:pt x="18" y="249"/>
                  <a:pt x="20" y="249"/>
                </a:cubicBezTo>
                <a:cubicBezTo>
                  <a:pt x="21" y="249"/>
                  <a:pt x="21" y="249"/>
                  <a:pt x="21" y="249"/>
                </a:cubicBezTo>
                <a:cubicBezTo>
                  <a:pt x="29" y="249"/>
                  <a:pt x="42" y="248"/>
                  <a:pt x="53" y="247"/>
                </a:cubicBezTo>
                <a:cubicBezTo>
                  <a:pt x="58" y="261"/>
                  <a:pt x="68" y="280"/>
                  <a:pt x="76" y="292"/>
                </a:cubicBezTo>
                <a:cubicBezTo>
                  <a:pt x="67" y="304"/>
                  <a:pt x="56" y="320"/>
                  <a:pt x="56" y="320"/>
                </a:cubicBezTo>
                <a:cubicBezTo>
                  <a:pt x="56" y="320"/>
                  <a:pt x="56" y="320"/>
                  <a:pt x="56" y="320"/>
                </a:cubicBezTo>
                <a:cubicBezTo>
                  <a:pt x="53" y="324"/>
                  <a:pt x="53" y="329"/>
                  <a:pt x="55" y="333"/>
                </a:cubicBezTo>
                <a:cubicBezTo>
                  <a:pt x="58" y="341"/>
                  <a:pt x="68" y="351"/>
                  <a:pt x="86" y="363"/>
                </a:cubicBezTo>
                <a:cubicBezTo>
                  <a:pt x="89" y="364"/>
                  <a:pt x="91" y="366"/>
                  <a:pt x="94" y="367"/>
                </a:cubicBezTo>
                <a:cubicBezTo>
                  <a:pt x="103" y="373"/>
                  <a:pt x="127" y="387"/>
                  <a:pt x="143" y="389"/>
                </a:cubicBezTo>
                <a:cubicBezTo>
                  <a:pt x="144" y="390"/>
                  <a:pt x="144" y="390"/>
                  <a:pt x="145" y="390"/>
                </a:cubicBezTo>
                <a:cubicBezTo>
                  <a:pt x="150" y="390"/>
                  <a:pt x="155" y="387"/>
                  <a:pt x="157" y="383"/>
                </a:cubicBezTo>
                <a:cubicBezTo>
                  <a:pt x="158" y="383"/>
                  <a:pt x="158" y="382"/>
                  <a:pt x="158" y="381"/>
                </a:cubicBezTo>
                <a:cubicBezTo>
                  <a:pt x="172" y="354"/>
                  <a:pt x="172" y="354"/>
                  <a:pt x="172" y="354"/>
                </a:cubicBezTo>
                <a:cubicBezTo>
                  <a:pt x="190" y="358"/>
                  <a:pt x="209" y="357"/>
                  <a:pt x="223" y="356"/>
                </a:cubicBezTo>
                <a:cubicBezTo>
                  <a:pt x="229" y="356"/>
                  <a:pt x="229" y="356"/>
                  <a:pt x="229" y="356"/>
                </a:cubicBezTo>
                <a:cubicBezTo>
                  <a:pt x="234" y="356"/>
                  <a:pt x="238" y="354"/>
                  <a:pt x="241" y="350"/>
                </a:cubicBezTo>
                <a:cubicBezTo>
                  <a:pt x="245" y="344"/>
                  <a:pt x="244" y="336"/>
                  <a:pt x="238" y="332"/>
                </a:cubicBezTo>
                <a:cubicBezTo>
                  <a:pt x="181" y="292"/>
                  <a:pt x="181" y="292"/>
                  <a:pt x="181" y="292"/>
                </a:cubicBezTo>
                <a:cubicBezTo>
                  <a:pt x="178" y="287"/>
                  <a:pt x="170" y="270"/>
                  <a:pt x="176" y="252"/>
                </a:cubicBezTo>
                <a:cubicBezTo>
                  <a:pt x="179" y="241"/>
                  <a:pt x="182" y="230"/>
                  <a:pt x="185" y="219"/>
                </a:cubicBezTo>
                <a:cubicBezTo>
                  <a:pt x="186" y="216"/>
                  <a:pt x="186" y="212"/>
                  <a:pt x="184" y="209"/>
                </a:cubicBezTo>
                <a:cubicBezTo>
                  <a:pt x="142" y="125"/>
                  <a:pt x="142" y="125"/>
                  <a:pt x="142" y="125"/>
                </a:cubicBezTo>
                <a:cubicBezTo>
                  <a:pt x="142" y="124"/>
                  <a:pt x="142" y="123"/>
                  <a:pt x="143" y="123"/>
                </a:cubicBezTo>
                <a:cubicBezTo>
                  <a:pt x="153" y="118"/>
                  <a:pt x="153" y="118"/>
                  <a:pt x="153" y="118"/>
                </a:cubicBezTo>
                <a:cubicBezTo>
                  <a:pt x="155" y="117"/>
                  <a:pt x="156" y="117"/>
                  <a:pt x="157" y="117"/>
                </a:cubicBezTo>
                <a:cubicBezTo>
                  <a:pt x="188" y="180"/>
                  <a:pt x="188" y="180"/>
                  <a:pt x="188" y="180"/>
                </a:cubicBezTo>
                <a:cubicBezTo>
                  <a:pt x="190" y="184"/>
                  <a:pt x="193" y="187"/>
                  <a:pt x="197" y="187"/>
                </a:cubicBezTo>
                <a:cubicBezTo>
                  <a:pt x="201" y="188"/>
                  <a:pt x="205" y="187"/>
                  <a:pt x="208" y="185"/>
                </a:cubicBezTo>
                <a:cubicBezTo>
                  <a:pt x="215" y="179"/>
                  <a:pt x="220" y="178"/>
                  <a:pt x="221" y="177"/>
                </a:cubicBezTo>
                <a:cubicBezTo>
                  <a:pt x="234" y="183"/>
                  <a:pt x="242" y="180"/>
                  <a:pt x="247" y="178"/>
                </a:cubicBezTo>
                <a:cubicBezTo>
                  <a:pt x="247" y="178"/>
                  <a:pt x="248" y="177"/>
                  <a:pt x="249" y="177"/>
                </a:cubicBezTo>
                <a:cubicBezTo>
                  <a:pt x="257" y="179"/>
                  <a:pt x="271" y="183"/>
                  <a:pt x="275" y="185"/>
                </a:cubicBezTo>
                <a:cubicBezTo>
                  <a:pt x="276" y="186"/>
                  <a:pt x="276" y="188"/>
                  <a:pt x="280" y="197"/>
                </a:cubicBezTo>
                <a:cubicBezTo>
                  <a:pt x="280" y="200"/>
                  <a:pt x="281" y="202"/>
                  <a:pt x="282" y="206"/>
                </a:cubicBezTo>
                <a:cubicBezTo>
                  <a:pt x="285" y="213"/>
                  <a:pt x="289" y="221"/>
                  <a:pt x="292" y="228"/>
                </a:cubicBezTo>
                <a:cubicBezTo>
                  <a:pt x="297" y="238"/>
                  <a:pt x="302" y="248"/>
                  <a:pt x="302" y="256"/>
                </a:cubicBezTo>
                <a:cubicBezTo>
                  <a:pt x="302" y="260"/>
                  <a:pt x="301" y="265"/>
                  <a:pt x="300" y="271"/>
                </a:cubicBezTo>
                <a:cubicBezTo>
                  <a:pt x="299" y="283"/>
                  <a:pt x="298" y="297"/>
                  <a:pt x="301" y="311"/>
                </a:cubicBezTo>
                <a:cubicBezTo>
                  <a:pt x="303" y="319"/>
                  <a:pt x="306" y="327"/>
                  <a:pt x="308" y="333"/>
                </a:cubicBezTo>
                <a:cubicBezTo>
                  <a:pt x="242" y="366"/>
                  <a:pt x="242" y="366"/>
                  <a:pt x="242" y="366"/>
                </a:cubicBezTo>
                <a:cubicBezTo>
                  <a:pt x="235" y="369"/>
                  <a:pt x="233" y="377"/>
                  <a:pt x="236" y="384"/>
                </a:cubicBezTo>
                <a:cubicBezTo>
                  <a:pt x="238" y="388"/>
                  <a:pt x="243" y="391"/>
                  <a:pt x="248" y="391"/>
                </a:cubicBezTo>
                <a:cubicBezTo>
                  <a:pt x="250" y="391"/>
                  <a:pt x="252" y="390"/>
                  <a:pt x="254" y="389"/>
                </a:cubicBezTo>
                <a:cubicBezTo>
                  <a:pt x="331" y="351"/>
                  <a:pt x="331" y="351"/>
                  <a:pt x="331" y="351"/>
                </a:cubicBezTo>
                <a:cubicBezTo>
                  <a:pt x="337" y="348"/>
                  <a:pt x="340" y="340"/>
                  <a:pt x="337" y="334"/>
                </a:cubicBezTo>
                <a:cubicBezTo>
                  <a:pt x="337" y="333"/>
                  <a:pt x="331" y="321"/>
                  <a:pt x="327" y="305"/>
                </a:cubicBezTo>
                <a:cubicBezTo>
                  <a:pt x="325" y="295"/>
                  <a:pt x="326" y="284"/>
                  <a:pt x="327" y="273"/>
                </a:cubicBezTo>
                <a:cubicBezTo>
                  <a:pt x="328" y="267"/>
                  <a:pt x="328" y="261"/>
                  <a:pt x="328" y="255"/>
                </a:cubicBezTo>
                <a:cubicBezTo>
                  <a:pt x="328" y="243"/>
                  <a:pt x="322" y="230"/>
                  <a:pt x="316" y="216"/>
                </a:cubicBezTo>
                <a:cubicBezTo>
                  <a:pt x="313" y="210"/>
                  <a:pt x="310" y="203"/>
                  <a:pt x="308" y="197"/>
                </a:cubicBezTo>
                <a:cubicBezTo>
                  <a:pt x="306" y="193"/>
                  <a:pt x="305" y="191"/>
                  <a:pt x="305" y="188"/>
                </a:cubicBezTo>
                <a:cubicBezTo>
                  <a:pt x="300" y="175"/>
                  <a:pt x="299" y="172"/>
                  <a:pt x="294" y="167"/>
                </a:cubicBezTo>
                <a:cubicBezTo>
                  <a:pt x="285" y="157"/>
                  <a:pt x="253" y="151"/>
                  <a:pt x="253" y="151"/>
                </a:cubicBezTo>
                <a:cubicBezTo>
                  <a:pt x="246" y="150"/>
                  <a:pt x="241" y="152"/>
                  <a:pt x="237" y="153"/>
                </a:cubicBezTo>
                <a:cubicBezTo>
                  <a:pt x="235" y="154"/>
                  <a:pt x="235" y="154"/>
                  <a:pt x="233" y="153"/>
                </a:cubicBezTo>
                <a:cubicBezTo>
                  <a:pt x="225" y="149"/>
                  <a:pt x="216" y="150"/>
                  <a:pt x="205" y="155"/>
                </a:cubicBezTo>
                <a:cubicBezTo>
                  <a:pt x="180" y="105"/>
                  <a:pt x="180" y="105"/>
                  <a:pt x="180" y="105"/>
                </a:cubicBezTo>
                <a:cubicBezTo>
                  <a:pt x="177" y="98"/>
                  <a:pt x="170" y="93"/>
                  <a:pt x="162" y="91"/>
                </a:cubicBezTo>
                <a:cubicBezTo>
                  <a:pt x="155" y="90"/>
                  <a:pt x="148" y="91"/>
                  <a:pt x="141" y="94"/>
                </a:cubicBezTo>
                <a:cubicBezTo>
                  <a:pt x="131" y="99"/>
                  <a:pt x="131" y="99"/>
                  <a:pt x="131" y="99"/>
                </a:cubicBezTo>
                <a:cubicBezTo>
                  <a:pt x="125" y="102"/>
                  <a:pt x="119" y="108"/>
                  <a:pt x="117" y="115"/>
                </a:cubicBezTo>
                <a:cubicBezTo>
                  <a:pt x="114" y="122"/>
                  <a:pt x="114" y="130"/>
                  <a:pt x="118" y="136"/>
                </a:cubicBezTo>
                <a:cubicBezTo>
                  <a:pt x="158" y="217"/>
                  <a:pt x="158" y="217"/>
                  <a:pt x="158" y="217"/>
                </a:cubicBezTo>
                <a:cubicBezTo>
                  <a:pt x="155" y="226"/>
                  <a:pt x="152" y="235"/>
                  <a:pt x="150" y="245"/>
                </a:cubicBezTo>
                <a:cubicBezTo>
                  <a:pt x="140" y="279"/>
                  <a:pt x="160" y="308"/>
                  <a:pt x="160" y="309"/>
                </a:cubicBezTo>
                <a:cubicBezTo>
                  <a:pt x="161" y="310"/>
                  <a:pt x="162" y="312"/>
                  <a:pt x="164" y="312"/>
                </a:cubicBezTo>
                <a:cubicBezTo>
                  <a:pt x="188" y="329"/>
                  <a:pt x="188" y="329"/>
                  <a:pt x="188" y="329"/>
                </a:cubicBezTo>
                <a:cubicBezTo>
                  <a:pt x="184" y="329"/>
                  <a:pt x="180" y="328"/>
                  <a:pt x="176" y="327"/>
                </a:cubicBezTo>
                <a:cubicBezTo>
                  <a:pt x="168" y="325"/>
                  <a:pt x="168" y="325"/>
                  <a:pt x="168" y="325"/>
                </a:cubicBezTo>
                <a:cubicBezTo>
                  <a:pt x="162" y="324"/>
                  <a:pt x="156" y="327"/>
                  <a:pt x="153" y="332"/>
                </a:cubicBezTo>
                <a:cubicBezTo>
                  <a:pt x="139" y="361"/>
                  <a:pt x="139" y="361"/>
                  <a:pt x="139" y="361"/>
                </a:cubicBezTo>
                <a:cubicBezTo>
                  <a:pt x="131" y="357"/>
                  <a:pt x="119" y="351"/>
                  <a:pt x="107" y="344"/>
                </a:cubicBezTo>
                <a:cubicBezTo>
                  <a:pt x="105" y="343"/>
                  <a:pt x="103" y="342"/>
                  <a:pt x="101" y="340"/>
                </a:cubicBezTo>
                <a:cubicBezTo>
                  <a:pt x="92" y="334"/>
                  <a:pt x="87" y="330"/>
                  <a:pt x="83" y="327"/>
                </a:cubicBezTo>
                <a:cubicBezTo>
                  <a:pt x="88" y="321"/>
                  <a:pt x="94" y="313"/>
                  <a:pt x="99" y="306"/>
                </a:cubicBezTo>
                <a:cubicBezTo>
                  <a:pt x="104" y="300"/>
                  <a:pt x="104" y="300"/>
                  <a:pt x="104" y="300"/>
                </a:cubicBezTo>
                <a:cubicBezTo>
                  <a:pt x="107" y="295"/>
                  <a:pt x="107" y="289"/>
                  <a:pt x="104" y="284"/>
                </a:cubicBezTo>
                <a:cubicBezTo>
                  <a:pt x="99" y="278"/>
                  <a:pt x="99" y="278"/>
                  <a:pt x="99" y="278"/>
                </a:cubicBezTo>
                <a:cubicBezTo>
                  <a:pt x="91" y="267"/>
                  <a:pt x="82" y="249"/>
                  <a:pt x="78" y="237"/>
                </a:cubicBezTo>
                <a:cubicBezTo>
                  <a:pt x="76" y="229"/>
                  <a:pt x="76" y="229"/>
                  <a:pt x="76" y="229"/>
                </a:cubicBezTo>
                <a:cubicBezTo>
                  <a:pt x="74" y="223"/>
                  <a:pt x="68" y="219"/>
                  <a:pt x="62" y="219"/>
                </a:cubicBezTo>
                <a:cubicBezTo>
                  <a:pt x="54" y="220"/>
                  <a:pt x="54" y="220"/>
                  <a:pt x="54" y="220"/>
                </a:cubicBezTo>
                <a:cubicBezTo>
                  <a:pt x="47" y="220"/>
                  <a:pt x="38" y="221"/>
                  <a:pt x="31" y="222"/>
                </a:cubicBezTo>
                <a:cubicBezTo>
                  <a:pt x="30" y="204"/>
                  <a:pt x="32" y="174"/>
                  <a:pt x="34" y="157"/>
                </a:cubicBezTo>
                <a:cubicBezTo>
                  <a:pt x="64" y="162"/>
                  <a:pt x="64" y="162"/>
                  <a:pt x="64" y="162"/>
                </a:cubicBezTo>
                <a:cubicBezTo>
                  <a:pt x="70" y="163"/>
                  <a:pt x="76" y="160"/>
                  <a:pt x="78" y="154"/>
                </a:cubicBezTo>
                <a:cubicBezTo>
                  <a:pt x="81" y="146"/>
                  <a:pt x="81" y="146"/>
                  <a:pt x="81" y="146"/>
                </a:cubicBezTo>
                <a:cubicBezTo>
                  <a:pt x="83" y="142"/>
                  <a:pt x="86" y="136"/>
                  <a:pt x="90" y="130"/>
                </a:cubicBezTo>
                <a:cubicBezTo>
                  <a:pt x="95" y="122"/>
                  <a:pt x="102" y="114"/>
                  <a:pt x="107" y="108"/>
                </a:cubicBezTo>
                <a:cubicBezTo>
                  <a:pt x="114" y="101"/>
                  <a:pt x="114" y="101"/>
                  <a:pt x="114" y="101"/>
                </a:cubicBezTo>
                <a:cubicBezTo>
                  <a:pt x="118" y="97"/>
                  <a:pt x="119" y="89"/>
                  <a:pt x="114" y="84"/>
                </a:cubicBezTo>
                <a:cubicBezTo>
                  <a:pt x="109" y="77"/>
                  <a:pt x="109" y="77"/>
                  <a:pt x="109" y="77"/>
                </a:cubicBezTo>
                <a:cubicBezTo>
                  <a:pt x="104" y="71"/>
                  <a:pt x="100" y="66"/>
                  <a:pt x="96" y="59"/>
                </a:cubicBezTo>
                <a:cubicBezTo>
                  <a:pt x="101" y="55"/>
                  <a:pt x="110" y="48"/>
                  <a:pt x="124" y="41"/>
                </a:cubicBezTo>
                <a:cubicBezTo>
                  <a:pt x="136" y="35"/>
                  <a:pt x="146" y="31"/>
                  <a:pt x="152" y="29"/>
                </a:cubicBezTo>
                <a:cubicBezTo>
                  <a:pt x="153" y="33"/>
                  <a:pt x="155" y="37"/>
                  <a:pt x="157" y="41"/>
                </a:cubicBezTo>
                <a:cubicBezTo>
                  <a:pt x="157" y="41"/>
                  <a:pt x="157" y="41"/>
                  <a:pt x="157" y="41"/>
                </a:cubicBezTo>
                <a:cubicBezTo>
                  <a:pt x="160" y="47"/>
                  <a:pt x="162" y="51"/>
                  <a:pt x="163" y="54"/>
                </a:cubicBezTo>
                <a:cubicBezTo>
                  <a:pt x="167" y="61"/>
                  <a:pt x="167" y="61"/>
                  <a:pt x="167" y="61"/>
                </a:cubicBezTo>
                <a:cubicBezTo>
                  <a:pt x="169" y="66"/>
                  <a:pt x="175" y="69"/>
                  <a:pt x="180" y="68"/>
                </a:cubicBezTo>
                <a:cubicBezTo>
                  <a:pt x="188" y="67"/>
                  <a:pt x="188" y="67"/>
                  <a:pt x="188" y="67"/>
                </a:cubicBezTo>
                <a:cubicBezTo>
                  <a:pt x="194" y="66"/>
                  <a:pt x="202" y="66"/>
                  <a:pt x="211" y="67"/>
                </a:cubicBezTo>
                <a:cubicBezTo>
                  <a:pt x="220" y="68"/>
                  <a:pt x="227" y="69"/>
                  <a:pt x="233" y="70"/>
                </a:cubicBezTo>
                <a:cubicBezTo>
                  <a:pt x="241" y="73"/>
                  <a:pt x="241" y="73"/>
                  <a:pt x="241" y="73"/>
                </a:cubicBezTo>
                <a:cubicBezTo>
                  <a:pt x="248" y="75"/>
                  <a:pt x="255" y="71"/>
                  <a:pt x="257" y="65"/>
                </a:cubicBezTo>
                <a:cubicBezTo>
                  <a:pt x="261" y="56"/>
                  <a:pt x="261" y="56"/>
                  <a:pt x="261" y="56"/>
                </a:cubicBezTo>
                <a:cubicBezTo>
                  <a:pt x="262" y="55"/>
                  <a:pt x="262" y="53"/>
                  <a:pt x="263" y="51"/>
                </a:cubicBezTo>
                <a:cubicBezTo>
                  <a:pt x="264" y="48"/>
                  <a:pt x="264" y="48"/>
                  <a:pt x="264" y="48"/>
                </a:cubicBezTo>
                <a:cubicBezTo>
                  <a:pt x="266" y="44"/>
                  <a:pt x="268" y="40"/>
                  <a:pt x="269" y="37"/>
                </a:cubicBezTo>
                <a:cubicBezTo>
                  <a:pt x="273" y="38"/>
                  <a:pt x="279" y="41"/>
                  <a:pt x="289" y="47"/>
                </a:cubicBezTo>
                <a:cubicBezTo>
                  <a:pt x="290" y="48"/>
                  <a:pt x="291" y="48"/>
                  <a:pt x="291" y="49"/>
                </a:cubicBezTo>
                <a:cubicBezTo>
                  <a:pt x="300" y="54"/>
                  <a:pt x="309" y="61"/>
                  <a:pt x="317" y="68"/>
                </a:cubicBezTo>
                <a:cubicBezTo>
                  <a:pt x="320" y="71"/>
                  <a:pt x="323" y="73"/>
                  <a:pt x="324" y="75"/>
                </a:cubicBezTo>
                <a:cubicBezTo>
                  <a:pt x="307" y="99"/>
                  <a:pt x="307" y="99"/>
                  <a:pt x="307" y="99"/>
                </a:cubicBezTo>
                <a:cubicBezTo>
                  <a:pt x="304" y="104"/>
                  <a:pt x="304" y="110"/>
                  <a:pt x="307" y="115"/>
                </a:cubicBezTo>
                <a:cubicBezTo>
                  <a:pt x="311" y="121"/>
                  <a:pt x="311" y="121"/>
                  <a:pt x="311" y="121"/>
                </a:cubicBezTo>
                <a:cubicBezTo>
                  <a:pt x="314" y="124"/>
                  <a:pt x="318" y="130"/>
                  <a:pt x="323" y="142"/>
                </a:cubicBezTo>
                <a:cubicBezTo>
                  <a:pt x="327" y="150"/>
                  <a:pt x="330" y="156"/>
                  <a:pt x="331" y="161"/>
                </a:cubicBezTo>
                <a:cubicBezTo>
                  <a:pt x="334" y="169"/>
                  <a:pt x="334" y="169"/>
                  <a:pt x="334" y="169"/>
                </a:cubicBezTo>
                <a:cubicBezTo>
                  <a:pt x="336" y="175"/>
                  <a:pt x="342" y="179"/>
                  <a:pt x="348" y="178"/>
                </a:cubicBezTo>
                <a:cubicBezTo>
                  <a:pt x="379" y="174"/>
                  <a:pt x="379" y="174"/>
                  <a:pt x="379" y="174"/>
                </a:cubicBezTo>
                <a:cubicBezTo>
                  <a:pt x="381" y="191"/>
                  <a:pt x="383" y="224"/>
                  <a:pt x="373" y="245"/>
                </a:cubicBezTo>
                <a:cubicBezTo>
                  <a:pt x="371" y="247"/>
                  <a:pt x="370" y="250"/>
                  <a:pt x="369" y="253"/>
                </a:cubicBezTo>
                <a:cubicBezTo>
                  <a:pt x="368" y="260"/>
                  <a:pt x="374" y="267"/>
                  <a:pt x="381" y="268"/>
                </a:cubicBezTo>
                <a:cubicBezTo>
                  <a:pt x="386" y="268"/>
                  <a:pt x="392" y="266"/>
                  <a:pt x="395" y="261"/>
                </a:cubicBezTo>
                <a:cubicBezTo>
                  <a:pt x="395" y="261"/>
                  <a:pt x="395" y="260"/>
                  <a:pt x="395" y="260"/>
                </a:cubicBezTo>
                <a:cubicBezTo>
                  <a:pt x="413" y="227"/>
                  <a:pt x="407" y="167"/>
                  <a:pt x="401" y="15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0" name="Freeform 304"/>
          <p:cNvSpPr>
            <a:spLocks noEditPoints="1"/>
          </p:cNvSpPr>
          <p:nvPr userDrawn="1"/>
        </p:nvSpPr>
        <p:spPr bwMode="auto">
          <a:xfrm>
            <a:off x="3220726" y="2998896"/>
            <a:ext cx="395288" cy="498475"/>
          </a:xfrm>
          <a:custGeom>
            <a:avLst/>
            <a:gdLst/>
            <a:ahLst/>
            <a:cxnLst>
              <a:cxn ang="0">
                <a:pos x="144" y="17"/>
              </a:cxn>
              <a:cxn ang="0">
                <a:pos x="108" y="173"/>
              </a:cxn>
              <a:cxn ang="0">
                <a:pos x="89" y="249"/>
              </a:cxn>
              <a:cxn ang="0">
                <a:pos x="62" y="372"/>
              </a:cxn>
              <a:cxn ang="0">
                <a:pos x="0" y="385"/>
              </a:cxn>
              <a:cxn ang="0">
                <a:pos x="69" y="398"/>
              </a:cxn>
              <a:cxn ang="0">
                <a:pos x="139" y="309"/>
              </a:cxn>
              <a:cxn ang="0">
                <a:pos x="141" y="295"/>
              </a:cxn>
              <a:cxn ang="0">
                <a:pos x="110" y="223"/>
              </a:cxn>
              <a:cxn ang="0">
                <a:pos x="136" y="179"/>
              </a:cxn>
              <a:cxn ang="0">
                <a:pos x="130" y="131"/>
              </a:cxn>
              <a:cxn ang="0">
                <a:pos x="167" y="32"/>
              </a:cxn>
              <a:cxn ang="0">
                <a:pos x="238" y="131"/>
              </a:cxn>
              <a:cxn ang="0">
                <a:pos x="272" y="196"/>
              </a:cxn>
              <a:cxn ang="0">
                <a:pos x="271" y="209"/>
              </a:cxn>
              <a:cxn ang="0">
                <a:pos x="307" y="324"/>
              </a:cxn>
              <a:cxn ang="0">
                <a:pos x="170" y="265"/>
              </a:cxn>
              <a:cxn ang="0">
                <a:pos x="161" y="385"/>
              </a:cxn>
              <a:cxn ang="0">
                <a:pos x="240" y="398"/>
              </a:cxn>
              <a:cxn ang="0">
                <a:pos x="14" y="417"/>
              </a:cxn>
              <a:cxn ang="0">
                <a:pos x="14" y="444"/>
              </a:cxn>
              <a:cxn ang="0">
                <a:pos x="266" y="431"/>
              </a:cxn>
              <a:cxn ang="0">
                <a:pos x="253" y="372"/>
              </a:cxn>
              <a:cxn ang="0">
                <a:pos x="188" y="308"/>
              </a:cxn>
              <a:cxn ang="0">
                <a:pos x="325" y="348"/>
              </a:cxn>
              <a:cxn ang="0">
                <a:pos x="336" y="328"/>
              </a:cxn>
              <a:cxn ang="0">
                <a:pos x="332" y="145"/>
              </a:cxn>
              <a:cxn ang="0">
                <a:pos x="352" y="127"/>
              </a:cxn>
              <a:cxn ang="0">
                <a:pos x="334" y="114"/>
              </a:cxn>
              <a:cxn ang="0">
                <a:pos x="249" y="106"/>
              </a:cxn>
              <a:cxn ang="0">
                <a:pos x="157" y="4"/>
              </a:cxn>
              <a:cxn ang="0">
                <a:pos x="275" y="193"/>
              </a:cxn>
              <a:cxn ang="0">
                <a:pos x="274" y="195"/>
              </a:cxn>
              <a:cxn ang="0">
                <a:pos x="274" y="195"/>
              </a:cxn>
            </a:cxnLst>
            <a:rect l="0" t="0" r="r" b="b"/>
            <a:pathLst>
              <a:path w="352" h="444">
                <a:moveTo>
                  <a:pt x="157" y="4"/>
                </a:moveTo>
                <a:cubicBezTo>
                  <a:pt x="153" y="8"/>
                  <a:pt x="148" y="12"/>
                  <a:pt x="144" y="17"/>
                </a:cubicBezTo>
                <a:cubicBezTo>
                  <a:pt x="118" y="47"/>
                  <a:pt x="104" y="87"/>
                  <a:pt x="104" y="131"/>
                </a:cubicBezTo>
                <a:cubicBezTo>
                  <a:pt x="104" y="145"/>
                  <a:pt x="105" y="159"/>
                  <a:pt x="108" y="173"/>
                </a:cubicBezTo>
                <a:cubicBezTo>
                  <a:pt x="92" y="185"/>
                  <a:pt x="84" y="204"/>
                  <a:pt x="84" y="223"/>
                </a:cubicBezTo>
                <a:cubicBezTo>
                  <a:pt x="84" y="231"/>
                  <a:pt x="85" y="240"/>
                  <a:pt x="89" y="249"/>
                </a:cubicBezTo>
                <a:cubicBezTo>
                  <a:pt x="89" y="249"/>
                  <a:pt x="108" y="289"/>
                  <a:pt x="113" y="300"/>
                </a:cubicBezTo>
                <a:cubicBezTo>
                  <a:pt x="106" y="310"/>
                  <a:pt x="69" y="363"/>
                  <a:pt x="62" y="372"/>
                </a:cubicBezTo>
                <a:cubicBezTo>
                  <a:pt x="52" y="372"/>
                  <a:pt x="14" y="372"/>
                  <a:pt x="14" y="372"/>
                </a:cubicBezTo>
                <a:cubicBezTo>
                  <a:pt x="6" y="372"/>
                  <a:pt x="0" y="378"/>
                  <a:pt x="0" y="385"/>
                </a:cubicBezTo>
                <a:cubicBezTo>
                  <a:pt x="0" y="392"/>
                  <a:pt x="6" y="398"/>
                  <a:pt x="14" y="398"/>
                </a:cubicBezTo>
                <a:cubicBezTo>
                  <a:pt x="69" y="398"/>
                  <a:pt x="69" y="398"/>
                  <a:pt x="69" y="398"/>
                </a:cubicBezTo>
                <a:cubicBezTo>
                  <a:pt x="73" y="398"/>
                  <a:pt x="77" y="396"/>
                  <a:pt x="80" y="393"/>
                </a:cubicBezTo>
                <a:cubicBezTo>
                  <a:pt x="139" y="309"/>
                  <a:pt x="139" y="309"/>
                  <a:pt x="139" y="309"/>
                </a:cubicBezTo>
                <a:cubicBezTo>
                  <a:pt x="141" y="306"/>
                  <a:pt x="142" y="304"/>
                  <a:pt x="142" y="301"/>
                </a:cubicBezTo>
                <a:cubicBezTo>
                  <a:pt x="142" y="299"/>
                  <a:pt x="141" y="297"/>
                  <a:pt x="141" y="295"/>
                </a:cubicBezTo>
                <a:cubicBezTo>
                  <a:pt x="114" y="238"/>
                  <a:pt x="114" y="238"/>
                  <a:pt x="114" y="238"/>
                </a:cubicBezTo>
                <a:cubicBezTo>
                  <a:pt x="111" y="233"/>
                  <a:pt x="110" y="228"/>
                  <a:pt x="110" y="223"/>
                </a:cubicBezTo>
                <a:cubicBezTo>
                  <a:pt x="110" y="210"/>
                  <a:pt x="117" y="198"/>
                  <a:pt x="129" y="191"/>
                </a:cubicBezTo>
                <a:cubicBezTo>
                  <a:pt x="134" y="189"/>
                  <a:pt x="136" y="184"/>
                  <a:pt x="136" y="179"/>
                </a:cubicBezTo>
                <a:cubicBezTo>
                  <a:pt x="136" y="178"/>
                  <a:pt x="136" y="177"/>
                  <a:pt x="136" y="176"/>
                </a:cubicBezTo>
                <a:cubicBezTo>
                  <a:pt x="132" y="161"/>
                  <a:pt x="130" y="146"/>
                  <a:pt x="130" y="131"/>
                </a:cubicBezTo>
                <a:cubicBezTo>
                  <a:pt x="130" y="94"/>
                  <a:pt x="142" y="60"/>
                  <a:pt x="164" y="35"/>
                </a:cubicBezTo>
                <a:cubicBezTo>
                  <a:pt x="165" y="34"/>
                  <a:pt x="166" y="33"/>
                  <a:pt x="167" y="32"/>
                </a:cubicBezTo>
                <a:cubicBezTo>
                  <a:pt x="180" y="45"/>
                  <a:pt x="202" y="76"/>
                  <a:pt x="229" y="125"/>
                </a:cubicBezTo>
                <a:cubicBezTo>
                  <a:pt x="231" y="128"/>
                  <a:pt x="234" y="131"/>
                  <a:pt x="238" y="131"/>
                </a:cubicBezTo>
                <a:cubicBezTo>
                  <a:pt x="238" y="131"/>
                  <a:pt x="280" y="139"/>
                  <a:pt x="302" y="143"/>
                </a:cubicBezTo>
                <a:cubicBezTo>
                  <a:pt x="291" y="162"/>
                  <a:pt x="273" y="195"/>
                  <a:pt x="272" y="196"/>
                </a:cubicBezTo>
                <a:cubicBezTo>
                  <a:pt x="270" y="199"/>
                  <a:pt x="270" y="201"/>
                  <a:pt x="270" y="204"/>
                </a:cubicBezTo>
                <a:cubicBezTo>
                  <a:pt x="270" y="206"/>
                  <a:pt x="270" y="208"/>
                  <a:pt x="271" y="209"/>
                </a:cubicBezTo>
                <a:cubicBezTo>
                  <a:pt x="297" y="269"/>
                  <a:pt x="308" y="307"/>
                  <a:pt x="309" y="323"/>
                </a:cubicBezTo>
                <a:cubicBezTo>
                  <a:pt x="309" y="324"/>
                  <a:pt x="308" y="324"/>
                  <a:pt x="307" y="324"/>
                </a:cubicBezTo>
                <a:cubicBezTo>
                  <a:pt x="265" y="327"/>
                  <a:pt x="219" y="307"/>
                  <a:pt x="185" y="268"/>
                </a:cubicBezTo>
                <a:cubicBezTo>
                  <a:pt x="181" y="264"/>
                  <a:pt x="175" y="263"/>
                  <a:pt x="170" y="265"/>
                </a:cubicBezTo>
                <a:cubicBezTo>
                  <a:pt x="165" y="267"/>
                  <a:pt x="161" y="272"/>
                  <a:pt x="161" y="277"/>
                </a:cubicBezTo>
                <a:cubicBezTo>
                  <a:pt x="161" y="385"/>
                  <a:pt x="161" y="385"/>
                  <a:pt x="161" y="385"/>
                </a:cubicBezTo>
                <a:cubicBezTo>
                  <a:pt x="161" y="392"/>
                  <a:pt x="167" y="398"/>
                  <a:pt x="175" y="398"/>
                </a:cubicBezTo>
                <a:cubicBezTo>
                  <a:pt x="175" y="398"/>
                  <a:pt x="221" y="398"/>
                  <a:pt x="240" y="398"/>
                </a:cubicBezTo>
                <a:cubicBezTo>
                  <a:pt x="240" y="406"/>
                  <a:pt x="240" y="409"/>
                  <a:pt x="240" y="417"/>
                </a:cubicBezTo>
                <a:cubicBezTo>
                  <a:pt x="216" y="417"/>
                  <a:pt x="14" y="417"/>
                  <a:pt x="14" y="417"/>
                </a:cubicBezTo>
                <a:cubicBezTo>
                  <a:pt x="6" y="417"/>
                  <a:pt x="0" y="423"/>
                  <a:pt x="0" y="431"/>
                </a:cubicBezTo>
                <a:cubicBezTo>
                  <a:pt x="0" y="438"/>
                  <a:pt x="6" y="444"/>
                  <a:pt x="14" y="444"/>
                </a:cubicBezTo>
                <a:cubicBezTo>
                  <a:pt x="253" y="444"/>
                  <a:pt x="253" y="444"/>
                  <a:pt x="253" y="444"/>
                </a:cubicBezTo>
                <a:cubicBezTo>
                  <a:pt x="260" y="444"/>
                  <a:pt x="266" y="438"/>
                  <a:pt x="266" y="431"/>
                </a:cubicBezTo>
                <a:cubicBezTo>
                  <a:pt x="266" y="385"/>
                  <a:pt x="266" y="385"/>
                  <a:pt x="266" y="385"/>
                </a:cubicBezTo>
                <a:cubicBezTo>
                  <a:pt x="266" y="378"/>
                  <a:pt x="260" y="372"/>
                  <a:pt x="253" y="372"/>
                </a:cubicBezTo>
                <a:cubicBezTo>
                  <a:pt x="253" y="372"/>
                  <a:pt x="206" y="372"/>
                  <a:pt x="188" y="372"/>
                </a:cubicBezTo>
                <a:cubicBezTo>
                  <a:pt x="188" y="358"/>
                  <a:pt x="188" y="334"/>
                  <a:pt x="188" y="308"/>
                </a:cubicBezTo>
                <a:cubicBezTo>
                  <a:pt x="225" y="338"/>
                  <a:pt x="268" y="354"/>
                  <a:pt x="310" y="350"/>
                </a:cubicBezTo>
                <a:cubicBezTo>
                  <a:pt x="315" y="350"/>
                  <a:pt x="320" y="349"/>
                  <a:pt x="325" y="348"/>
                </a:cubicBezTo>
                <a:cubicBezTo>
                  <a:pt x="330" y="347"/>
                  <a:pt x="334" y="343"/>
                  <a:pt x="335" y="339"/>
                </a:cubicBezTo>
                <a:cubicBezTo>
                  <a:pt x="336" y="336"/>
                  <a:pt x="336" y="332"/>
                  <a:pt x="336" y="328"/>
                </a:cubicBezTo>
                <a:cubicBezTo>
                  <a:pt x="336" y="297"/>
                  <a:pt x="312" y="237"/>
                  <a:pt x="298" y="205"/>
                </a:cubicBezTo>
                <a:cubicBezTo>
                  <a:pt x="303" y="196"/>
                  <a:pt x="328" y="151"/>
                  <a:pt x="332" y="145"/>
                </a:cubicBezTo>
                <a:cubicBezTo>
                  <a:pt x="336" y="142"/>
                  <a:pt x="344" y="139"/>
                  <a:pt x="344" y="139"/>
                </a:cubicBezTo>
                <a:cubicBezTo>
                  <a:pt x="349" y="137"/>
                  <a:pt x="352" y="132"/>
                  <a:pt x="352" y="127"/>
                </a:cubicBezTo>
                <a:cubicBezTo>
                  <a:pt x="352" y="125"/>
                  <a:pt x="352" y="123"/>
                  <a:pt x="351" y="122"/>
                </a:cubicBezTo>
                <a:cubicBezTo>
                  <a:pt x="348" y="115"/>
                  <a:pt x="341" y="112"/>
                  <a:pt x="334" y="114"/>
                </a:cubicBezTo>
                <a:cubicBezTo>
                  <a:pt x="334" y="114"/>
                  <a:pt x="325" y="118"/>
                  <a:pt x="321" y="120"/>
                </a:cubicBezTo>
                <a:cubicBezTo>
                  <a:pt x="314" y="119"/>
                  <a:pt x="259" y="108"/>
                  <a:pt x="249" y="106"/>
                </a:cubicBezTo>
                <a:cubicBezTo>
                  <a:pt x="232" y="76"/>
                  <a:pt x="197" y="17"/>
                  <a:pt x="173" y="3"/>
                </a:cubicBezTo>
                <a:cubicBezTo>
                  <a:pt x="168" y="0"/>
                  <a:pt x="162" y="0"/>
                  <a:pt x="157" y="4"/>
                </a:cubicBezTo>
                <a:close/>
                <a:moveTo>
                  <a:pt x="277" y="192"/>
                </a:moveTo>
                <a:cubicBezTo>
                  <a:pt x="276" y="192"/>
                  <a:pt x="276" y="193"/>
                  <a:pt x="275" y="193"/>
                </a:cubicBezTo>
                <a:cubicBezTo>
                  <a:pt x="276" y="193"/>
                  <a:pt x="276" y="192"/>
                  <a:pt x="277" y="192"/>
                </a:cubicBezTo>
                <a:close/>
                <a:moveTo>
                  <a:pt x="274" y="195"/>
                </a:moveTo>
                <a:cubicBezTo>
                  <a:pt x="273" y="195"/>
                  <a:pt x="273" y="195"/>
                  <a:pt x="272" y="196"/>
                </a:cubicBezTo>
                <a:cubicBezTo>
                  <a:pt x="273" y="195"/>
                  <a:pt x="273" y="195"/>
                  <a:pt x="274" y="19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1" name="Freeform 337"/>
          <p:cNvSpPr>
            <a:spLocks noEditPoints="1"/>
          </p:cNvSpPr>
          <p:nvPr userDrawn="1"/>
        </p:nvSpPr>
        <p:spPr bwMode="auto">
          <a:xfrm>
            <a:off x="3168339" y="3678691"/>
            <a:ext cx="500062" cy="515938"/>
          </a:xfrm>
          <a:custGeom>
            <a:avLst/>
            <a:gdLst/>
            <a:ahLst/>
            <a:cxnLst>
              <a:cxn ang="0">
                <a:pos x="238" y="3"/>
              </a:cxn>
              <a:cxn ang="0">
                <a:pos x="176" y="46"/>
              </a:cxn>
              <a:cxn ang="0">
                <a:pos x="175" y="51"/>
              </a:cxn>
              <a:cxn ang="0">
                <a:pos x="175" y="94"/>
              </a:cxn>
              <a:cxn ang="0">
                <a:pos x="32" y="120"/>
              </a:cxn>
              <a:cxn ang="0">
                <a:pos x="21" y="132"/>
              </a:cxn>
              <a:cxn ang="0">
                <a:pos x="0" y="363"/>
              </a:cxn>
              <a:cxn ang="0">
                <a:pos x="0" y="364"/>
              </a:cxn>
              <a:cxn ang="0">
                <a:pos x="5" y="374"/>
              </a:cxn>
              <a:cxn ang="0">
                <a:pos x="95" y="453"/>
              </a:cxn>
              <a:cxn ang="0">
                <a:pos x="109" y="456"/>
              </a:cxn>
              <a:cxn ang="0">
                <a:pos x="117" y="444"/>
              </a:cxn>
              <a:cxn ang="0">
                <a:pos x="130" y="202"/>
              </a:cxn>
              <a:cxn ang="0">
                <a:pos x="191" y="185"/>
              </a:cxn>
              <a:cxn ang="0">
                <a:pos x="201" y="172"/>
              </a:cxn>
              <a:cxn ang="0">
                <a:pos x="201" y="116"/>
              </a:cxn>
              <a:cxn ang="0">
                <a:pos x="279" y="102"/>
              </a:cxn>
              <a:cxn ang="0">
                <a:pos x="280" y="123"/>
              </a:cxn>
              <a:cxn ang="0">
                <a:pos x="293" y="136"/>
              </a:cxn>
              <a:cxn ang="0">
                <a:pos x="306" y="123"/>
              </a:cxn>
              <a:cxn ang="0">
                <a:pos x="306" y="97"/>
              </a:cxn>
              <a:cxn ang="0">
                <a:pos x="380" y="83"/>
              </a:cxn>
              <a:cxn ang="0">
                <a:pos x="418" y="111"/>
              </a:cxn>
              <a:cxn ang="0">
                <a:pos x="418" y="366"/>
              </a:cxn>
              <a:cxn ang="0">
                <a:pos x="158" y="423"/>
              </a:cxn>
              <a:cxn ang="0">
                <a:pos x="148" y="436"/>
              </a:cxn>
              <a:cxn ang="0">
                <a:pos x="148" y="439"/>
              </a:cxn>
              <a:cxn ang="0">
                <a:pos x="164" y="449"/>
              </a:cxn>
              <a:cxn ang="0">
                <a:pos x="435" y="389"/>
              </a:cxn>
              <a:cxn ang="0">
                <a:pos x="445" y="376"/>
              </a:cxn>
              <a:cxn ang="0">
                <a:pos x="445" y="105"/>
              </a:cxn>
              <a:cxn ang="0">
                <a:pos x="440" y="94"/>
              </a:cxn>
              <a:cxn ang="0">
                <a:pos x="391" y="59"/>
              </a:cxn>
              <a:cxn ang="0">
                <a:pos x="381" y="56"/>
              </a:cxn>
              <a:cxn ang="0">
                <a:pos x="305" y="70"/>
              </a:cxn>
              <a:cxn ang="0">
                <a:pos x="305" y="45"/>
              </a:cxn>
              <a:cxn ang="0">
                <a:pos x="304" y="40"/>
              </a:cxn>
              <a:cxn ang="0">
                <a:pos x="238" y="3"/>
              </a:cxn>
              <a:cxn ang="0">
                <a:pos x="240" y="30"/>
              </a:cxn>
              <a:cxn ang="0">
                <a:pos x="278" y="49"/>
              </a:cxn>
              <a:cxn ang="0">
                <a:pos x="279" y="75"/>
              </a:cxn>
              <a:cxn ang="0">
                <a:pos x="202" y="89"/>
              </a:cxn>
              <a:cxn ang="0">
                <a:pos x="202" y="54"/>
              </a:cxn>
              <a:cxn ang="0">
                <a:pos x="240" y="30"/>
              </a:cxn>
              <a:cxn ang="0">
                <a:pos x="175" y="121"/>
              </a:cxn>
              <a:cxn ang="0">
                <a:pos x="174" y="162"/>
              </a:cxn>
              <a:cxn ang="0">
                <a:pos x="114" y="179"/>
              </a:cxn>
              <a:cxn ang="0">
                <a:pos x="104" y="191"/>
              </a:cxn>
              <a:cxn ang="0">
                <a:pos x="92" y="415"/>
              </a:cxn>
              <a:cxn ang="0">
                <a:pos x="27" y="359"/>
              </a:cxn>
              <a:cxn ang="0">
                <a:pos x="47" y="145"/>
              </a:cxn>
              <a:cxn ang="0">
                <a:pos x="175" y="121"/>
              </a:cxn>
            </a:cxnLst>
            <a:rect l="0" t="0" r="r" b="b"/>
            <a:pathLst>
              <a:path w="445" h="457">
                <a:moveTo>
                  <a:pt x="238" y="3"/>
                </a:moveTo>
                <a:cubicBezTo>
                  <a:pt x="191" y="6"/>
                  <a:pt x="177" y="44"/>
                  <a:pt x="176" y="46"/>
                </a:cubicBezTo>
                <a:cubicBezTo>
                  <a:pt x="176" y="47"/>
                  <a:pt x="176" y="49"/>
                  <a:pt x="175" y="51"/>
                </a:cubicBezTo>
                <a:cubicBezTo>
                  <a:pt x="175" y="51"/>
                  <a:pt x="175" y="74"/>
                  <a:pt x="175" y="94"/>
                </a:cubicBezTo>
                <a:cubicBezTo>
                  <a:pt x="106" y="107"/>
                  <a:pt x="32" y="120"/>
                  <a:pt x="32" y="120"/>
                </a:cubicBezTo>
                <a:cubicBezTo>
                  <a:pt x="26" y="122"/>
                  <a:pt x="22" y="126"/>
                  <a:pt x="21" y="132"/>
                </a:cubicBezTo>
                <a:cubicBezTo>
                  <a:pt x="0" y="363"/>
                  <a:pt x="0" y="363"/>
                  <a:pt x="0" y="363"/>
                </a:cubicBezTo>
                <a:cubicBezTo>
                  <a:pt x="0" y="363"/>
                  <a:pt x="0" y="364"/>
                  <a:pt x="0" y="364"/>
                </a:cubicBezTo>
                <a:cubicBezTo>
                  <a:pt x="0" y="368"/>
                  <a:pt x="2" y="372"/>
                  <a:pt x="5" y="374"/>
                </a:cubicBezTo>
                <a:cubicBezTo>
                  <a:pt x="95" y="453"/>
                  <a:pt x="95" y="453"/>
                  <a:pt x="95" y="453"/>
                </a:cubicBezTo>
                <a:cubicBezTo>
                  <a:pt x="98" y="457"/>
                  <a:pt x="104" y="457"/>
                  <a:pt x="109" y="456"/>
                </a:cubicBezTo>
                <a:cubicBezTo>
                  <a:pt x="113" y="454"/>
                  <a:pt x="116" y="449"/>
                  <a:pt x="117" y="444"/>
                </a:cubicBezTo>
                <a:cubicBezTo>
                  <a:pt x="117" y="444"/>
                  <a:pt x="129" y="220"/>
                  <a:pt x="130" y="202"/>
                </a:cubicBezTo>
                <a:cubicBezTo>
                  <a:pt x="144" y="198"/>
                  <a:pt x="191" y="185"/>
                  <a:pt x="191" y="185"/>
                </a:cubicBezTo>
                <a:cubicBezTo>
                  <a:pt x="197" y="183"/>
                  <a:pt x="201" y="178"/>
                  <a:pt x="201" y="172"/>
                </a:cubicBezTo>
                <a:cubicBezTo>
                  <a:pt x="201" y="172"/>
                  <a:pt x="201" y="144"/>
                  <a:pt x="201" y="116"/>
                </a:cubicBezTo>
                <a:cubicBezTo>
                  <a:pt x="240" y="109"/>
                  <a:pt x="246" y="108"/>
                  <a:pt x="279" y="102"/>
                </a:cubicBezTo>
                <a:cubicBezTo>
                  <a:pt x="279" y="110"/>
                  <a:pt x="280" y="123"/>
                  <a:pt x="280" y="123"/>
                </a:cubicBezTo>
                <a:cubicBezTo>
                  <a:pt x="280" y="130"/>
                  <a:pt x="286" y="136"/>
                  <a:pt x="293" y="136"/>
                </a:cubicBezTo>
                <a:cubicBezTo>
                  <a:pt x="300" y="136"/>
                  <a:pt x="306" y="130"/>
                  <a:pt x="306" y="123"/>
                </a:cubicBezTo>
                <a:cubicBezTo>
                  <a:pt x="306" y="123"/>
                  <a:pt x="306" y="108"/>
                  <a:pt x="306" y="97"/>
                </a:cubicBezTo>
                <a:cubicBezTo>
                  <a:pt x="332" y="92"/>
                  <a:pt x="378" y="84"/>
                  <a:pt x="380" y="83"/>
                </a:cubicBezTo>
                <a:cubicBezTo>
                  <a:pt x="387" y="88"/>
                  <a:pt x="411" y="106"/>
                  <a:pt x="418" y="111"/>
                </a:cubicBezTo>
                <a:cubicBezTo>
                  <a:pt x="418" y="124"/>
                  <a:pt x="418" y="346"/>
                  <a:pt x="418" y="366"/>
                </a:cubicBezTo>
                <a:cubicBezTo>
                  <a:pt x="399" y="370"/>
                  <a:pt x="158" y="423"/>
                  <a:pt x="158" y="423"/>
                </a:cubicBezTo>
                <a:cubicBezTo>
                  <a:pt x="152" y="425"/>
                  <a:pt x="148" y="430"/>
                  <a:pt x="148" y="436"/>
                </a:cubicBezTo>
                <a:cubicBezTo>
                  <a:pt x="148" y="437"/>
                  <a:pt x="148" y="438"/>
                  <a:pt x="148" y="439"/>
                </a:cubicBezTo>
                <a:cubicBezTo>
                  <a:pt x="150" y="446"/>
                  <a:pt x="157" y="451"/>
                  <a:pt x="164" y="449"/>
                </a:cubicBezTo>
                <a:cubicBezTo>
                  <a:pt x="435" y="389"/>
                  <a:pt x="435" y="389"/>
                  <a:pt x="435" y="389"/>
                </a:cubicBezTo>
                <a:cubicBezTo>
                  <a:pt x="441" y="388"/>
                  <a:pt x="445" y="383"/>
                  <a:pt x="445" y="376"/>
                </a:cubicBezTo>
                <a:cubicBezTo>
                  <a:pt x="445" y="105"/>
                  <a:pt x="445" y="105"/>
                  <a:pt x="445" y="105"/>
                </a:cubicBezTo>
                <a:cubicBezTo>
                  <a:pt x="445" y="100"/>
                  <a:pt x="443" y="96"/>
                  <a:pt x="440" y="94"/>
                </a:cubicBezTo>
                <a:cubicBezTo>
                  <a:pt x="391" y="59"/>
                  <a:pt x="391" y="59"/>
                  <a:pt x="391" y="59"/>
                </a:cubicBezTo>
                <a:cubicBezTo>
                  <a:pt x="388" y="56"/>
                  <a:pt x="385" y="56"/>
                  <a:pt x="381" y="56"/>
                </a:cubicBezTo>
                <a:cubicBezTo>
                  <a:pt x="381" y="56"/>
                  <a:pt x="331" y="65"/>
                  <a:pt x="305" y="70"/>
                </a:cubicBezTo>
                <a:cubicBezTo>
                  <a:pt x="305" y="59"/>
                  <a:pt x="305" y="45"/>
                  <a:pt x="305" y="45"/>
                </a:cubicBezTo>
                <a:cubicBezTo>
                  <a:pt x="305" y="43"/>
                  <a:pt x="305" y="42"/>
                  <a:pt x="304" y="40"/>
                </a:cubicBezTo>
                <a:cubicBezTo>
                  <a:pt x="303" y="38"/>
                  <a:pt x="285" y="0"/>
                  <a:pt x="238" y="3"/>
                </a:cubicBezTo>
                <a:close/>
                <a:moveTo>
                  <a:pt x="240" y="30"/>
                </a:moveTo>
                <a:cubicBezTo>
                  <a:pt x="263" y="28"/>
                  <a:pt x="275" y="43"/>
                  <a:pt x="278" y="49"/>
                </a:cubicBezTo>
                <a:cubicBezTo>
                  <a:pt x="278" y="51"/>
                  <a:pt x="279" y="63"/>
                  <a:pt x="279" y="75"/>
                </a:cubicBezTo>
                <a:cubicBezTo>
                  <a:pt x="247" y="81"/>
                  <a:pt x="240" y="82"/>
                  <a:pt x="202" y="89"/>
                </a:cubicBezTo>
                <a:cubicBezTo>
                  <a:pt x="202" y="74"/>
                  <a:pt x="202" y="55"/>
                  <a:pt x="202" y="54"/>
                </a:cubicBezTo>
                <a:cubicBezTo>
                  <a:pt x="205" y="48"/>
                  <a:pt x="215" y="32"/>
                  <a:pt x="240" y="30"/>
                </a:cubicBezTo>
                <a:close/>
                <a:moveTo>
                  <a:pt x="175" y="121"/>
                </a:moveTo>
                <a:cubicBezTo>
                  <a:pt x="175" y="141"/>
                  <a:pt x="174" y="156"/>
                  <a:pt x="174" y="162"/>
                </a:cubicBezTo>
                <a:cubicBezTo>
                  <a:pt x="160" y="166"/>
                  <a:pt x="114" y="179"/>
                  <a:pt x="114" y="179"/>
                </a:cubicBezTo>
                <a:cubicBezTo>
                  <a:pt x="108" y="181"/>
                  <a:pt x="105" y="186"/>
                  <a:pt x="104" y="191"/>
                </a:cubicBezTo>
                <a:cubicBezTo>
                  <a:pt x="104" y="191"/>
                  <a:pt x="94" y="372"/>
                  <a:pt x="92" y="415"/>
                </a:cubicBezTo>
                <a:cubicBezTo>
                  <a:pt x="69" y="395"/>
                  <a:pt x="34" y="365"/>
                  <a:pt x="27" y="359"/>
                </a:cubicBezTo>
                <a:cubicBezTo>
                  <a:pt x="28" y="346"/>
                  <a:pt x="45" y="163"/>
                  <a:pt x="47" y="145"/>
                </a:cubicBezTo>
                <a:cubicBezTo>
                  <a:pt x="54" y="144"/>
                  <a:pt x="114" y="133"/>
                  <a:pt x="175" y="12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2" name="Freeform 353"/>
          <p:cNvSpPr>
            <a:spLocks/>
          </p:cNvSpPr>
          <p:nvPr userDrawn="1"/>
        </p:nvSpPr>
        <p:spPr bwMode="auto">
          <a:xfrm>
            <a:off x="3181039" y="5101634"/>
            <a:ext cx="474663" cy="442913"/>
          </a:xfrm>
          <a:custGeom>
            <a:avLst/>
            <a:gdLst/>
            <a:ahLst/>
            <a:cxnLst>
              <a:cxn ang="0">
                <a:pos x="15" y="392"/>
              </a:cxn>
              <a:cxn ang="0">
                <a:pos x="2" y="163"/>
              </a:cxn>
              <a:cxn ang="0">
                <a:pos x="70" y="150"/>
              </a:cxn>
              <a:cxn ang="0">
                <a:pos x="83" y="321"/>
              </a:cxn>
              <a:cxn ang="0">
                <a:pos x="101" y="163"/>
              </a:cxn>
              <a:cxn ang="0">
                <a:pos x="114" y="150"/>
              </a:cxn>
              <a:cxn ang="0">
                <a:pos x="181" y="154"/>
              </a:cxn>
              <a:cxn ang="0">
                <a:pos x="184" y="321"/>
              </a:cxn>
              <a:cxn ang="0">
                <a:pos x="254" y="163"/>
              </a:cxn>
              <a:cxn ang="0">
                <a:pos x="323" y="150"/>
              </a:cxn>
              <a:cxn ang="0">
                <a:pos x="336" y="321"/>
              </a:cxn>
              <a:cxn ang="0">
                <a:pos x="355" y="161"/>
              </a:cxn>
              <a:cxn ang="0">
                <a:pos x="380" y="161"/>
              </a:cxn>
              <a:cxn ang="0">
                <a:pos x="368" y="346"/>
              </a:cxn>
              <a:cxn ang="0">
                <a:pos x="311" y="334"/>
              </a:cxn>
              <a:cxn ang="0">
                <a:pos x="279" y="176"/>
              </a:cxn>
              <a:cxn ang="0">
                <a:pos x="261" y="347"/>
              </a:cxn>
              <a:cxn ang="0">
                <a:pos x="162" y="343"/>
              </a:cxn>
              <a:cxn ang="0">
                <a:pos x="159" y="176"/>
              </a:cxn>
              <a:cxn ang="0">
                <a:pos x="127" y="334"/>
              </a:cxn>
              <a:cxn ang="0">
                <a:pos x="115" y="347"/>
              </a:cxn>
              <a:cxn ang="0">
                <a:pos x="70" y="347"/>
              </a:cxn>
              <a:cxn ang="0">
                <a:pos x="57" y="334"/>
              </a:cxn>
              <a:cxn ang="0">
                <a:pos x="27" y="176"/>
              </a:cxn>
              <a:cxn ang="0">
                <a:pos x="395" y="366"/>
              </a:cxn>
              <a:cxn ang="0">
                <a:pos x="209" y="28"/>
              </a:cxn>
              <a:cxn ang="0">
                <a:pos x="340" y="113"/>
              </a:cxn>
              <a:cxn ang="0">
                <a:pos x="340" y="139"/>
              </a:cxn>
              <a:cxn ang="0">
                <a:pos x="1" y="129"/>
              </a:cxn>
              <a:cxn ang="0">
                <a:pos x="203" y="3"/>
              </a:cxn>
              <a:cxn ang="0">
                <a:pos x="414" y="111"/>
              </a:cxn>
              <a:cxn ang="0">
                <a:pos x="421" y="379"/>
              </a:cxn>
            </a:cxnLst>
            <a:rect l="0" t="0" r="r" b="b"/>
            <a:pathLst>
              <a:path w="421" h="392">
                <a:moveTo>
                  <a:pt x="408" y="392"/>
                </a:moveTo>
                <a:cubicBezTo>
                  <a:pt x="15" y="392"/>
                  <a:pt x="15" y="392"/>
                  <a:pt x="15" y="392"/>
                </a:cubicBezTo>
                <a:cubicBezTo>
                  <a:pt x="8" y="392"/>
                  <a:pt x="2" y="386"/>
                  <a:pt x="2" y="379"/>
                </a:cubicBezTo>
                <a:cubicBezTo>
                  <a:pt x="2" y="163"/>
                  <a:pt x="2" y="163"/>
                  <a:pt x="2" y="163"/>
                </a:cubicBezTo>
                <a:cubicBezTo>
                  <a:pt x="2" y="156"/>
                  <a:pt x="8" y="150"/>
                  <a:pt x="15" y="150"/>
                </a:cubicBezTo>
                <a:cubicBezTo>
                  <a:pt x="70" y="150"/>
                  <a:pt x="70" y="150"/>
                  <a:pt x="70" y="150"/>
                </a:cubicBezTo>
                <a:cubicBezTo>
                  <a:pt x="77" y="150"/>
                  <a:pt x="83" y="156"/>
                  <a:pt x="83" y="163"/>
                </a:cubicBezTo>
                <a:cubicBezTo>
                  <a:pt x="83" y="321"/>
                  <a:pt x="83" y="321"/>
                  <a:pt x="83" y="321"/>
                </a:cubicBezTo>
                <a:cubicBezTo>
                  <a:pt x="102" y="321"/>
                  <a:pt x="102" y="321"/>
                  <a:pt x="102" y="321"/>
                </a:cubicBezTo>
                <a:cubicBezTo>
                  <a:pt x="101" y="163"/>
                  <a:pt x="101" y="163"/>
                  <a:pt x="101" y="163"/>
                </a:cubicBezTo>
                <a:cubicBezTo>
                  <a:pt x="101" y="160"/>
                  <a:pt x="103" y="156"/>
                  <a:pt x="105" y="154"/>
                </a:cubicBezTo>
                <a:cubicBezTo>
                  <a:pt x="107" y="151"/>
                  <a:pt x="111" y="150"/>
                  <a:pt x="114" y="150"/>
                </a:cubicBezTo>
                <a:cubicBezTo>
                  <a:pt x="172" y="150"/>
                  <a:pt x="172" y="150"/>
                  <a:pt x="172" y="150"/>
                </a:cubicBezTo>
                <a:cubicBezTo>
                  <a:pt x="175" y="150"/>
                  <a:pt x="178" y="151"/>
                  <a:pt x="181" y="154"/>
                </a:cubicBezTo>
                <a:cubicBezTo>
                  <a:pt x="183" y="156"/>
                  <a:pt x="184" y="160"/>
                  <a:pt x="184" y="163"/>
                </a:cubicBezTo>
                <a:cubicBezTo>
                  <a:pt x="184" y="321"/>
                  <a:pt x="184" y="321"/>
                  <a:pt x="184" y="321"/>
                </a:cubicBezTo>
                <a:cubicBezTo>
                  <a:pt x="253" y="321"/>
                  <a:pt x="253" y="321"/>
                  <a:pt x="253" y="321"/>
                </a:cubicBezTo>
                <a:cubicBezTo>
                  <a:pt x="254" y="163"/>
                  <a:pt x="254" y="163"/>
                  <a:pt x="254" y="163"/>
                </a:cubicBezTo>
                <a:cubicBezTo>
                  <a:pt x="254" y="156"/>
                  <a:pt x="260" y="150"/>
                  <a:pt x="267" y="150"/>
                </a:cubicBezTo>
                <a:cubicBezTo>
                  <a:pt x="323" y="150"/>
                  <a:pt x="323" y="150"/>
                  <a:pt x="323" y="150"/>
                </a:cubicBezTo>
                <a:cubicBezTo>
                  <a:pt x="330" y="150"/>
                  <a:pt x="336" y="156"/>
                  <a:pt x="336" y="163"/>
                </a:cubicBezTo>
                <a:cubicBezTo>
                  <a:pt x="336" y="321"/>
                  <a:pt x="336" y="321"/>
                  <a:pt x="336" y="321"/>
                </a:cubicBezTo>
                <a:cubicBezTo>
                  <a:pt x="355" y="321"/>
                  <a:pt x="355" y="321"/>
                  <a:pt x="355" y="321"/>
                </a:cubicBezTo>
                <a:cubicBezTo>
                  <a:pt x="355" y="161"/>
                  <a:pt x="355" y="161"/>
                  <a:pt x="355" y="161"/>
                </a:cubicBezTo>
                <a:cubicBezTo>
                  <a:pt x="355" y="154"/>
                  <a:pt x="361" y="148"/>
                  <a:pt x="368" y="148"/>
                </a:cubicBezTo>
                <a:cubicBezTo>
                  <a:pt x="375" y="148"/>
                  <a:pt x="380" y="154"/>
                  <a:pt x="380" y="161"/>
                </a:cubicBezTo>
                <a:cubicBezTo>
                  <a:pt x="380" y="334"/>
                  <a:pt x="380" y="334"/>
                  <a:pt x="380" y="334"/>
                </a:cubicBezTo>
                <a:cubicBezTo>
                  <a:pt x="380" y="341"/>
                  <a:pt x="375" y="346"/>
                  <a:pt x="368" y="346"/>
                </a:cubicBezTo>
                <a:cubicBezTo>
                  <a:pt x="323" y="346"/>
                  <a:pt x="323" y="346"/>
                  <a:pt x="323" y="346"/>
                </a:cubicBezTo>
                <a:cubicBezTo>
                  <a:pt x="316" y="346"/>
                  <a:pt x="311" y="341"/>
                  <a:pt x="311" y="334"/>
                </a:cubicBezTo>
                <a:cubicBezTo>
                  <a:pt x="311" y="176"/>
                  <a:pt x="311" y="176"/>
                  <a:pt x="311" y="176"/>
                </a:cubicBezTo>
                <a:cubicBezTo>
                  <a:pt x="279" y="176"/>
                  <a:pt x="279" y="176"/>
                  <a:pt x="279" y="176"/>
                </a:cubicBezTo>
                <a:cubicBezTo>
                  <a:pt x="279" y="334"/>
                  <a:pt x="279" y="334"/>
                  <a:pt x="279" y="334"/>
                </a:cubicBezTo>
                <a:cubicBezTo>
                  <a:pt x="279" y="341"/>
                  <a:pt x="268" y="347"/>
                  <a:pt x="261" y="347"/>
                </a:cubicBezTo>
                <a:cubicBezTo>
                  <a:pt x="171" y="347"/>
                  <a:pt x="171" y="347"/>
                  <a:pt x="171" y="347"/>
                </a:cubicBezTo>
                <a:cubicBezTo>
                  <a:pt x="168" y="347"/>
                  <a:pt x="165" y="345"/>
                  <a:pt x="162" y="343"/>
                </a:cubicBezTo>
                <a:cubicBezTo>
                  <a:pt x="160" y="341"/>
                  <a:pt x="159" y="337"/>
                  <a:pt x="159" y="334"/>
                </a:cubicBezTo>
                <a:cubicBezTo>
                  <a:pt x="159" y="176"/>
                  <a:pt x="159" y="176"/>
                  <a:pt x="159" y="176"/>
                </a:cubicBezTo>
                <a:cubicBezTo>
                  <a:pt x="127" y="176"/>
                  <a:pt x="127" y="176"/>
                  <a:pt x="127" y="176"/>
                </a:cubicBezTo>
                <a:cubicBezTo>
                  <a:pt x="127" y="334"/>
                  <a:pt x="127" y="334"/>
                  <a:pt x="127" y="334"/>
                </a:cubicBezTo>
                <a:cubicBezTo>
                  <a:pt x="127" y="337"/>
                  <a:pt x="126" y="340"/>
                  <a:pt x="124" y="343"/>
                </a:cubicBezTo>
                <a:cubicBezTo>
                  <a:pt x="121" y="345"/>
                  <a:pt x="118" y="347"/>
                  <a:pt x="115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70" y="347"/>
                  <a:pt x="70" y="347"/>
                  <a:pt x="70" y="347"/>
                </a:cubicBezTo>
                <a:cubicBezTo>
                  <a:pt x="67" y="347"/>
                  <a:pt x="64" y="345"/>
                  <a:pt x="61" y="343"/>
                </a:cubicBezTo>
                <a:cubicBezTo>
                  <a:pt x="59" y="341"/>
                  <a:pt x="57" y="337"/>
                  <a:pt x="57" y="334"/>
                </a:cubicBezTo>
                <a:cubicBezTo>
                  <a:pt x="57" y="176"/>
                  <a:pt x="57" y="176"/>
                  <a:pt x="57" y="176"/>
                </a:cubicBezTo>
                <a:cubicBezTo>
                  <a:pt x="27" y="176"/>
                  <a:pt x="27" y="176"/>
                  <a:pt x="27" y="176"/>
                </a:cubicBezTo>
                <a:cubicBezTo>
                  <a:pt x="27" y="366"/>
                  <a:pt x="27" y="366"/>
                  <a:pt x="27" y="366"/>
                </a:cubicBezTo>
                <a:cubicBezTo>
                  <a:pt x="395" y="366"/>
                  <a:pt x="395" y="366"/>
                  <a:pt x="395" y="366"/>
                </a:cubicBezTo>
                <a:cubicBezTo>
                  <a:pt x="395" y="130"/>
                  <a:pt x="395" y="130"/>
                  <a:pt x="395" y="130"/>
                </a:cubicBezTo>
                <a:cubicBezTo>
                  <a:pt x="209" y="28"/>
                  <a:pt x="209" y="28"/>
                  <a:pt x="209" y="28"/>
                </a:cubicBezTo>
                <a:cubicBezTo>
                  <a:pt x="62" y="113"/>
                  <a:pt x="62" y="113"/>
                  <a:pt x="62" y="113"/>
                </a:cubicBezTo>
                <a:cubicBezTo>
                  <a:pt x="340" y="113"/>
                  <a:pt x="340" y="113"/>
                  <a:pt x="340" y="113"/>
                </a:cubicBezTo>
                <a:cubicBezTo>
                  <a:pt x="347" y="113"/>
                  <a:pt x="353" y="119"/>
                  <a:pt x="353" y="126"/>
                </a:cubicBezTo>
                <a:cubicBezTo>
                  <a:pt x="353" y="133"/>
                  <a:pt x="347" y="139"/>
                  <a:pt x="340" y="139"/>
                </a:cubicBezTo>
                <a:cubicBezTo>
                  <a:pt x="13" y="139"/>
                  <a:pt x="13" y="139"/>
                  <a:pt x="13" y="139"/>
                </a:cubicBezTo>
                <a:cubicBezTo>
                  <a:pt x="8" y="139"/>
                  <a:pt x="3" y="135"/>
                  <a:pt x="1" y="129"/>
                </a:cubicBezTo>
                <a:cubicBezTo>
                  <a:pt x="0" y="123"/>
                  <a:pt x="2" y="118"/>
                  <a:pt x="7" y="115"/>
                </a:cubicBezTo>
                <a:cubicBezTo>
                  <a:pt x="203" y="3"/>
                  <a:pt x="203" y="3"/>
                  <a:pt x="203" y="3"/>
                </a:cubicBezTo>
                <a:cubicBezTo>
                  <a:pt x="207" y="0"/>
                  <a:pt x="211" y="0"/>
                  <a:pt x="215" y="3"/>
                </a:cubicBezTo>
                <a:cubicBezTo>
                  <a:pt x="414" y="111"/>
                  <a:pt x="414" y="111"/>
                  <a:pt x="414" y="111"/>
                </a:cubicBezTo>
                <a:cubicBezTo>
                  <a:pt x="418" y="113"/>
                  <a:pt x="421" y="118"/>
                  <a:pt x="421" y="122"/>
                </a:cubicBezTo>
                <a:cubicBezTo>
                  <a:pt x="421" y="379"/>
                  <a:pt x="421" y="379"/>
                  <a:pt x="421" y="379"/>
                </a:cubicBezTo>
                <a:cubicBezTo>
                  <a:pt x="421" y="386"/>
                  <a:pt x="415" y="392"/>
                  <a:pt x="408" y="39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3" name="Freeform 365"/>
          <p:cNvSpPr>
            <a:spLocks/>
          </p:cNvSpPr>
          <p:nvPr userDrawn="1"/>
        </p:nvSpPr>
        <p:spPr bwMode="auto">
          <a:xfrm>
            <a:off x="4852544" y="1785047"/>
            <a:ext cx="220663" cy="442912"/>
          </a:xfrm>
          <a:custGeom>
            <a:avLst/>
            <a:gdLst/>
            <a:ahLst/>
            <a:cxnLst>
              <a:cxn ang="0">
                <a:pos x="192" y="3"/>
              </a:cxn>
              <a:cxn ang="0">
                <a:pos x="184" y="0"/>
              </a:cxn>
              <a:cxn ang="0">
                <a:pos x="11" y="0"/>
              </a:cxn>
              <a:cxn ang="0">
                <a:pos x="3" y="3"/>
              </a:cxn>
              <a:cxn ang="0">
                <a:pos x="0" y="11"/>
              </a:cxn>
              <a:cxn ang="0">
                <a:pos x="0" y="230"/>
              </a:cxn>
              <a:cxn ang="0">
                <a:pos x="0" y="381"/>
              </a:cxn>
              <a:cxn ang="0">
                <a:pos x="11" y="392"/>
              </a:cxn>
              <a:cxn ang="0">
                <a:pos x="23" y="381"/>
              </a:cxn>
              <a:cxn ang="0">
                <a:pos x="23" y="381"/>
              </a:cxn>
              <a:cxn ang="0">
                <a:pos x="23" y="366"/>
              </a:cxn>
              <a:cxn ang="0">
                <a:pos x="53" y="366"/>
              </a:cxn>
              <a:cxn ang="0">
                <a:pos x="64" y="355"/>
              </a:cxn>
              <a:cxn ang="0">
                <a:pos x="53" y="343"/>
              </a:cxn>
              <a:cxn ang="0">
                <a:pos x="23" y="343"/>
              </a:cxn>
              <a:cxn ang="0">
                <a:pos x="23" y="314"/>
              </a:cxn>
              <a:cxn ang="0">
                <a:pos x="52" y="314"/>
              </a:cxn>
              <a:cxn ang="0">
                <a:pos x="63" y="302"/>
              </a:cxn>
              <a:cxn ang="0">
                <a:pos x="52" y="291"/>
              </a:cxn>
              <a:cxn ang="0">
                <a:pos x="23" y="291"/>
              </a:cxn>
              <a:cxn ang="0">
                <a:pos x="23" y="256"/>
              </a:cxn>
              <a:cxn ang="0">
                <a:pos x="96" y="256"/>
              </a:cxn>
              <a:cxn ang="0">
                <a:pos x="107" y="245"/>
              </a:cxn>
              <a:cxn ang="0">
                <a:pos x="96" y="234"/>
              </a:cxn>
              <a:cxn ang="0">
                <a:pos x="23" y="234"/>
              </a:cxn>
              <a:cxn ang="0">
                <a:pos x="23" y="230"/>
              </a:cxn>
              <a:cxn ang="0">
                <a:pos x="23" y="203"/>
              </a:cxn>
              <a:cxn ang="0">
                <a:pos x="51" y="203"/>
              </a:cxn>
              <a:cxn ang="0">
                <a:pos x="63" y="191"/>
              </a:cxn>
              <a:cxn ang="0">
                <a:pos x="51" y="180"/>
              </a:cxn>
              <a:cxn ang="0">
                <a:pos x="23" y="180"/>
              </a:cxn>
              <a:cxn ang="0">
                <a:pos x="23" y="156"/>
              </a:cxn>
              <a:cxn ang="0">
                <a:pos x="52" y="156"/>
              </a:cxn>
              <a:cxn ang="0">
                <a:pos x="63" y="145"/>
              </a:cxn>
              <a:cxn ang="0">
                <a:pos x="52" y="133"/>
              </a:cxn>
              <a:cxn ang="0">
                <a:pos x="23" y="133"/>
              </a:cxn>
              <a:cxn ang="0">
                <a:pos x="23" y="104"/>
              </a:cxn>
              <a:cxn ang="0">
                <a:pos x="95" y="104"/>
              </a:cxn>
              <a:cxn ang="0">
                <a:pos x="106" y="92"/>
              </a:cxn>
              <a:cxn ang="0">
                <a:pos x="95" y="81"/>
              </a:cxn>
              <a:cxn ang="0">
                <a:pos x="23" y="81"/>
              </a:cxn>
              <a:cxn ang="0">
                <a:pos x="23" y="22"/>
              </a:cxn>
              <a:cxn ang="0">
                <a:pos x="173" y="22"/>
              </a:cxn>
              <a:cxn ang="0">
                <a:pos x="173" y="291"/>
              </a:cxn>
              <a:cxn ang="0">
                <a:pos x="184" y="303"/>
              </a:cxn>
              <a:cxn ang="0">
                <a:pos x="195" y="291"/>
              </a:cxn>
              <a:cxn ang="0">
                <a:pos x="195" y="11"/>
              </a:cxn>
              <a:cxn ang="0">
                <a:pos x="192" y="3"/>
              </a:cxn>
            </a:cxnLst>
            <a:rect l="0" t="0" r="r" b="b"/>
            <a:pathLst>
              <a:path w="195" h="392">
                <a:moveTo>
                  <a:pt x="192" y="3"/>
                </a:moveTo>
                <a:cubicBezTo>
                  <a:pt x="190" y="1"/>
                  <a:pt x="187" y="0"/>
                  <a:pt x="184" y="0"/>
                </a:cubicBezTo>
                <a:cubicBezTo>
                  <a:pt x="11" y="0"/>
                  <a:pt x="11" y="0"/>
                  <a:pt x="11" y="0"/>
                </a:cubicBezTo>
                <a:cubicBezTo>
                  <a:pt x="8" y="0"/>
                  <a:pt x="6" y="1"/>
                  <a:pt x="3" y="3"/>
                </a:cubicBezTo>
                <a:cubicBezTo>
                  <a:pt x="1" y="5"/>
                  <a:pt x="0" y="8"/>
                  <a:pt x="0" y="11"/>
                </a:cubicBezTo>
                <a:cubicBezTo>
                  <a:pt x="0" y="230"/>
                  <a:pt x="0" y="230"/>
                  <a:pt x="0" y="230"/>
                </a:cubicBezTo>
                <a:cubicBezTo>
                  <a:pt x="0" y="381"/>
                  <a:pt x="0" y="381"/>
                  <a:pt x="0" y="381"/>
                </a:cubicBezTo>
                <a:cubicBezTo>
                  <a:pt x="0" y="387"/>
                  <a:pt x="5" y="392"/>
                  <a:pt x="11" y="392"/>
                </a:cubicBezTo>
                <a:cubicBezTo>
                  <a:pt x="18" y="392"/>
                  <a:pt x="23" y="387"/>
                  <a:pt x="23" y="381"/>
                </a:cubicBezTo>
                <a:cubicBezTo>
                  <a:pt x="23" y="381"/>
                  <a:pt x="23" y="381"/>
                  <a:pt x="23" y="381"/>
                </a:cubicBezTo>
                <a:cubicBezTo>
                  <a:pt x="23" y="366"/>
                  <a:pt x="23" y="366"/>
                  <a:pt x="23" y="366"/>
                </a:cubicBezTo>
                <a:cubicBezTo>
                  <a:pt x="53" y="366"/>
                  <a:pt x="53" y="366"/>
                  <a:pt x="53" y="366"/>
                </a:cubicBezTo>
                <a:cubicBezTo>
                  <a:pt x="59" y="366"/>
                  <a:pt x="64" y="361"/>
                  <a:pt x="64" y="355"/>
                </a:cubicBezTo>
                <a:cubicBezTo>
                  <a:pt x="64" y="348"/>
                  <a:pt x="59" y="343"/>
                  <a:pt x="53" y="343"/>
                </a:cubicBezTo>
                <a:cubicBezTo>
                  <a:pt x="23" y="343"/>
                  <a:pt x="23" y="343"/>
                  <a:pt x="23" y="343"/>
                </a:cubicBezTo>
                <a:cubicBezTo>
                  <a:pt x="23" y="314"/>
                  <a:pt x="23" y="314"/>
                  <a:pt x="23" y="314"/>
                </a:cubicBezTo>
                <a:cubicBezTo>
                  <a:pt x="52" y="314"/>
                  <a:pt x="52" y="314"/>
                  <a:pt x="52" y="314"/>
                </a:cubicBezTo>
                <a:cubicBezTo>
                  <a:pt x="58" y="314"/>
                  <a:pt x="63" y="309"/>
                  <a:pt x="63" y="302"/>
                </a:cubicBezTo>
                <a:cubicBezTo>
                  <a:pt x="63" y="296"/>
                  <a:pt x="58" y="291"/>
                  <a:pt x="52" y="291"/>
                </a:cubicBezTo>
                <a:cubicBezTo>
                  <a:pt x="23" y="291"/>
                  <a:pt x="23" y="291"/>
                  <a:pt x="23" y="291"/>
                </a:cubicBezTo>
                <a:cubicBezTo>
                  <a:pt x="23" y="256"/>
                  <a:pt x="23" y="256"/>
                  <a:pt x="23" y="256"/>
                </a:cubicBezTo>
                <a:cubicBezTo>
                  <a:pt x="96" y="256"/>
                  <a:pt x="96" y="256"/>
                  <a:pt x="96" y="256"/>
                </a:cubicBezTo>
                <a:cubicBezTo>
                  <a:pt x="102" y="256"/>
                  <a:pt x="107" y="251"/>
                  <a:pt x="107" y="245"/>
                </a:cubicBezTo>
                <a:cubicBezTo>
                  <a:pt x="107" y="239"/>
                  <a:pt x="102" y="234"/>
                  <a:pt x="96" y="234"/>
                </a:cubicBezTo>
                <a:cubicBezTo>
                  <a:pt x="23" y="234"/>
                  <a:pt x="23" y="234"/>
                  <a:pt x="23" y="234"/>
                </a:cubicBezTo>
                <a:cubicBezTo>
                  <a:pt x="23" y="230"/>
                  <a:pt x="23" y="230"/>
                  <a:pt x="23" y="230"/>
                </a:cubicBezTo>
                <a:cubicBezTo>
                  <a:pt x="23" y="203"/>
                  <a:pt x="23" y="203"/>
                  <a:pt x="23" y="203"/>
                </a:cubicBezTo>
                <a:cubicBezTo>
                  <a:pt x="51" y="203"/>
                  <a:pt x="51" y="203"/>
                  <a:pt x="51" y="203"/>
                </a:cubicBezTo>
                <a:cubicBezTo>
                  <a:pt x="57" y="203"/>
                  <a:pt x="63" y="198"/>
                  <a:pt x="63" y="191"/>
                </a:cubicBezTo>
                <a:cubicBezTo>
                  <a:pt x="63" y="185"/>
                  <a:pt x="57" y="180"/>
                  <a:pt x="51" y="180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56"/>
                  <a:pt x="23" y="156"/>
                  <a:pt x="23" y="156"/>
                </a:cubicBezTo>
                <a:cubicBezTo>
                  <a:pt x="52" y="156"/>
                  <a:pt x="52" y="156"/>
                  <a:pt x="52" y="156"/>
                </a:cubicBezTo>
                <a:cubicBezTo>
                  <a:pt x="58" y="156"/>
                  <a:pt x="63" y="151"/>
                  <a:pt x="63" y="145"/>
                </a:cubicBezTo>
                <a:cubicBezTo>
                  <a:pt x="63" y="138"/>
                  <a:pt x="58" y="133"/>
                  <a:pt x="52" y="133"/>
                </a:cubicBezTo>
                <a:cubicBezTo>
                  <a:pt x="23" y="133"/>
                  <a:pt x="23" y="133"/>
                  <a:pt x="23" y="133"/>
                </a:cubicBezTo>
                <a:cubicBezTo>
                  <a:pt x="23" y="104"/>
                  <a:pt x="23" y="104"/>
                  <a:pt x="23" y="104"/>
                </a:cubicBezTo>
                <a:cubicBezTo>
                  <a:pt x="95" y="104"/>
                  <a:pt x="95" y="104"/>
                  <a:pt x="95" y="104"/>
                </a:cubicBezTo>
                <a:cubicBezTo>
                  <a:pt x="101" y="104"/>
                  <a:pt x="106" y="99"/>
                  <a:pt x="106" y="92"/>
                </a:cubicBezTo>
                <a:cubicBezTo>
                  <a:pt x="106" y="86"/>
                  <a:pt x="101" y="81"/>
                  <a:pt x="95" y="81"/>
                </a:cubicBezTo>
                <a:cubicBezTo>
                  <a:pt x="23" y="81"/>
                  <a:pt x="23" y="81"/>
                  <a:pt x="23" y="81"/>
                </a:cubicBezTo>
                <a:cubicBezTo>
                  <a:pt x="23" y="22"/>
                  <a:pt x="23" y="22"/>
                  <a:pt x="23" y="22"/>
                </a:cubicBezTo>
                <a:cubicBezTo>
                  <a:pt x="173" y="22"/>
                  <a:pt x="173" y="22"/>
                  <a:pt x="173" y="22"/>
                </a:cubicBezTo>
                <a:cubicBezTo>
                  <a:pt x="173" y="291"/>
                  <a:pt x="173" y="291"/>
                  <a:pt x="173" y="291"/>
                </a:cubicBezTo>
                <a:cubicBezTo>
                  <a:pt x="173" y="298"/>
                  <a:pt x="178" y="303"/>
                  <a:pt x="184" y="303"/>
                </a:cubicBezTo>
                <a:cubicBezTo>
                  <a:pt x="190" y="303"/>
                  <a:pt x="195" y="298"/>
                  <a:pt x="195" y="291"/>
                </a:cubicBezTo>
                <a:cubicBezTo>
                  <a:pt x="195" y="11"/>
                  <a:pt x="195" y="11"/>
                  <a:pt x="195" y="11"/>
                </a:cubicBezTo>
                <a:cubicBezTo>
                  <a:pt x="195" y="8"/>
                  <a:pt x="194" y="5"/>
                  <a:pt x="192" y="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3" name="Group 214"/>
          <p:cNvGrpSpPr>
            <a:grpSpLocks noChangeAspect="1"/>
          </p:cNvGrpSpPr>
          <p:nvPr userDrawn="1"/>
        </p:nvGrpSpPr>
        <p:grpSpPr bwMode="auto">
          <a:xfrm>
            <a:off x="3835961" y="4300824"/>
            <a:ext cx="390281" cy="553711"/>
            <a:chOff x="1257" y="2375"/>
            <a:chExt cx="320" cy="454"/>
          </a:xfrm>
          <a:solidFill>
            <a:schemeClr val="bg1"/>
          </a:solidFill>
        </p:grpSpPr>
        <p:sp>
          <p:nvSpPr>
            <p:cNvPr id="35" name="Freeform 215"/>
            <p:cNvSpPr>
              <a:spLocks/>
            </p:cNvSpPr>
            <p:nvPr/>
          </p:nvSpPr>
          <p:spPr bwMode="auto">
            <a:xfrm>
              <a:off x="1257" y="2375"/>
              <a:ext cx="320" cy="454"/>
            </a:xfrm>
            <a:custGeom>
              <a:avLst/>
              <a:gdLst/>
              <a:ahLst/>
              <a:cxnLst>
                <a:cxn ang="0">
                  <a:pos x="55" y="0"/>
                </a:cxn>
                <a:cxn ang="0">
                  <a:pos x="0" y="240"/>
                </a:cxn>
                <a:cxn ang="0">
                  <a:pos x="40" y="240"/>
                </a:cxn>
                <a:cxn ang="0">
                  <a:pos x="55" y="38"/>
                </a:cxn>
                <a:cxn ang="0">
                  <a:pos x="412" y="54"/>
                </a:cxn>
                <a:cxn ang="0">
                  <a:pos x="396" y="601"/>
                </a:cxn>
                <a:cxn ang="0">
                  <a:pos x="281" y="581"/>
                </a:cxn>
                <a:cxn ang="0">
                  <a:pos x="169" y="581"/>
                </a:cxn>
                <a:cxn ang="0">
                  <a:pos x="54" y="601"/>
                </a:cxn>
                <a:cxn ang="0">
                  <a:pos x="39" y="337"/>
                </a:cxn>
                <a:cxn ang="0">
                  <a:pos x="98" y="277"/>
                </a:cxn>
                <a:cxn ang="0">
                  <a:pos x="346" y="105"/>
                </a:cxn>
                <a:cxn ang="0">
                  <a:pos x="99" y="475"/>
                </a:cxn>
                <a:cxn ang="0">
                  <a:pos x="80" y="334"/>
                </a:cxn>
                <a:cxn ang="0">
                  <a:pos x="61" y="494"/>
                </a:cxn>
                <a:cxn ang="0">
                  <a:pos x="80" y="513"/>
                </a:cxn>
                <a:cxn ang="0">
                  <a:pos x="385" y="494"/>
                </a:cxn>
                <a:cxn ang="0">
                  <a:pos x="366" y="66"/>
                </a:cxn>
                <a:cxn ang="0">
                  <a:pos x="60" y="86"/>
                </a:cxn>
                <a:cxn ang="0">
                  <a:pos x="60" y="268"/>
                </a:cxn>
                <a:cxn ang="0">
                  <a:pos x="0" y="330"/>
                </a:cxn>
                <a:cxn ang="0">
                  <a:pos x="0" y="586"/>
                </a:cxn>
                <a:cxn ang="0">
                  <a:pos x="193" y="640"/>
                </a:cxn>
                <a:cxn ang="0">
                  <a:pos x="198" y="640"/>
                </a:cxn>
                <a:cxn ang="0">
                  <a:pos x="216" y="603"/>
                </a:cxn>
                <a:cxn ang="0">
                  <a:pos x="210" y="588"/>
                </a:cxn>
                <a:cxn ang="0">
                  <a:pos x="225" y="563"/>
                </a:cxn>
                <a:cxn ang="0">
                  <a:pos x="241" y="588"/>
                </a:cxn>
                <a:cxn ang="0">
                  <a:pos x="237" y="602"/>
                </a:cxn>
                <a:cxn ang="0">
                  <a:pos x="254" y="639"/>
                </a:cxn>
                <a:cxn ang="0">
                  <a:pos x="259" y="640"/>
                </a:cxn>
                <a:cxn ang="0">
                  <a:pos x="450" y="585"/>
                </a:cxn>
                <a:cxn ang="0">
                  <a:pos x="396" y="0"/>
                </a:cxn>
              </a:cxnLst>
              <a:rect l="0" t="0" r="r" b="b"/>
              <a:pathLst>
                <a:path w="450" h="640">
                  <a:moveTo>
                    <a:pt x="396" y="0"/>
                  </a:moveTo>
                  <a:cubicBezTo>
                    <a:pt x="55" y="0"/>
                    <a:pt x="55" y="0"/>
                    <a:pt x="55" y="0"/>
                  </a:cubicBezTo>
                  <a:cubicBezTo>
                    <a:pt x="25" y="0"/>
                    <a:pt x="1" y="24"/>
                    <a:pt x="0" y="54"/>
                  </a:cubicBezTo>
                  <a:cubicBezTo>
                    <a:pt x="0" y="240"/>
                    <a:pt x="0" y="240"/>
                    <a:pt x="0" y="240"/>
                  </a:cubicBezTo>
                  <a:cubicBezTo>
                    <a:pt x="0" y="250"/>
                    <a:pt x="9" y="259"/>
                    <a:pt x="20" y="259"/>
                  </a:cubicBezTo>
                  <a:cubicBezTo>
                    <a:pt x="30" y="259"/>
                    <a:pt x="40" y="250"/>
                    <a:pt x="40" y="240"/>
                  </a:cubicBezTo>
                  <a:cubicBezTo>
                    <a:pt x="40" y="54"/>
                    <a:pt x="40" y="54"/>
                    <a:pt x="40" y="54"/>
                  </a:cubicBezTo>
                  <a:cubicBezTo>
                    <a:pt x="40" y="45"/>
                    <a:pt x="46" y="38"/>
                    <a:pt x="55" y="38"/>
                  </a:cubicBezTo>
                  <a:cubicBezTo>
                    <a:pt x="396" y="38"/>
                    <a:pt x="396" y="38"/>
                    <a:pt x="396" y="38"/>
                  </a:cubicBezTo>
                  <a:cubicBezTo>
                    <a:pt x="405" y="38"/>
                    <a:pt x="412" y="45"/>
                    <a:pt x="412" y="54"/>
                  </a:cubicBezTo>
                  <a:cubicBezTo>
                    <a:pt x="412" y="585"/>
                    <a:pt x="412" y="585"/>
                    <a:pt x="412" y="585"/>
                  </a:cubicBezTo>
                  <a:cubicBezTo>
                    <a:pt x="412" y="593"/>
                    <a:pt x="405" y="601"/>
                    <a:pt x="396" y="601"/>
                  </a:cubicBezTo>
                  <a:cubicBezTo>
                    <a:pt x="278" y="601"/>
                    <a:pt x="278" y="601"/>
                    <a:pt x="278" y="601"/>
                  </a:cubicBezTo>
                  <a:cubicBezTo>
                    <a:pt x="280" y="594"/>
                    <a:pt x="281" y="588"/>
                    <a:pt x="281" y="581"/>
                  </a:cubicBezTo>
                  <a:cubicBezTo>
                    <a:pt x="281" y="550"/>
                    <a:pt x="256" y="525"/>
                    <a:pt x="225" y="525"/>
                  </a:cubicBezTo>
                  <a:cubicBezTo>
                    <a:pt x="195" y="525"/>
                    <a:pt x="169" y="550"/>
                    <a:pt x="169" y="581"/>
                  </a:cubicBezTo>
                  <a:cubicBezTo>
                    <a:pt x="169" y="588"/>
                    <a:pt x="171" y="595"/>
                    <a:pt x="173" y="601"/>
                  </a:cubicBezTo>
                  <a:cubicBezTo>
                    <a:pt x="54" y="601"/>
                    <a:pt x="54" y="601"/>
                    <a:pt x="54" y="601"/>
                  </a:cubicBezTo>
                  <a:cubicBezTo>
                    <a:pt x="46" y="601"/>
                    <a:pt x="39" y="594"/>
                    <a:pt x="39" y="586"/>
                  </a:cubicBezTo>
                  <a:cubicBezTo>
                    <a:pt x="39" y="337"/>
                    <a:pt x="39" y="337"/>
                    <a:pt x="39" y="337"/>
                  </a:cubicBezTo>
                  <a:cubicBezTo>
                    <a:pt x="92" y="292"/>
                    <a:pt x="92" y="292"/>
                    <a:pt x="92" y="292"/>
                  </a:cubicBezTo>
                  <a:cubicBezTo>
                    <a:pt x="96" y="289"/>
                    <a:pt x="98" y="283"/>
                    <a:pt x="98" y="277"/>
                  </a:cubicBezTo>
                  <a:cubicBezTo>
                    <a:pt x="98" y="105"/>
                    <a:pt x="98" y="105"/>
                    <a:pt x="98" y="105"/>
                  </a:cubicBezTo>
                  <a:cubicBezTo>
                    <a:pt x="346" y="105"/>
                    <a:pt x="346" y="105"/>
                    <a:pt x="346" y="105"/>
                  </a:cubicBezTo>
                  <a:cubicBezTo>
                    <a:pt x="346" y="475"/>
                    <a:pt x="346" y="475"/>
                    <a:pt x="346" y="475"/>
                  </a:cubicBezTo>
                  <a:cubicBezTo>
                    <a:pt x="99" y="475"/>
                    <a:pt x="99" y="475"/>
                    <a:pt x="99" y="475"/>
                  </a:cubicBezTo>
                  <a:cubicBezTo>
                    <a:pt x="100" y="353"/>
                    <a:pt x="100" y="353"/>
                    <a:pt x="100" y="353"/>
                  </a:cubicBezTo>
                  <a:cubicBezTo>
                    <a:pt x="100" y="343"/>
                    <a:pt x="91" y="334"/>
                    <a:pt x="80" y="334"/>
                  </a:cubicBezTo>
                  <a:cubicBezTo>
                    <a:pt x="70" y="334"/>
                    <a:pt x="61" y="343"/>
                    <a:pt x="61" y="353"/>
                  </a:cubicBezTo>
                  <a:cubicBezTo>
                    <a:pt x="61" y="494"/>
                    <a:pt x="61" y="494"/>
                    <a:pt x="61" y="494"/>
                  </a:cubicBezTo>
                  <a:cubicBezTo>
                    <a:pt x="61" y="499"/>
                    <a:pt x="63" y="504"/>
                    <a:pt x="67" y="508"/>
                  </a:cubicBezTo>
                  <a:cubicBezTo>
                    <a:pt x="70" y="511"/>
                    <a:pt x="75" y="513"/>
                    <a:pt x="80" y="513"/>
                  </a:cubicBezTo>
                  <a:cubicBezTo>
                    <a:pt x="366" y="513"/>
                    <a:pt x="366" y="513"/>
                    <a:pt x="366" y="513"/>
                  </a:cubicBezTo>
                  <a:cubicBezTo>
                    <a:pt x="377" y="513"/>
                    <a:pt x="385" y="505"/>
                    <a:pt x="385" y="494"/>
                  </a:cubicBezTo>
                  <a:cubicBezTo>
                    <a:pt x="385" y="86"/>
                    <a:pt x="385" y="86"/>
                    <a:pt x="385" y="86"/>
                  </a:cubicBezTo>
                  <a:cubicBezTo>
                    <a:pt x="385" y="75"/>
                    <a:pt x="377" y="66"/>
                    <a:pt x="366" y="66"/>
                  </a:cubicBezTo>
                  <a:cubicBezTo>
                    <a:pt x="79" y="66"/>
                    <a:pt x="79" y="66"/>
                    <a:pt x="79" y="66"/>
                  </a:cubicBezTo>
                  <a:cubicBezTo>
                    <a:pt x="68" y="66"/>
                    <a:pt x="60" y="75"/>
                    <a:pt x="60" y="86"/>
                  </a:cubicBezTo>
                  <a:cubicBezTo>
                    <a:pt x="60" y="86"/>
                    <a:pt x="60" y="87"/>
                    <a:pt x="60" y="87"/>
                  </a:cubicBezTo>
                  <a:cubicBezTo>
                    <a:pt x="60" y="268"/>
                    <a:pt x="60" y="268"/>
                    <a:pt x="60" y="268"/>
                  </a:cubicBezTo>
                  <a:cubicBezTo>
                    <a:pt x="7" y="313"/>
                    <a:pt x="7" y="313"/>
                    <a:pt x="7" y="313"/>
                  </a:cubicBezTo>
                  <a:cubicBezTo>
                    <a:pt x="2" y="317"/>
                    <a:pt x="0" y="324"/>
                    <a:pt x="0" y="330"/>
                  </a:cubicBezTo>
                  <a:cubicBezTo>
                    <a:pt x="0" y="331"/>
                    <a:pt x="0" y="331"/>
                    <a:pt x="0" y="332"/>
                  </a:cubicBezTo>
                  <a:cubicBezTo>
                    <a:pt x="0" y="586"/>
                    <a:pt x="0" y="586"/>
                    <a:pt x="0" y="586"/>
                  </a:cubicBezTo>
                  <a:cubicBezTo>
                    <a:pt x="0" y="615"/>
                    <a:pt x="25" y="640"/>
                    <a:pt x="54" y="640"/>
                  </a:cubicBezTo>
                  <a:cubicBezTo>
                    <a:pt x="193" y="640"/>
                    <a:pt x="193" y="640"/>
                    <a:pt x="193" y="640"/>
                  </a:cubicBezTo>
                  <a:cubicBezTo>
                    <a:pt x="194" y="640"/>
                    <a:pt x="194" y="640"/>
                    <a:pt x="195" y="640"/>
                  </a:cubicBezTo>
                  <a:cubicBezTo>
                    <a:pt x="198" y="640"/>
                    <a:pt x="198" y="640"/>
                    <a:pt x="198" y="640"/>
                  </a:cubicBezTo>
                  <a:cubicBezTo>
                    <a:pt x="208" y="639"/>
                    <a:pt x="216" y="630"/>
                    <a:pt x="216" y="620"/>
                  </a:cubicBezTo>
                  <a:cubicBezTo>
                    <a:pt x="216" y="603"/>
                    <a:pt x="216" y="603"/>
                    <a:pt x="216" y="603"/>
                  </a:cubicBezTo>
                  <a:cubicBezTo>
                    <a:pt x="216" y="598"/>
                    <a:pt x="215" y="596"/>
                    <a:pt x="213" y="593"/>
                  </a:cubicBezTo>
                  <a:cubicBezTo>
                    <a:pt x="210" y="588"/>
                    <a:pt x="210" y="588"/>
                    <a:pt x="210" y="588"/>
                  </a:cubicBezTo>
                  <a:cubicBezTo>
                    <a:pt x="209" y="586"/>
                    <a:pt x="208" y="583"/>
                    <a:pt x="208" y="581"/>
                  </a:cubicBezTo>
                  <a:cubicBezTo>
                    <a:pt x="208" y="569"/>
                    <a:pt x="216" y="563"/>
                    <a:pt x="225" y="563"/>
                  </a:cubicBezTo>
                  <a:cubicBezTo>
                    <a:pt x="236" y="563"/>
                    <a:pt x="243" y="570"/>
                    <a:pt x="243" y="581"/>
                  </a:cubicBezTo>
                  <a:cubicBezTo>
                    <a:pt x="243" y="583"/>
                    <a:pt x="242" y="586"/>
                    <a:pt x="241" y="588"/>
                  </a:cubicBezTo>
                  <a:cubicBezTo>
                    <a:pt x="239" y="593"/>
                    <a:pt x="239" y="593"/>
                    <a:pt x="239" y="593"/>
                  </a:cubicBezTo>
                  <a:cubicBezTo>
                    <a:pt x="237" y="595"/>
                    <a:pt x="237" y="599"/>
                    <a:pt x="237" y="602"/>
                  </a:cubicBezTo>
                  <a:cubicBezTo>
                    <a:pt x="237" y="619"/>
                    <a:pt x="237" y="619"/>
                    <a:pt x="237" y="619"/>
                  </a:cubicBezTo>
                  <a:cubicBezTo>
                    <a:pt x="237" y="630"/>
                    <a:pt x="244" y="638"/>
                    <a:pt x="254" y="639"/>
                  </a:cubicBezTo>
                  <a:cubicBezTo>
                    <a:pt x="258" y="639"/>
                    <a:pt x="258" y="639"/>
                    <a:pt x="258" y="639"/>
                  </a:cubicBezTo>
                  <a:cubicBezTo>
                    <a:pt x="258" y="639"/>
                    <a:pt x="259" y="640"/>
                    <a:pt x="259" y="640"/>
                  </a:cubicBezTo>
                  <a:cubicBezTo>
                    <a:pt x="396" y="640"/>
                    <a:pt x="396" y="640"/>
                    <a:pt x="396" y="640"/>
                  </a:cubicBezTo>
                  <a:cubicBezTo>
                    <a:pt x="426" y="640"/>
                    <a:pt x="450" y="615"/>
                    <a:pt x="450" y="585"/>
                  </a:cubicBezTo>
                  <a:cubicBezTo>
                    <a:pt x="450" y="54"/>
                    <a:pt x="450" y="54"/>
                    <a:pt x="450" y="54"/>
                  </a:cubicBezTo>
                  <a:cubicBezTo>
                    <a:pt x="450" y="24"/>
                    <a:pt x="426" y="0"/>
                    <a:pt x="396" y="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6" name="Line 216"/>
            <p:cNvSpPr>
              <a:spLocks noChangeShapeType="1"/>
            </p:cNvSpPr>
            <p:nvPr/>
          </p:nvSpPr>
          <p:spPr bwMode="auto">
            <a:xfrm>
              <a:off x="1382" y="2797"/>
              <a:ext cx="1" cy="1"/>
            </a:xfrm>
            <a:prstGeom prst="lin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7" name="Line 217"/>
            <p:cNvSpPr>
              <a:spLocks noChangeShapeType="1"/>
            </p:cNvSpPr>
            <p:nvPr/>
          </p:nvSpPr>
          <p:spPr bwMode="auto">
            <a:xfrm>
              <a:off x="1382" y="2797"/>
              <a:ext cx="1" cy="1"/>
            </a:xfrm>
            <a:prstGeom prst="lin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38" name="Freeform 259"/>
          <p:cNvSpPr>
            <a:spLocks noEditPoints="1"/>
          </p:cNvSpPr>
          <p:nvPr userDrawn="1"/>
        </p:nvSpPr>
        <p:spPr bwMode="auto">
          <a:xfrm>
            <a:off x="3767576" y="1210869"/>
            <a:ext cx="527050" cy="422275"/>
          </a:xfrm>
          <a:custGeom>
            <a:avLst/>
            <a:gdLst/>
            <a:ahLst/>
            <a:cxnLst>
              <a:cxn ang="0">
                <a:pos x="205" y="4"/>
              </a:cxn>
              <a:cxn ang="0">
                <a:pos x="61" y="129"/>
              </a:cxn>
              <a:cxn ang="0">
                <a:pos x="60" y="148"/>
              </a:cxn>
              <a:cxn ang="0">
                <a:pos x="79" y="149"/>
              </a:cxn>
              <a:cxn ang="0">
                <a:pos x="218" y="28"/>
              </a:cxn>
              <a:cxn ang="0">
                <a:pos x="413" y="62"/>
              </a:cxn>
              <a:cxn ang="0">
                <a:pos x="400" y="113"/>
              </a:cxn>
              <a:cxn ang="0">
                <a:pos x="402" y="131"/>
              </a:cxn>
              <a:cxn ang="0">
                <a:pos x="430" y="174"/>
              </a:cxn>
              <a:cxn ang="0">
                <a:pos x="261" y="344"/>
              </a:cxn>
              <a:cxn ang="0">
                <a:pos x="71" y="290"/>
              </a:cxn>
              <a:cxn ang="0">
                <a:pos x="32" y="243"/>
              </a:cxn>
              <a:cxn ang="0">
                <a:pos x="31" y="234"/>
              </a:cxn>
              <a:cxn ang="0">
                <a:pos x="58" y="197"/>
              </a:cxn>
              <a:cxn ang="0">
                <a:pos x="241" y="247"/>
              </a:cxn>
              <a:cxn ang="0">
                <a:pos x="253" y="243"/>
              </a:cxn>
              <a:cxn ang="0">
                <a:pos x="376" y="131"/>
              </a:cxn>
              <a:cxn ang="0">
                <a:pos x="385" y="118"/>
              </a:cxn>
              <a:cxn ang="0">
                <a:pos x="372" y="105"/>
              </a:cxn>
              <a:cxn ang="0">
                <a:pos x="295" y="166"/>
              </a:cxn>
              <a:cxn ang="0">
                <a:pos x="240" y="219"/>
              </a:cxn>
              <a:cxn ang="0">
                <a:pos x="60" y="170"/>
              </a:cxn>
              <a:cxn ang="0">
                <a:pos x="51" y="171"/>
              </a:cxn>
              <a:cxn ang="0">
                <a:pos x="6" y="248"/>
              </a:cxn>
              <a:cxn ang="0">
                <a:pos x="69" y="317"/>
              </a:cxn>
              <a:cxn ang="0">
                <a:pos x="261" y="372"/>
              </a:cxn>
              <a:cxn ang="0">
                <a:pos x="274" y="368"/>
              </a:cxn>
              <a:cxn ang="0">
                <a:pos x="462" y="181"/>
              </a:cxn>
              <a:cxn ang="0">
                <a:pos x="466" y="169"/>
              </a:cxn>
              <a:cxn ang="0">
                <a:pos x="457" y="159"/>
              </a:cxn>
              <a:cxn ang="0">
                <a:pos x="428" y="126"/>
              </a:cxn>
              <a:cxn ang="0">
                <a:pos x="446" y="62"/>
              </a:cxn>
              <a:cxn ang="0">
                <a:pos x="449" y="49"/>
              </a:cxn>
              <a:cxn ang="0">
                <a:pos x="439" y="40"/>
              </a:cxn>
              <a:cxn ang="0">
                <a:pos x="216" y="0"/>
              </a:cxn>
              <a:cxn ang="0">
                <a:pos x="205" y="4"/>
              </a:cxn>
              <a:cxn ang="0">
                <a:pos x="374" y="131"/>
              </a:cxn>
              <a:cxn ang="0">
                <a:pos x="372" y="131"/>
              </a:cxn>
              <a:cxn ang="0">
                <a:pos x="374" y="131"/>
              </a:cxn>
            </a:cxnLst>
            <a:rect l="0" t="0" r="r" b="b"/>
            <a:pathLst>
              <a:path w="467" h="373">
                <a:moveTo>
                  <a:pt x="205" y="4"/>
                </a:moveTo>
                <a:cubicBezTo>
                  <a:pt x="61" y="129"/>
                  <a:pt x="61" y="129"/>
                  <a:pt x="61" y="129"/>
                </a:cubicBezTo>
                <a:cubicBezTo>
                  <a:pt x="56" y="134"/>
                  <a:pt x="55" y="142"/>
                  <a:pt x="60" y="148"/>
                </a:cubicBezTo>
                <a:cubicBezTo>
                  <a:pt x="65" y="153"/>
                  <a:pt x="73" y="154"/>
                  <a:pt x="79" y="149"/>
                </a:cubicBezTo>
                <a:cubicBezTo>
                  <a:pt x="79" y="149"/>
                  <a:pt x="209" y="36"/>
                  <a:pt x="218" y="28"/>
                </a:cubicBezTo>
                <a:cubicBezTo>
                  <a:pt x="229" y="30"/>
                  <a:pt x="380" y="57"/>
                  <a:pt x="413" y="62"/>
                </a:cubicBezTo>
                <a:cubicBezTo>
                  <a:pt x="405" y="78"/>
                  <a:pt x="400" y="96"/>
                  <a:pt x="400" y="113"/>
                </a:cubicBezTo>
                <a:cubicBezTo>
                  <a:pt x="400" y="119"/>
                  <a:pt x="401" y="125"/>
                  <a:pt x="402" y="131"/>
                </a:cubicBezTo>
                <a:cubicBezTo>
                  <a:pt x="406" y="149"/>
                  <a:pt x="416" y="164"/>
                  <a:pt x="430" y="174"/>
                </a:cubicBezTo>
                <a:cubicBezTo>
                  <a:pt x="386" y="218"/>
                  <a:pt x="287" y="318"/>
                  <a:pt x="261" y="344"/>
                </a:cubicBezTo>
                <a:cubicBezTo>
                  <a:pt x="229" y="333"/>
                  <a:pt x="109" y="293"/>
                  <a:pt x="71" y="290"/>
                </a:cubicBezTo>
                <a:cubicBezTo>
                  <a:pt x="59" y="289"/>
                  <a:pt x="37" y="268"/>
                  <a:pt x="32" y="243"/>
                </a:cubicBezTo>
                <a:cubicBezTo>
                  <a:pt x="31" y="240"/>
                  <a:pt x="31" y="237"/>
                  <a:pt x="31" y="234"/>
                </a:cubicBezTo>
                <a:cubicBezTo>
                  <a:pt x="31" y="219"/>
                  <a:pt x="40" y="206"/>
                  <a:pt x="58" y="197"/>
                </a:cubicBezTo>
                <a:cubicBezTo>
                  <a:pt x="67" y="200"/>
                  <a:pt x="241" y="247"/>
                  <a:pt x="241" y="247"/>
                </a:cubicBezTo>
                <a:cubicBezTo>
                  <a:pt x="245" y="248"/>
                  <a:pt x="250" y="247"/>
                  <a:pt x="253" y="243"/>
                </a:cubicBezTo>
                <a:cubicBezTo>
                  <a:pt x="305" y="192"/>
                  <a:pt x="365" y="137"/>
                  <a:pt x="376" y="131"/>
                </a:cubicBezTo>
                <a:cubicBezTo>
                  <a:pt x="381" y="129"/>
                  <a:pt x="385" y="124"/>
                  <a:pt x="385" y="118"/>
                </a:cubicBezTo>
                <a:cubicBezTo>
                  <a:pt x="385" y="111"/>
                  <a:pt x="379" y="105"/>
                  <a:pt x="372" y="105"/>
                </a:cubicBezTo>
                <a:cubicBezTo>
                  <a:pt x="365" y="105"/>
                  <a:pt x="361" y="105"/>
                  <a:pt x="295" y="166"/>
                </a:cubicBezTo>
                <a:cubicBezTo>
                  <a:pt x="273" y="188"/>
                  <a:pt x="250" y="209"/>
                  <a:pt x="240" y="219"/>
                </a:cubicBezTo>
                <a:cubicBezTo>
                  <a:pt x="227" y="215"/>
                  <a:pt x="60" y="170"/>
                  <a:pt x="60" y="170"/>
                </a:cubicBezTo>
                <a:cubicBezTo>
                  <a:pt x="57" y="169"/>
                  <a:pt x="54" y="169"/>
                  <a:pt x="51" y="171"/>
                </a:cubicBezTo>
                <a:cubicBezTo>
                  <a:pt x="16" y="186"/>
                  <a:pt x="0" y="215"/>
                  <a:pt x="6" y="248"/>
                </a:cubicBezTo>
                <a:cubicBezTo>
                  <a:pt x="12" y="282"/>
                  <a:pt x="42" y="315"/>
                  <a:pt x="69" y="317"/>
                </a:cubicBezTo>
                <a:cubicBezTo>
                  <a:pt x="102" y="319"/>
                  <a:pt x="218" y="357"/>
                  <a:pt x="261" y="372"/>
                </a:cubicBezTo>
                <a:cubicBezTo>
                  <a:pt x="265" y="373"/>
                  <a:pt x="271" y="372"/>
                  <a:pt x="274" y="368"/>
                </a:cubicBezTo>
                <a:cubicBezTo>
                  <a:pt x="276" y="367"/>
                  <a:pt x="425" y="215"/>
                  <a:pt x="462" y="181"/>
                </a:cubicBezTo>
                <a:cubicBezTo>
                  <a:pt x="465" y="178"/>
                  <a:pt x="467" y="173"/>
                  <a:pt x="466" y="169"/>
                </a:cubicBezTo>
                <a:cubicBezTo>
                  <a:pt x="465" y="164"/>
                  <a:pt x="462" y="160"/>
                  <a:pt x="457" y="159"/>
                </a:cubicBezTo>
                <a:cubicBezTo>
                  <a:pt x="441" y="153"/>
                  <a:pt x="431" y="142"/>
                  <a:pt x="428" y="126"/>
                </a:cubicBezTo>
                <a:cubicBezTo>
                  <a:pt x="423" y="102"/>
                  <a:pt x="433" y="75"/>
                  <a:pt x="446" y="62"/>
                </a:cubicBezTo>
                <a:cubicBezTo>
                  <a:pt x="449" y="59"/>
                  <a:pt x="451" y="54"/>
                  <a:pt x="449" y="49"/>
                </a:cubicBezTo>
                <a:cubicBezTo>
                  <a:pt x="448" y="44"/>
                  <a:pt x="444" y="41"/>
                  <a:pt x="439" y="40"/>
                </a:cubicBezTo>
                <a:cubicBezTo>
                  <a:pt x="216" y="0"/>
                  <a:pt x="216" y="0"/>
                  <a:pt x="216" y="0"/>
                </a:cubicBezTo>
                <a:cubicBezTo>
                  <a:pt x="212" y="0"/>
                  <a:pt x="208" y="1"/>
                  <a:pt x="205" y="4"/>
                </a:cubicBezTo>
                <a:close/>
                <a:moveTo>
                  <a:pt x="374" y="131"/>
                </a:moveTo>
                <a:cubicBezTo>
                  <a:pt x="373" y="131"/>
                  <a:pt x="372" y="131"/>
                  <a:pt x="372" y="131"/>
                </a:cubicBezTo>
                <a:cubicBezTo>
                  <a:pt x="372" y="131"/>
                  <a:pt x="373" y="131"/>
                  <a:pt x="374" y="13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9" name="Freeform 292"/>
          <p:cNvSpPr>
            <a:spLocks/>
          </p:cNvSpPr>
          <p:nvPr userDrawn="1"/>
        </p:nvSpPr>
        <p:spPr bwMode="auto">
          <a:xfrm>
            <a:off x="3771545" y="2996514"/>
            <a:ext cx="519112" cy="503238"/>
          </a:xfrm>
          <a:custGeom>
            <a:avLst/>
            <a:gdLst/>
            <a:ahLst/>
            <a:cxnLst>
              <a:cxn ang="0">
                <a:pos x="129" y="447"/>
              </a:cxn>
              <a:cxn ang="0">
                <a:pos x="0" y="315"/>
              </a:cxn>
              <a:cxn ang="0">
                <a:pos x="41" y="108"/>
              </a:cxn>
              <a:cxn ang="0">
                <a:pos x="51" y="75"/>
              </a:cxn>
              <a:cxn ang="0">
                <a:pos x="60" y="34"/>
              </a:cxn>
              <a:cxn ang="0">
                <a:pos x="125" y="34"/>
              </a:cxn>
              <a:cxn ang="0">
                <a:pos x="130" y="68"/>
              </a:cxn>
              <a:cxn ang="0">
                <a:pos x="163" y="0"/>
              </a:cxn>
              <a:cxn ang="0">
                <a:pos x="195" y="70"/>
              </a:cxn>
              <a:cxn ang="0">
                <a:pos x="215" y="104"/>
              </a:cxn>
              <a:cxn ang="0">
                <a:pos x="152" y="182"/>
              </a:cxn>
              <a:cxn ang="0">
                <a:pos x="148" y="156"/>
              </a:cxn>
              <a:cxn ang="0">
                <a:pos x="188" y="103"/>
              </a:cxn>
              <a:cxn ang="0">
                <a:pos x="184" y="95"/>
              </a:cxn>
              <a:cxn ang="0">
                <a:pos x="182" y="95"/>
              </a:cxn>
              <a:cxn ang="0">
                <a:pos x="168" y="34"/>
              </a:cxn>
              <a:cxn ang="0">
                <a:pos x="157" y="34"/>
              </a:cxn>
              <a:cxn ang="0">
                <a:pos x="143" y="95"/>
              </a:cxn>
              <a:cxn ang="0">
                <a:pos x="99" y="81"/>
              </a:cxn>
              <a:cxn ang="0">
                <a:pos x="93" y="27"/>
              </a:cxn>
              <a:cxn ang="0">
                <a:pos x="87" y="81"/>
              </a:cxn>
              <a:cxn ang="0">
                <a:pos x="72" y="95"/>
              </a:cxn>
              <a:cxn ang="0">
                <a:pos x="67" y="103"/>
              </a:cxn>
              <a:cxn ang="0">
                <a:pos x="108" y="156"/>
              </a:cxn>
              <a:cxn ang="0">
                <a:pos x="113" y="181"/>
              </a:cxn>
              <a:cxn ang="0">
                <a:pos x="129" y="420"/>
              </a:cxn>
              <a:cxn ang="0">
                <a:pos x="421" y="357"/>
              </a:cxn>
              <a:cxn ang="0">
                <a:pos x="320" y="307"/>
              </a:cxn>
              <a:cxn ang="0">
                <a:pos x="254" y="264"/>
              </a:cxn>
              <a:cxn ang="0">
                <a:pos x="227" y="231"/>
              </a:cxn>
              <a:cxn ang="0">
                <a:pos x="207" y="245"/>
              </a:cxn>
              <a:cxn ang="0">
                <a:pos x="196" y="264"/>
              </a:cxn>
              <a:cxn ang="0">
                <a:pos x="114" y="283"/>
              </a:cxn>
              <a:cxn ang="0">
                <a:pos x="79" y="323"/>
              </a:cxn>
              <a:cxn ang="0">
                <a:pos x="75" y="347"/>
              </a:cxn>
              <a:cxn ang="0">
                <a:pos x="215" y="377"/>
              </a:cxn>
              <a:cxn ang="0">
                <a:pos x="322" y="330"/>
              </a:cxn>
              <a:cxn ang="0">
                <a:pos x="322" y="357"/>
              </a:cxn>
              <a:cxn ang="0">
                <a:pos x="220" y="403"/>
              </a:cxn>
              <a:cxn ang="0">
                <a:pos x="48" y="318"/>
              </a:cxn>
              <a:cxn ang="0">
                <a:pos x="80" y="293"/>
              </a:cxn>
              <a:cxn ang="0">
                <a:pos x="120" y="238"/>
              </a:cxn>
              <a:cxn ang="0">
                <a:pos x="166" y="224"/>
              </a:cxn>
              <a:cxn ang="0">
                <a:pos x="178" y="204"/>
              </a:cxn>
              <a:cxn ang="0">
                <a:pos x="245" y="211"/>
              </a:cxn>
              <a:cxn ang="0">
                <a:pos x="293" y="238"/>
              </a:cxn>
              <a:cxn ang="0">
                <a:pos x="369" y="330"/>
              </a:cxn>
              <a:cxn ang="0">
                <a:pos x="458" y="337"/>
              </a:cxn>
              <a:cxn ang="0">
                <a:pos x="425" y="397"/>
              </a:cxn>
            </a:cxnLst>
            <a:rect l="0" t="0" r="r" b="b"/>
            <a:pathLst>
              <a:path w="460" h="447">
                <a:moveTo>
                  <a:pt x="371" y="447"/>
                </a:moveTo>
                <a:cubicBezTo>
                  <a:pt x="129" y="447"/>
                  <a:pt x="129" y="447"/>
                  <a:pt x="129" y="447"/>
                </a:cubicBezTo>
                <a:cubicBezTo>
                  <a:pt x="92" y="447"/>
                  <a:pt x="62" y="437"/>
                  <a:pt x="40" y="418"/>
                </a:cubicBezTo>
                <a:cubicBezTo>
                  <a:pt x="14" y="396"/>
                  <a:pt x="0" y="361"/>
                  <a:pt x="0" y="315"/>
                </a:cubicBezTo>
                <a:cubicBezTo>
                  <a:pt x="0" y="249"/>
                  <a:pt x="48" y="199"/>
                  <a:pt x="77" y="175"/>
                </a:cubicBezTo>
                <a:cubicBezTo>
                  <a:pt x="42" y="159"/>
                  <a:pt x="41" y="129"/>
                  <a:pt x="41" y="108"/>
                </a:cubicBezTo>
                <a:cubicBezTo>
                  <a:pt x="41" y="107"/>
                  <a:pt x="41" y="105"/>
                  <a:pt x="41" y="104"/>
                </a:cubicBezTo>
                <a:cubicBezTo>
                  <a:pt x="40" y="88"/>
                  <a:pt x="46" y="80"/>
                  <a:pt x="51" y="75"/>
                </a:cubicBezTo>
                <a:cubicBezTo>
                  <a:pt x="54" y="73"/>
                  <a:pt x="57" y="71"/>
                  <a:pt x="60" y="70"/>
                </a:cubicBezTo>
                <a:cubicBezTo>
                  <a:pt x="60" y="34"/>
                  <a:pt x="60" y="34"/>
                  <a:pt x="60" y="34"/>
                </a:cubicBezTo>
                <a:cubicBezTo>
                  <a:pt x="60" y="15"/>
                  <a:pt x="75" y="0"/>
                  <a:pt x="93" y="0"/>
                </a:cubicBezTo>
                <a:cubicBezTo>
                  <a:pt x="111" y="0"/>
                  <a:pt x="125" y="15"/>
                  <a:pt x="125" y="34"/>
                </a:cubicBezTo>
                <a:cubicBezTo>
                  <a:pt x="125" y="68"/>
                  <a:pt x="125" y="68"/>
                  <a:pt x="125" y="68"/>
                </a:cubicBezTo>
                <a:cubicBezTo>
                  <a:pt x="130" y="68"/>
                  <a:pt x="130" y="68"/>
                  <a:pt x="130" y="68"/>
                </a:cubicBezTo>
                <a:cubicBezTo>
                  <a:pt x="130" y="34"/>
                  <a:pt x="130" y="34"/>
                  <a:pt x="130" y="34"/>
                </a:cubicBezTo>
                <a:cubicBezTo>
                  <a:pt x="130" y="15"/>
                  <a:pt x="145" y="0"/>
                  <a:pt x="163" y="0"/>
                </a:cubicBezTo>
                <a:cubicBezTo>
                  <a:pt x="180" y="0"/>
                  <a:pt x="195" y="15"/>
                  <a:pt x="195" y="34"/>
                </a:cubicBezTo>
                <a:cubicBezTo>
                  <a:pt x="195" y="70"/>
                  <a:pt x="195" y="70"/>
                  <a:pt x="195" y="70"/>
                </a:cubicBezTo>
                <a:cubicBezTo>
                  <a:pt x="198" y="71"/>
                  <a:pt x="201" y="73"/>
                  <a:pt x="204" y="75"/>
                </a:cubicBezTo>
                <a:cubicBezTo>
                  <a:pt x="209" y="80"/>
                  <a:pt x="215" y="88"/>
                  <a:pt x="215" y="104"/>
                </a:cubicBezTo>
                <a:cubicBezTo>
                  <a:pt x="215" y="105"/>
                  <a:pt x="215" y="107"/>
                  <a:pt x="215" y="108"/>
                </a:cubicBezTo>
                <a:cubicBezTo>
                  <a:pt x="214" y="133"/>
                  <a:pt x="214" y="171"/>
                  <a:pt x="152" y="182"/>
                </a:cubicBezTo>
                <a:cubicBezTo>
                  <a:pt x="145" y="184"/>
                  <a:pt x="138" y="179"/>
                  <a:pt x="137" y="172"/>
                </a:cubicBezTo>
                <a:cubicBezTo>
                  <a:pt x="135" y="164"/>
                  <a:pt x="140" y="158"/>
                  <a:pt x="148" y="156"/>
                </a:cubicBezTo>
                <a:cubicBezTo>
                  <a:pt x="187" y="149"/>
                  <a:pt x="188" y="132"/>
                  <a:pt x="188" y="108"/>
                </a:cubicBezTo>
                <a:cubicBezTo>
                  <a:pt x="188" y="106"/>
                  <a:pt x="188" y="105"/>
                  <a:pt x="188" y="103"/>
                </a:cubicBezTo>
                <a:cubicBezTo>
                  <a:pt x="188" y="99"/>
                  <a:pt x="187" y="96"/>
                  <a:pt x="187" y="95"/>
                </a:cubicBezTo>
                <a:cubicBezTo>
                  <a:pt x="186" y="95"/>
                  <a:pt x="184" y="95"/>
                  <a:pt x="184" y="95"/>
                </a:cubicBezTo>
                <a:cubicBezTo>
                  <a:pt x="183" y="95"/>
                  <a:pt x="183" y="95"/>
                  <a:pt x="182" y="95"/>
                </a:cubicBezTo>
                <a:cubicBezTo>
                  <a:pt x="182" y="95"/>
                  <a:pt x="182" y="95"/>
                  <a:pt x="182" y="95"/>
                </a:cubicBezTo>
                <a:cubicBezTo>
                  <a:pt x="174" y="95"/>
                  <a:pt x="168" y="89"/>
                  <a:pt x="168" y="81"/>
                </a:cubicBezTo>
                <a:cubicBezTo>
                  <a:pt x="168" y="34"/>
                  <a:pt x="168" y="34"/>
                  <a:pt x="168" y="34"/>
                </a:cubicBezTo>
                <a:cubicBezTo>
                  <a:pt x="168" y="30"/>
                  <a:pt x="166" y="27"/>
                  <a:pt x="163" y="27"/>
                </a:cubicBezTo>
                <a:cubicBezTo>
                  <a:pt x="159" y="27"/>
                  <a:pt x="157" y="30"/>
                  <a:pt x="157" y="34"/>
                </a:cubicBezTo>
                <a:cubicBezTo>
                  <a:pt x="157" y="81"/>
                  <a:pt x="157" y="81"/>
                  <a:pt x="157" y="81"/>
                </a:cubicBezTo>
                <a:cubicBezTo>
                  <a:pt x="157" y="89"/>
                  <a:pt x="151" y="95"/>
                  <a:pt x="143" y="95"/>
                </a:cubicBezTo>
                <a:cubicBezTo>
                  <a:pt x="112" y="95"/>
                  <a:pt x="112" y="95"/>
                  <a:pt x="112" y="95"/>
                </a:cubicBezTo>
                <a:cubicBezTo>
                  <a:pt x="105" y="95"/>
                  <a:pt x="99" y="89"/>
                  <a:pt x="99" y="81"/>
                </a:cubicBezTo>
                <a:cubicBezTo>
                  <a:pt x="99" y="34"/>
                  <a:pt x="99" y="34"/>
                  <a:pt x="99" y="34"/>
                </a:cubicBezTo>
                <a:cubicBezTo>
                  <a:pt x="99" y="30"/>
                  <a:pt x="96" y="27"/>
                  <a:pt x="93" y="27"/>
                </a:cubicBezTo>
                <a:cubicBezTo>
                  <a:pt x="90" y="27"/>
                  <a:pt x="87" y="30"/>
                  <a:pt x="87" y="34"/>
                </a:cubicBezTo>
                <a:cubicBezTo>
                  <a:pt x="87" y="81"/>
                  <a:pt x="87" y="81"/>
                  <a:pt x="87" y="81"/>
                </a:cubicBezTo>
                <a:cubicBezTo>
                  <a:pt x="87" y="85"/>
                  <a:pt x="86" y="89"/>
                  <a:pt x="83" y="92"/>
                </a:cubicBezTo>
                <a:cubicBezTo>
                  <a:pt x="79" y="94"/>
                  <a:pt x="76" y="95"/>
                  <a:pt x="72" y="95"/>
                </a:cubicBezTo>
                <a:cubicBezTo>
                  <a:pt x="71" y="95"/>
                  <a:pt x="70" y="95"/>
                  <a:pt x="69" y="95"/>
                </a:cubicBezTo>
                <a:cubicBezTo>
                  <a:pt x="68" y="96"/>
                  <a:pt x="67" y="99"/>
                  <a:pt x="67" y="103"/>
                </a:cubicBezTo>
                <a:cubicBezTo>
                  <a:pt x="67" y="105"/>
                  <a:pt x="67" y="106"/>
                  <a:pt x="67" y="108"/>
                </a:cubicBezTo>
                <a:cubicBezTo>
                  <a:pt x="68" y="132"/>
                  <a:pt x="68" y="149"/>
                  <a:pt x="108" y="156"/>
                </a:cubicBezTo>
                <a:cubicBezTo>
                  <a:pt x="113" y="157"/>
                  <a:pt x="118" y="161"/>
                  <a:pt x="119" y="167"/>
                </a:cubicBezTo>
                <a:cubicBezTo>
                  <a:pt x="120" y="172"/>
                  <a:pt x="117" y="178"/>
                  <a:pt x="113" y="181"/>
                </a:cubicBezTo>
                <a:cubicBezTo>
                  <a:pt x="112" y="181"/>
                  <a:pt x="27" y="237"/>
                  <a:pt x="27" y="315"/>
                </a:cubicBezTo>
                <a:cubicBezTo>
                  <a:pt x="27" y="385"/>
                  <a:pt x="61" y="420"/>
                  <a:pt x="129" y="420"/>
                </a:cubicBezTo>
                <a:cubicBezTo>
                  <a:pt x="369" y="420"/>
                  <a:pt x="369" y="420"/>
                  <a:pt x="369" y="420"/>
                </a:cubicBezTo>
                <a:cubicBezTo>
                  <a:pt x="377" y="415"/>
                  <a:pt x="400" y="387"/>
                  <a:pt x="421" y="357"/>
                </a:cubicBezTo>
                <a:cubicBezTo>
                  <a:pt x="365" y="357"/>
                  <a:pt x="365" y="357"/>
                  <a:pt x="365" y="357"/>
                </a:cubicBezTo>
                <a:cubicBezTo>
                  <a:pt x="355" y="357"/>
                  <a:pt x="348" y="349"/>
                  <a:pt x="320" y="307"/>
                </a:cubicBezTo>
                <a:cubicBezTo>
                  <a:pt x="310" y="292"/>
                  <a:pt x="296" y="271"/>
                  <a:pt x="290" y="264"/>
                </a:cubicBezTo>
                <a:cubicBezTo>
                  <a:pt x="254" y="264"/>
                  <a:pt x="254" y="264"/>
                  <a:pt x="254" y="264"/>
                </a:cubicBezTo>
                <a:cubicBezTo>
                  <a:pt x="250" y="264"/>
                  <a:pt x="245" y="262"/>
                  <a:pt x="243" y="258"/>
                </a:cubicBezTo>
                <a:cubicBezTo>
                  <a:pt x="227" y="231"/>
                  <a:pt x="227" y="231"/>
                  <a:pt x="227" y="231"/>
                </a:cubicBezTo>
                <a:cubicBezTo>
                  <a:pt x="200" y="231"/>
                  <a:pt x="200" y="231"/>
                  <a:pt x="200" y="231"/>
                </a:cubicBezTo>
                <a:cubicBezTo>
                  <a:pt x="207" y="245"/>
                  <a:pt x="207" y="245"/>
                  <a:pt x="207" y="245"/>
                </a:cubicBezTo>
                <a:cubicBezTo>
                  <a:pt x="210" y="249"/>
                  <a:pt x="209" y="254"/>
                  <a:pt x="207" y="258"/>
                </a:cubicBezTo>
                <a:cubicBezTo>
                  <a:pt x="205" y="262"/>
                  <a:pt x="200" y="264"/>
                  <a:pt x="196" y="264"/>
                </a:cubicBezTo>
                <a:cubicBezTo>
                  <a:pt x="123" y="264"/>
                  <a:pt x="123" y="264"/>
                  <a:pt x="123" y="264"/>
                </a:cubicBezTo>
                <a:cubicBezTo>
                  <a:pt x="120" y="268"/>
                  <a:pt x="116" y="277"/>
                  <a:pt x="114" y="283"/>
                </a:cubicBezTo>
                <a:cubicBezTo>
                  <a:pt x="109" y="296"/>
                  <a:pt x="104" y="309"/>
                  <a:pt x="96" y="315"/>
                </a:cubicBezTo>
                <a:cubicBezTo>
                  <a:pt x="90" y="319"/>
                  <a:pt x="84" y="321"/>
                  <a:pt x="79" y="323"/>
                </a:cubicBezTo>
                <a:cubicBezTo>
                  <a:pt x="74" y="325"/>
                  <a:pt x="74" y="325"/>
                  <a:pt x="73" y="327"/>
                </a:cubicBezTo>
                <a:cubicBezTo>
                  <a:pt x="72" y="329"/>
                  <a:pt x="72" y="338"/>
                  <a:pt x="75" y="347"/>
                </a:cubicBezTo>
                <a:cubicBezTo>
                  <a:pt x="78" y="358"/>
                  <a:pt x="85" y="366"/>
                  <a:pt x="96" y="371"/>
                </a:cubicBezTo>
                <a:cubicBezTo>
                  <a:pt x="124" y="385"/>
                  <a:pt x="193" y="381"/>
                  <a:pt x="215" y="377"/>
                </a:cubicBezTo>
                <a:cubicBezTo>
                  <a:pt x="234" y="373"/>
                  <a:pt x="244" y="365"/>
                  <a:pt x="256" y="356"/>
                </a:cubicBezTo>
                <a:cubicBezTo>
                  <a:pt x="271" y="344"/>
                  <a:pt x="288" y="330"/>
                  <a:pt x="322" y="330"/>
                </a:cubicBezTo>
                <a:cubicBezTo>
                  <a:pt x="330" y="330"/>
                  <a:pt x="336" y="336"/>
                  <a:pt x="336" y="344"/>
                </a:cubicBezTo>
                <a:cubicBezTo>
                  <a:pt x="336" y="351"/>
                  <a:pt x="330" y="357"/>
                  <a:pt x="322" y="357"/>
                </a:cubicBezTo>
                <a:cubicBezTo>
                  <a:pt x="297" y="357"/>
                  <a:pt x="286" y="366"/>
                  <a:pt x="272" y="377"/>
                </a:cubicBezTo>
                <a:cubicBezTo>
                  <a:pt x="260" y="387"/>
                  <a:pt x="245" y="398"/>
                  <a:pt x="220" y="403"/>
                </a:cubicBezTo>
                <a:cubicBezTo>
                  <a:pt x="206" y="406"/>
                  <a:pt x="123" y="415"/>
                  <a:pt x="84" y="395"/>
                </a:cubicBezTo>
                <a:cubicBezTo>
                  <a:pt x="42" y="374"/>
                  <a:pt x="44" y="329"/>
                  <a:pt x="48" y="318"/>
                </a:cubicBezTo>
                <a:cubicBezTo>
                  <a:pt x="53" y="304"/>
                  <a:pt x="64" y="300"/>
                  <a:pt x="70" y="298"/>
                </a:cubicBezTo>
                <a:cubicBezTo>
                  <a:pt x="74" y="297"/>
                  <a:pt x="77" y="295"/>
                  <a:pt x="80" y="293"/>
                </a:cubicBezTo>
                <a:cubicBezTo>
                  <a:pt x="82" y="291"/>
                  <a:pt x="86" y="280"/>
                  <a:pt x="89" y="274"/>
                </a:cubicBezTo>
                <a:cubicBezTo>
                  <a:pt x="96" y="256"/>
                  <a:pt x="103" y="238"/>
                  <a:pt x="120" y="238"/>
                </a:cubicBezTo>
                <a:cubicBezTo>
                  <a:pt x="173" y="238"/>
                  <a:pt x="173" y="238"/>
                  <a:pt x="173" y="238"/>
                </a:cubicBezTo>
                <a:cubicBezTo>
                  <a:pt x="166" y="224"/>
                  <a:pt x="166" y="224"/>
                  <a:pt x="166" y="224"/>
                </a:cubicBezTo>
                <a:cubicBezTo>
                  <a:pt x="164" y="220"/>
                  <a:pt x="164" y="215"/>
                  <a:pt x="166" y="211"/>
                </a:cubicBezTo>
                <a:cubicBezTo>
                  <a:pt x="169" y="207"/>
                  <a:pt x="173" y="204"/>
                  <a:pt x="178" y="204"/>
                </a:cubicBezTo>
                <a:cubicBezTo>
                  <a:pt x="234" y="204"/>
                  <a:pt x="234" y="204"/>
                  <a:pt x="234" y="204"/>
                </a:cubicBezTo>
                <a:cubicBezTo>
                  <a:pt x="239" y="204"/>
                  <a:pt x="243" y="207"/>
                  <a:pt x="245" y="211"/>
                </a:cubicBezTo>
                <a:cubicBezTo>
                  <a:pt x="262" y="238"/>
                  <a:pt x="262" y="238"/>
                  <a:pt x="262" y="238"/>
                </a:cubicBezTo>
                <a:cubicBezTo>
                  <a:pt x="293" y="238"/>
                  <a:pt x="293" y="238"/>
                  <a:pt x="293" y="238"/>
                </a:cubicBezTo>
                <a:cubicBezTo>
                  <a:pt x="305" y="238"/>
                  <a:pt x="313" y="248"/>
                  <a:pt x="342" y="292"/>
                </a:cubicBezTo>
                <a:cubicBezTo>
                  <a:pt x="351" y="305"/>
                  <a:pt x="364" y="324"/>
                  <a:pt x="369" y="330"/>
                </a:cubicBezTo>
                <a:cubicBezTo>
                  <a:pt x="446" y="330"/>
                  <a:pt x="446" y="330"/>
                  <a:pt x="446" y="330"/>
                </a:cubicBezTo>
                <a:cubicBezTo>
                  <a:pt x="451" y="330"/>
                  <a:pt x="456" y="333"/>
                  <a:pt x="458" y="337"/>
                </a:cubicBezTo>
                <a:cubicBezTo>
                  <a:pt x="460" y="342"/>
                  <a:pt x="460" y="347"/>
                  <a:pt x="457" y="351"/>
                </a:cubicBezTo>
                <a:cubicBezTo>
                  <a:pt x="457" y="352"/>
                  <a:pt x="442" y="374"/>
                  <a:pt x="425" y="397"/>
                </a:cubicBezTo>
                <a:cubicBezTo>
                  <a:pt x="390" y="443"/>
                  <a:pt x="379" y="447"/>
                  <a:pt x="371" y="44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0" name="Freeform 325"/>
          <p:cNvSpPr>
            <a:spLocks/>
          </p:cNvSpPr>
          <p:nvPr userDrawn="1"/>
        </p:nvSpPr>
        <p:spPr bwMode="auto">
          <a:xfrm>
            <a:off x="3802501" y="1745361"/>
            <a:ext cx="457200" cy="517525"/>
          </a:xfrm>
          <a:custGeom>
            <a:avLst/>
            <a:gdLst/>
            <a:ahLst/>
            <a:cxnLst>
              <a:cxn ang="0">
                <a:pos x="392" y="0"/>
              </a:cxn>
              <a:cxn ang="0">
                <a:pos x="115" y="0"/>
              </a:cxn>
              <a:cxn ang="0">
                <a:pos x="102" y="13"/>
              </a:cxn>
              <a:cxn ang="0">
                <a:pos x="102" y="188"/>
              </a:cxn>
              <a:cxn ang="0">
                <a:pos x="115" y="201"/>
              </a:cxn>
              <a:cxn ang="0">
                <a:pos x="183" y="201"/>
              </a:cxn>
              <a:cxn ang="0">
                <a:pos x="164" y="222"/>
              </a:cxn>
              <a:cxn ang="0">
                <a:pos x="160" y="231"/>
              </a:cxn>
              <a:cxn ang="0">
                <a:pos x="164" y="241"/>
              </a:cxn>
              <a:cxn ang="0">
                <a:pos x="183" y="240"/>
              </a:cxn>
              <a:cxn ang="0">
                <a:pos x="224" y="197"/>
              </a:cxn>
              <a:cxn ang="0">
                <a:pos x="223" y="179"/>
              </a:cxn>
              <a:cxn ang="0">
                <a:pos x="183" y="139"/>
              </a:cxn>
              <a:cxn ang="0">
                <a:pos x="164" y="139"/>
              </a:cxn>
              <a:cxn ang="0">
                <a:pos x="160" y="148"/>
              </a:cxn>
              <a:cxn ang="0">
                <a:pos x="164" y="158"/>
              </a:cxn>
              <a:cxn ang="0">
                <a:pos x="181" y="175"/>
              </a:cxn>
              <a:cxn ang="0">
                <a:pos x="129" y="175"/>
              </a:cxn>
              <a:cxn ang="0">
                <a:pos x="129" y="27"/>
              </a:cxn>
              <a:cxn ang="0">
                <a:pos x="379" y="27"/>
              </a:cxn>
              <a:cxn ang="0">
                <a:pos x="379" y="432"/>
              </a:cxn>
              <a:cxn ang="0">
                <a:pos x="129" y="432"/>
              </a:cxn>
              <a:cxn ang="0">
                <a:pos x="129" y="269"/>
              </a:cxn>
              <a:cxn ang="0">
                <a:pos x="115" y="256"/>
              </a:cxn>
              <a:cxn ang="0">
                <a:pos x="46" y="256"/>
              </a:cxn>
              <a:cxn ang="0">
                <a:pos x="65" y="235"/>
              </a:cxn>
              <a:cxn ang="0">
                <a:pos x="69" y="226"/>
              </a:cxn>
              <a:cxn ang="0">
                <a:pos x="64" y="217"/>
              </a:cxn>
              <a:cxn ang="0">
                <a:pos x="46" y="217"/>
              </a:cxn>
              <a:cxn ang="0">
                <a:pos x="5" y="260"/>
              </a:cxn>
              <a:cxn ang="0">
                <a:pos x="5" y="278"/>
              </a:cxn>
              <a:cxn ang="0">
                <a:pos x="46" y="318"/>
              </a:cxn>
              <a:cxn ang="0">
                <a:pos x="65" y="318"/>
              </a:cxn>
              <a:cxn ang="0">
                <a:pos x="69" y="309"/>
              </a:cxn>
              <a:cxn ang="0">
                <a:pos x="65" y="300"/>
              </a:cxn>
              <a:cxn ang="0">
                <a:pos x="47" y="282"/>
              </a:cxn>
              <a:cxn ang="0">
                <a:pos x="102" y="282"/>
              </a:cxn>
              <a:cxn ang="0">
                <a:pos x="102" y="445"/>
              </a:cxn>
              <a:cxn ang="0">
                <a:pos x="115" y="459"/>
              </a:cxn>
              <a:cxn ang="0">
                <a:pos x="392" y="459"/>
              </a:cxn>
              <a:cxn ang="0">
                <a:pos x="405" y="445"/>
              </a:cxn>
              <a:cxn ang="0">
                <a:pos x="405" y="13"/>
              </a:cxn>
              <a:cxn ang="0">
                <a:pos x="392" y="0"/>
              </a:cxn>
            </a:cxnLst>
            <a:rect l="0" t="0" r="r" b="b"/>
            <a:pathLst>
              <a:path w="405" h="459">
                <a:moveTo>
                  <a:pt x="392" y="0"/>
                </a:moveTo>
                <a:cubicBezTo>
                  <a:pt x="115" y="0"/>
                  <a:pt x="115" y="0"/>
                  <a:pt x="115" y="0"/>
                </a:cubicBezTo>
                <a:cubicBezTo>
                  <a:pt x="108" y="0"/>
                  <a:pt x="102" y="6"/>
                  <a:pt x="102" y="13"/>
                </a:cubicBezTo>
                <a:cubicBezTo>
                  <a:pt x="102" y="188"/>
                  <a:pt x="102" y="188"/>
                  <a:pt x="102" y="188"/>
                </a:cubicBezTo>
                <a:cubicBezTo>
                  <a:pt x="102" y="196"/>
                  <a:pt x="108" y="201"/>
                  <a:pt x="115" y="201"/>
                </a:cubicBezTo>
                <a:cubicBezTo>
                  <a:pt x="183" y="201"/>
                  <a:pt x="183" y="201"/>
                  <a:pt x="183" y="201"/>
                </a:cubicBezTo>
                <a:cubicBezTo>
                  <a:pt x="173" y="212"/>
                  <a:pt x="164" y="222"/>
                  <a:pt x="164" y="222"/>
                </a:cubicBezTo>
                <a:cubicBezTo>
                  <a:pt x="161" y="224"/>
                  <a:pt x="160" y="228"/>
                  <a:pt x="160" y="231"/>
                </a:cubicBezTo>
                <a:cubicBezTo>
                  <a:pt x="160" y="234"/>
                  <a:pt x="161" y="238"/>
                  <a:pt x="164" y="241"/>
                </a:cubicBezTo>
                <a:cubicBezTo>
                  <a:pt x="170" y="246"/>
                  <a:pt x="178" y="245"/>
                  <a:pt x="183" y="240"/>
                </a:cubicBezTo>
                <a:cubicBezTo>
                  <a:pt x="224" y="197"/>
                  <a:pt x="224" y="197"/>
                  <a:pt x="224" y="197"/>
                </a:cubicBezTo>
                <a:cubicBezTo>
                  <a:pt x="229" y="192"/>
                  <a:pt x="228" y="184"/>
                  <a:pt x="223" y="179"/>
                </a:cubicBezTo>
                <a:cubicBezTo>
                  <a:pt x="183" y="139"/>
                  <a:pt x="183" y="139"/>
                  <a:pt x="183" y="139"/>
                </a:cubicBezTo>
                <a:cubicBezTo>
                  <a:pt x="178" y="133"/>
                  <a:pt x="169" y="134"/>
                  <a:pt x="164" y="139"/>
                </a:cubicBezTo>
                <a:cubicBezTo>
                  <a:pt x="161" y="141"/>
                  <a:pt x="160" y="145"/>
                  <a:pt x="160" y="148"/>
                </a:cubicBezTo>
                <a:cubicBezTo>
                  <a:pt x="160" y="152"/>
                  <a:pt x="161" y="155"/>
                  <a:pt x="164" y="158"/>
                </a:cubicBezTo>
                <a:cubicBezTo>
                  <a:pt x="164" y="158"/>
                  <a:pt x="172" y="166"/>
                  <a:pt x="181" y="175"/>
                </a:cubicBezTo>
                <a:cubicBezTo>
                  <a:pt x="129" y="175"/>
                  <a:pt x="129" y="175"/>
                  <a:pt x="129" y="175"/>
                </a:cubicBezTo>
                <a:cubicBezTo>
                  <a:pt x="129" y="27"/>
                  <a:pt x="129" y="27"/>
                  <a:pt x="129" y="27"/>
                </a:cubicBezTo>
                <a:cubicBezTo>
                  <a:pt x="379" y="27"/>
                  <a:pt x="379" y="27"/>
                  <a:pt x="379" y="27"/>
                </a:cubicBezTo>
                <a:cubicBezTo>
                  <a:pt x="379" y="432"/>
                  <a:pt x="379" y="432"/>
                  <a:pt x="379" y="432"/>
                </a:cubicBezTo>
                <a:cubicBezTo>
                  <a:pt x="129" y="432"/>
                  <a:pt x="129" y="432"/>
                  <a:pt x="129" y="432"/>
                </a:cubicBezTo>
                <a:cubicBezTo>
                  <a:pt x="129" y="409"/>
                  <a:pt x="129" y="269"/>
                  <a:pt x="129" y="269"/>
                </a:cubicBezTo>
                <a:cubicBezTo>
                  <a:pt x="129" y="262"/>
                  <a:pt x="123" y="256"/>
                  <a:pt x="115" y="256"/>
                </a:cubicBezTo>
                <a:cubicBezTo>
                  <a:pt x="46" y="256"/>
                  <a:pt x="46" y="256"/>
                  <a:pt x="46" y="256"/>
                </a:cubicBezTo>
                <a:cubicBezTo>
                  <a:pt x="55" y="245"/>
                  <a:pt x="65" y="235"/>
                  <a:pt x="65" y="235"/>
                </a:cubicBezTo>
                <a:cubicBezTo>
                  <a:pt x="67" y="233"/>
                  <a:pt x="69" y="230"/>
                  <a:pt x="69" y="226"/>
                </a:cubicBezTo>
                <a:cubicBezTo>
                  <a:pt x="69" y="223"/>
                  <a:pt x="67" y="219"/>
                  <a:pt x="64" y="217"/>
                </a:cubicBezTo>
                <a:cubicBezTo>
                  <a:pt x="59" y="211"/>
                  <a:pt x="51" y="212"/>
                  <a:pt x="46" y="217"/>
                </a:cubicBezTo>
                <a:cubicBezTo>
                  <a:pt x="5" y="260"/>
                  <a:pt x="5" y="260"/>
                  <a:pt x="5" y="260"/>
                </a:cubicBezTo>
                <a:cubicBezTo>
                  <a:pt x="0" y="265"/>
                  <a:pt x="0" y="273"/>
                  <a:pt x="5" y="278"/>
                </a:cubicBezTo>
                <a:cubicBezTo>
                  <a:pt x="46" y="318"/>
                  <a:pt x="46" y="318"/>
                  <a:pt x="46" y="318"/>
                </a:cubicBezTo>
                <a:cubicBezTo>
                  <a:pt x="51" y="324"/>
                  <a:pt x="60" y="324"/>
                  <a:pt x="65" y="318"/>
                </a:cubicBezTo>
                <a:cubicBezTo>
                  <a:pt x="67" y="316"/>
                  <a:pt x="69" y="312"/>
                  <a:pt x="69" y="309"/>
                </a:cubicBezTo>
                <a:cubicBezTo>
                  <a:pt x="69" y="306"/>
                  <a:pt x="67" y="302"/>
                  <a:pt x="65" y="300"/>
                </a:cubicBezTo>
                <a:cubicBezTo>
                  <a:pt x="65" y="300"/>
                  <a:pt x="56" y="291"/>
                  <a:pt x="47" y="282"/>
                </a:cubicBezTo>
                <a:cubicBezTo>
                  <a:pt x="102" y="282"/>
                  <a:pt x="102" y="282"/>
                  <a:pt x="102" y="282"/>
                </a:cubicBezTo>
                <a:cubicBezTo>
                  <a:pt x="102" y="305"/>
                  <a:pt x="102" y="445"/>
                  <a:pt x="102" y="445"/>
                </a:cubicBezTo>
                <a:cubicBezTo>
                  <a:pt x="102" y="453"/>
                  <a:pt x="108" y="459"/>
                  <a:pt x="115" y="459"/>
                </a:cubicBezTo>
                <a:cubicBezTo>
                  <a:pt x="392" y="459"/>
                  <a:pt x="392" y="459"/>
                  <a:pt x="392" y="459"/>
                </a:cubicBezTo>
                <a:cubicBezTo>
                  <a:pt x="399" y="459"/>
                  <a:pt x="405" y="453"/>
                  <a:pt x="405" y="445"/>
                </a:cubicBezTo>
                <a:cubicBezTo>
                  <a:pt x="405" y="13"/>
                  <a:pt x="405" y="13"/>
                  <a:pt x="405" y="13"/>
                </a:cubicBezTo>
                <a:cubicBezTo>
                  <a:pt x="405" y="6"/>
                  <a:pt x="399" y="0"/>
                  <a:pt x="392" y="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1" name="Freeform 329"/>
          <p:cNvSpPr>
            <a:spLocks/>
          </p:cNvSpPr>
          <p:nvPr userDrawn="1"/>
        </p:nvSpPr>
        <p:spPr bwMode="auto">
          <a:xfrm>
            <a:off x="3774720" y="2433061"/>
            <a:ext cx="512763" cy="417513"/>
          </a:xfrm>
          <a:custGeom>
            <a:avLst/>
            <a:gdLst/>
            <a:ahLst/>
            <a:cxnLst>
              <a:cxn ang="0">
                <a:pos x="441" y="141"/>
              </a:cxn>
              <a:cxn ang="0">
                <a:pos x="395" y="146"/>
              </a:cxn>
              <a:cxn ang="0">
                <a:pos x="369" y="163"/>
              </a:cxn>
              <a:cxn ang="0">
                <a:pos x="365" y="130"/>
              </a:cxn>
              <a:cxn ang="0">
                <a:pos x="346" y="126"/>
              </a:cxn>
              <a:cxn ang="0">
                <a:pos x="268" y="0"/>
              </a:cxn>
              <a:cxn ang="0">
                <a:pos x="190" y="126"/>
              </a:cxn>
              <a:cxn ang="0">
                <a:pos x="175" y="87"/>
              </a:cxn>
              <a:cxn ang="0">
                <a:pos x="0" y="87"/>
              </a:cxn>
              <a:cxn ang="0">
                <a:pos x="5" y="116"/>
              </a:cxn>
              <a:cxn ang="0">
                <a:pos x="28" y="150"/>
              </a:cxn>
              <a:cxn ang="0">
                <a:pos x="47" y="148"/>
              </a:cxn>
              <a:cxn ang="0">
                <a:pos x="41" y="126"/>
              </a:cxn>
              <a:cxn ang="0">
                <a:pos x="45" y="44"/>
              </a:cxn>
              <a:cxn ang="0">
                <a:pos x="130" y="44"/>
              </a:cxn>
              <a:cxn ang="0">
                <a:pos x="130" y="130"/>
              </a:cxn>
              <a:cxn ang="0">
                <a:pos x="127" y="140"/>
              </a:cxn>
              <a:cxn ang="0">
                <a:pos x="217" y="153"/>
              </a:cxn>
              <a:cxn ang="0">
                <a:pos x="222" y="127"/>
              </a:cxn>
              <a:cxn ang="0">
                <a:pos x="225" y="44"/>
              </a:cxn>
              <a:cxn ang="0">
                <a:pos x="310" y="44"/>
              </a:cxn>
              <a:cxn ang="0">
                <a:pos x="313" y="127"/>
              </a:cxn>
              <a:cxn ang="0">
                <a:pos x="318" y="153"/>
              </a:cxn>
              <a:cxn ang="0">
                <a:pos x="343" y="176"/>
              </a:cxn>
              <a:cxn ang="0">
                <a:pos x="356" y="189"/>
              </a:cxn>
              <a:cxn ang="0">
                <a:pos x="399" y="184"/>
              </a:cxn>
              <a:cxn ang="0">
                <a:pos x="428" y="167"/>
              </a:cxn>
              <a:cxn ang="0">
                <a:pos x="412" y="326"/>
              </a:cxn>
              <a:cxn ang="0">
                <a:pos x="391" y="308"/>
              </a:cxn>
              <a:cxn ang="0">
                <a:pos x="349" y="312"/>
              </a:cxn>
              <a:cxn ang="0">
                <a:pos x="345" y="344"/>
              </a:cxn>
              <a:cxn ang="0">
                <a:pos x="27" y="190"/>
              </a:cxn>
              <a:cxn ang="0">
                <a:pos x="0" y="190"/>
              </a:cxn>
              <a:cxn ang="0">
                <a:pos x="4" y="367"/>
              </a:cxn>
              <a:cxn ang="0">
                <a:pos x="358" y="371"/>
              </a:cxn>
              <a:cxn ang="0">
                <a:pos x="371" y="358"/>
              </a:cxn>
              <a:cxn ang="0">
                <a:pos x="385" y="335"/>
              </a:cxn>
              <a:cxn ang="0">
                <a:pos x="406" y="353"/>
              </a:cxn>
              <a:cxn ang="0">
                <a:pos x="451" y="349"/>
              </a:cxn>
              <a:cxn ang="0">
                <a:pos x="454" y="154"/>
              </a:cxn>
            </a:cxnLst>
            <a:rect l="0" t="0" r="r" b="b"/>
            <a:pathLst>
              <a:path w="454" h="371">
                <a:moveTo>
                  <a:pt x="451" y="145"/>
                </a:moveTo>
                <a:cubicBezTo>
                  <a:pt x="448" y="142"/>
                  <a:pt x="445" y="141"/>
                  <a:pt x="441" y="141"/>
                </a:cubicBezTo>
                <a:cubicBezTo>
                  <a:pt x="406" y="141"/>
                  <a:pt x="406" y="141"/>
                  <a:pt x="406" y="141"/>
                </a:cubicBezTo>
                <a:cubicBezTo>
                  <a:pt x="402" y="141"/>
                  <a:pt x="398" y="143"/>
                  <a:pt x="395" y="146"/>
                </a:cubicBezTo>
                <a:cubicBezTo>
                  <a:pt x="382" y="163"/>
                  <a:pt x="382" y="163"/>
                  <a:pt x="382" y="163"/>
                </a:cubicBezTo>
                <a:cubicBezTo>
                  <a:pt x="369" y="163"/>
                  <a:pt x="369" y="163"/>
                  <a:pt x="369" y="163"/>
                </a:cubicBezTo>
                <a:cubicBezTo>
                  <a:pt x="369" y="140"/>
                  <a:pt x="369" y="140"/>
                  <a:pt x="369" y="140"/>
                </a:cubicBezTo>
                <a:cubicBezTo>
                  <a:pt x="369" y="136"/>
                  <a:pt x="368" y="133"/>
                  <a:pt x="365" y="130"/>
                </a:cubicBezTo>
                <a:cubicBezTo>
                  <a:pt x="363" y="128"/>
                  <a:pt x="359" y="126"/>
                  <a:pt x="356" y="126"/>
                </a:cubicBezTo>
                <a:cubicBezTo>
                  <a:pt x="346" y="126"/>
                  <a:pt x="346" y="126"/>
                  <a:pt x="346" y="126"/>
                </a:cubicBezTo>
                <a:cubicBezTo>
                  <a:pt x="352" y="115"/>
                  <a:pt x="355" y="101"/>
                  <a:pt x="355" y="87"/>
                </a:cubicBezTo>
                <a:cubicBezTo>
                  <a:pt x="355" y="39"/>
                  <a:pt x="316" y="0"/>
                  <a:pt x="268" y="0"/>
                </a:cubicBezTo>
                <a:cubicBezTo>
                  <a:pt x="219" y="0"/>
                  <a:pt x="180" y="39"/>
                  <a:pt x="180" y="87"/>
                </a:cubicBezTo>
                <a:cubicBezTo>
                  <a:pt x="180" y="101"/>
                  <a:pt x="184" y="115"/>
                  <a:pt x="190" y="126"/>
                </a:cubicBezTo>
                <a:cubicBezTo>
                  <a:pt x="166" y="126"/>
                  <a:pt x="166" y="126"/>
                  <a:pt x="166" y="126"/>
                </a:cubicBezTo>
                <a:cubicBezTo>
                  <a:pt x="171" y="115"/>
                  <a:pt x="175" y="101"/>
                  <a:pt x="175" y="87"/>
                </a:cubicBezTo>
                <a:cubicBezTo>
                  <a:pt x="175" y="39"/>
                  <a:pt x="136" y="0"/>
                  <a:pt x="88" y="0"/>
                </a:cubicBezTo>
                <a:cubicBezTo>
                  <a:pt x="39" y="0"/>
                  <a:pt x="0" y="39"/>
                  <a:pt x="0" y="87"/>
                </a:cubicBezTo>
                <a:cubicBezTo>
                  <a:pt x="0" y="96"/>
                  <a:pt x="2" y="105"/>
                  <a:pt x="4" y="114"/>
                </a:cubicBezTo>
                <a:cubicBezTo>
                  <a:pt x="4" y="114"/>
                  <a:pt x="5" y="115"/>
                  <a:pt x="5" y="116"/>
                </a:cubicBezTo>
                <a:cubicBezTo>
                  <a:pt x="5" y="117"/>
                  <a:pt x="7" y="122"/>
                  <a:pt x="11" y="129"/>
                </a:cubicBezTo>
                <a:cubicBezTo>
                  <a:pt x="14" y="135"/>
                  <a:pt x="20" y="144"/>
                  <a:pt x="28" y="150"/>
                </a:cubicBezTo>
                <a:cubicBezTo>
                  <a:pt x="30" y="152"/>
                  <a:pt x="33" y="153"/>
                  <a:pt x="36" y="153"/>
                </a:cubicBezTo>
                <a:cubicBezTo>
                  <a:pt x="40" y="153"/>
                  <a:pt x="44" y="151"/>
                  <a:pt x="47" y="148"/>
                </a:cubicBezTo>
                <a:cubicBezTo>
                  <a:pt x="51" y="142"/>
                  <a:pt x="50" y="134"/>
                  <a:pt x="44" y="129"/>
                </a:cubicBezTo>
                <a:cubicBezTo>
                  <a:pt x="43" y="128"/>
                  <a:pt x="42" y="127"/>
                  <a:pt x="41" y="126"/>
                </a:cubicBezTo>
                <a:cubicBezTo>
                  <a:pt x="32" y="115"/>
                  <a:pt x="27" y="102"/>
                  <a:pt x="27" y="87"/>
                </a:cubicBezTo>
                <a:cubicBezTo>
                  <a:pt x="27" y="70"/>
                  <a:pt x="34" y="55"/>
                  <a:pt x="45" y="44"/>
                </a:cubicBezTo>
                <a:cubicBezTo>
                  <a:pt x="56" y="33"/>
                  <a:pt x="71" y="26"/>
                  <a:pt x="88" y="26"/>
                </a:cubicBezTo>
                <a:cubicBezTo>
                  <a:pt x="104" y="26"/>
                  <a:pt x="119" y="33"/>
                  <a:pt x="130" y="44"/>
                </a:cubicBezTo>
                <a:cubicBezTo>
                  <a:pt x="141" y="55"/>
                  <a:pt x="148" y="70"/>
                  <a:pt x="148" y="87"/>
                </a:cubicBezTo>
                <a:cubicBezTo>
                  <a:pt x="148" y="104"/>
                  <a:pt x="141" y="119"/>
                  <a:pt x="130" y="130"/>
                </a:cubicBezTo>
                <a:cubicBezTo>
                  <a:pt x="131" y="130"/>
                  <a:pt x="131" y="130"/>
                  <a:pt x="131" y="130"/>
                </a:cubicBezTo>
                <a:cubicBezTo>
                  <a:pt x="128" y="133"/>
                  <a:pt x="127" y="136"/>
                  <a:pt x="127" y="140"/>
                </a:cubicBezTo>
                <a:cubicBezTo>
                  <a:pt x="127" y="147"/>
                  <a:pt x="133" y="153"/>
                  <a:pt x="140" y="153"/>
                </a:cubicBezTo>
                <a:cubicBezTo>
                  <a:pt x="217" y="153"/>
                  <a:pt x="217" y="153"/>
                  <a:pt x="217" y="153"/>
                </a:cubicBezTo>
                <a:cubicBezTo>
                  <a:pt x="225" y="153"/>
                  <a:pt x="231" y="147"/>
                  <a:pt x="231" y="140"/>
                </a:cubicBezTo>
                <a:cubicBezTo>
                  <a:pt x="231" y="134"/>
                  <a:pt x="227" y="129"/>
                  <a:pt x="222" y="127"/>
                </a:cubicBezTo>
                <a:cubicBezTo>
                  <a:pt x="213" y="117"/>
                  <a:pt x="207" y="103"/>
                  <a:pt x="207" y="87"/>
                </a:cubicBezTo>
                <a:cubicBezTo>
                  <a:pt x="207" y="70"/>
                  <a:pt x="214" y="55"/>
                  <a:pt x="225" y="44"/>
                </a:cubicBezTo>
                <a:cubicBezTo>
                  <a:pt x="236" y="33"/>
                  <a:pt x="251" y="26"/>
                  <a:pt x="268" y="26"/>
                </a:cubicBezTo>
                <a:cubicBezTo>
                  <a:pt x="284" y="26"/>
                  <a:pt x="299" y="33"/>
                  <a:pt x="310" y="44"/>
                </a:cubicBezTo>
                <a:cubicBezTo>
                  <a:pt x="321" y="55"/>
                  <a:pt x="328" y="70"/>
                  <a:pt x="328" y="87"/>
                </a:cubicBezTo>
                <a:cubicBezTo>
                  <a:pt x="328" y="102"/>
                  <a:pt x="322" y="116"/>
                  <a:pt x="313" y="127"/>
                </a:cubicBezTo>
                <a:cubicBezTo>
                  <a:pt x="308" y="129"/>
                  <a:pt x="304" y="134"/>
                  <a:pt x="304" y="140"/>
                </a:cubicBezTo>
                <a:cubicBezTo>
                  <a:pt x="304" y="147"/>
                  <a:pt x="310" y="153"/>
                  <a:pt x="318" y="153"/>
                </a:cubicBezTo>
                <a:cubicBezTo>
                  <a:pt x="343" y="153"/>
                  <a:pt x="343" y="153"/>
                  <a:pt x="343" y="153"/>
                </a:cubicBezTo>
                <a:cubicBezTo>
                  <a:pt x="343" y="176"/>
                  <a:pt x="343" y="176"/>
                  <a:pt x="343" y="176"/>
                </a:cubicBezTo>
                <a:cubicBezTo>
                  <a:pt x="343" y="180"/>
                  <a:pt x="344" y="183"/>
                  <a:pt x="346" y="185"/>
                </a:cubicBezTo>
                <a:cubicBezTo>
                  <a:pt x="349" y="188"/>
                  <a:pt x="352" y="189"/>
                  <a:pt x="356" y="189"/>
                </a:cubicBezTo>
                <a:cubicBezTo>
                  <a:pt x="388" y="189"/>
                  <a:pt x="388" y="189"/>
                  <a:pt x="388" y="189"/>
                </a:cubicBezTo>
                <a:cubicBezTo>
                  <a:pt x="392" y="189"/>
                  <a:pt x="396" y="188"/>
                  <a:pt x="399" y="184"/>
                </a:cubicBezTo>
                <a:cubicBezTo>
                  <a:pt x="412" y="167"/>
                  <a:pt x="412" y="167"/>
                  <a:pt x="412" y="167"/>
                </a:cubicBezTo>
                <a:cubicBezTo>
                  <a:pt x="428" y="167"/>
                  <a:pt x="428" y="167"/>
                  <a:pt x="428" y="167"/>
                </a:cubicBezTo>
                <a:cubicBezTo>
                  <a:pt x="428" y="326"/>
                  <a:pt x="428" y="326"/>
                  <a:pt x="428" y="326"/>
                </a:cubicBezTo>
                <a:cubicBezTo>
                  <a:pt x="412" y="326"/>
                  <a:pt x="412" y="326"/>
                  <a:pt x="412" y="326"/>
                </a:cubicBezTo>
                <a:cubicBezTo>
                  <a:pt x="402" y="313"/>
                  <a:pt x="402" y="313"/>
                  <a:pt x="402" y="313"/>
                </a:cubicBezTo>
                <a:cubicBezTo>
                  <a:pt x="399" y="310"/>
                  <a:pt x="395" y="308"/>
                  <a:pt x="391" y="308"/>
                </a:cubicBezTo>
                <a:cubicBezTo>
                  <a:pt x="358" y="308"/>
                  <a:pt x="358" y="308"/>
                  <a:pt x="358" y="308"/>
                </a:cubicBezTo>
                <a:cubicBezTo>
                  <a:pt x="354" y="308"/>
                  <a:pt x="351" y="310"/>
                  <a:pt x="349" y="312"/>
                </a:cubicBezTo>
                <a:cubicBezTo>
                  <a:pt x="346" y="315"/>
                  <a:pt x="345" y="318"/>
                  <a:pt x="345" y="322"/>
                </a:cubicBezTo>
                <a:cubicBezTo>
                  <a:pt x="345" y="344"/>
                  <a:pt x="345" y="344"/>
                  <a:pt x="345" y="344"/>
                </a:cubicBezTo>
                <a:cubicBezTo>
                  <a:pt x="27" y="344"/>
                  <a:pt x="27" y="344"/>
                  <a:pt x="27" y="344"/>
                </a:cubicBezTo>
                <a:cubicBezTo>
                  <a:pt x="27" y="190"/>
                  <a:pt x="27" y="190"/>
                  <a:pt x="27" y="190"/>
                </a:cubicBezTo>
                <a:cubicBezTo>
                  <a:pt x="27" y="182"/>
                  <a:pt x="21" y="177"/>
                  <a:pt x="14" y="177"/>
                </a:cubicBezTo>
                <a:cubicBezTo>
                  <a:pt x="6" y="177"/>
                  <a:pt x="0" y="182"/>
                  <a:pt x="0" y="190"/>
                </a:cubicBezTo>
                <a:cubicBezTo>
                  <a:pt x="0" y="358"/>
                  <a:pt x="0" y="358"/>
                  <a:pt x="0" y="358"/>
                </a:cubicBezTo>
                <a:cubicBezTo>
                  <a:pt x="0" y="361"/>
                  <a:pt x="2" y="365"/>
                  <a:pt x="4" y="367"/>
                </a:cubicBezTo>
                <a:cubicBezTo>
                  <a:pt x="7" y="370"/>
                  <a:pt x="10" y="371"/>
                  <a:pt x="14" y="371"/>
                </a:cubicBezTo>
                <a:cubicBezTo>
                  <a:pt x="358" y="371"/>
                  <a:pt x="358" y="371"/>
                  <a:pt x="358" y="371"/>
                </a:cubicBezTo>
                <a:cubicBezTo>
                  <a:pt x="361" y="371"/>
                  <a:pt x="365" y="370"/>
                  <a:pt x="367" y="367"/>
                </a:cubicBezTo>
                <a:cubicBezTo>
                  <a:pt x="370" y="365"/>
                  <a:pt x="371" y="361"/>
                  <a:pt x="371" y="358"/>
                </a:cubicBezTo>
                <a:cubicBezTo>
                  <a:pt x="371" y="335"/>
                  <a:pt x="371" y="335"/>
                  <a:pt x="371" y="335"/>
                </a:cubicBezTo>
                <a:cubicBezTo>
                  <a:pt x="385" y="335"/>
                  <a:pt x="385" y="335"/>
                  <a:pt x="385" y="335"/>
                </a:cubicBezTo>
                <a:cubicBezTo>
                  <a:pt x="395" y="348"/>
                  <a:pt x="395" y="348"/>
                  <a:pt x="395" y="348"/>
                </a:cubicBezTo>
                <a:cubicBezTo>
                  <a:pt x="398" y="351"/>
                  <a:pt x="402" y="353"/>
                  <a:pt x="406" y="353"/>
                </a:cubicBezTo>
                <a:cubicBezTo>
                  <a:pt x="441" y="353"/>
                  <a:pt x="441" y="353"/>
                  <a:pt x="441" y="353"/>
                </a:cubicBezTo>
                <a:cubicBezTo>
                  <a:pt x="445" y="353"/>
                  <a:pt x="448" y="351"/>
                  <a:pt x="451" y="349"/>
                </a:cubicBezTo>
                <a:cubicBezTo>
                  <a:pt x="453" y="346"/>
                  <a:pt x="454" y="343"/>
                  <a:pt x="454" y="339"/>
                </a:cubicBezTo>
                <a:cubicBezTo>
                  <a:pt x="454" y="154"/>
                  <a:pt x="454" y="154"/>
                  <a:pt x="454" y="154"/>
                </a:cubicBezTo>
                <a:cubicBezTo>
                  <a:pt x="454" y="151"/>
                  <a:pt x="453" y="147"/>
                  <a:pt x="451" y="14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2" name="Freeform 381"/>
          <p:cNvSpPr>
            <a:spLocks/>
          </p:cNvSpPr>
          <p:nvPr userDrawn="1"/>
        </p:nvSpPr>
        <p:spPr bwMode="auto">
          <a:xfrm>
            <a:off x="3794564" y="3677898"/>
            <a:ext cx="473075" cy="517525"/>
          </a:xfrm>
          <a:custGeom>
            <a:avLst/>
            <a:gdLst/>
            <a:ahLst/>
            <a:cxnLst>
              <a:cxn ang="0">
                <a:pos x="86" y="76"/>
              </a:cxn>
              <a:cxn ang="0">
                <a:pos x="30" y="95"/>
              </a:cxn>
              <a:cxn ang="0">
                <a:pos x="0" y="162"/>
              </a:cxn>
              <a:cxn ang="0">
                <a:pos x="25" y="223"/>
              </a:cxn>
              <a:cxn ang="0">
                <a:pos x="86" y="249"/>
              </a:cxn>
              <a:cxn ang="0">
                <a:pos x="126" y="249"/>
              </a:cxn>
              <a:cxn ang="0">
                <a:pos x="139" y="235"/>
              </a:cxn>
              <a:cxn ang="0">
                <a:pos x="126" y="222"/>
              </a:cxn>
              <a:cxn ang="0">
                <a:pos x="86" y="222"/>
              </a:cxn>
              <a:cxn ang="0">
                <a:pos x="44" y="204"/>
              </a:cxn>
              <a:cxn ang="0">
                <a:pos x="26" y="162"/>
              </a:cxn>
              <a:cxn ang="0">
                <a:pos x="47" y="115"/>
              </a:cxn>
              <a:cxn ang="0">
                <a:pos x="84" y="102"/>
              </a:cxn>
              <a:cxn ang="0">
                <a:pos x="93" y="103"/>
              </a:cxn>
              <a:cxn ang="0">
                <a:pos x="107" y="94"/>
              </a:cxn>
              <a:cxn ang="0">
                <a:pos x="201" y="27"/>
              </a:cxn>
              <a:cxn ang="0">
                <a:pos x="268" y="52"/>
              </a:cxn>
              <a:cxn ang="0">
                <a:pos x="300" y="114"/>
              </a:cxn>
              <a:cxn ang="0">
                <a:pos x="306" y="124"/>
              </a:cxn>
              <a:cxn ang="0">
                <a:pos x="318" y="125"/>
              </a:cxn>
              <a:cxn ang="0">
                <a:pos x="327" y="121"/>
              </a:cxn>
              <a:cxn ang="0">
                <a:pos x="344" y="118"/>
              </a:cxn>
              <a:cxn ang="0">
                <a:pos x="378" y="134"/>
              </a:cxn>
              <a:cxn ang="0">
                <a:pos x="392" y="171"/>
              </a:cxn>
              <a:cxn ang="0">
                <a:pos x="342" y="221"/>
              </a:cxn>
              <a:cxn ang="0">
                <a:pos x="196" y="221"/>
              </a:cxn>
              <a:cxn ang="0">
                <a:pos x="185" y="227"/>
              </a:cxn>
              <a:cxn ang="0">
                <a:pos x="184" y="240"/>
              </a:cxn>
              <a:cxn ang="0">
                <a:pos x="236" y="371"/>
              </a:cxn>
              <a:cxn ang="0">
                <a:pos x="246" y="379"/>
              </a:cxn>
              <a:cxn ang="0">
                <a:pos x="259" y="375"/>
              </a:cxn>
              <a:cxn ang="0">
                <a:pos x="292" y="337"/>
              </a:cxn>
              <a:cxn ang="0">
                <a:pos x="339" y="450"/>
              </a:cxn>
              <a:cxn ang="0">
                <a:pos x="356" y="458"/>
              </a:cxn>
              <a:cxn ang="0">
                <a:pos x="364" y="440"/>
              </a:cxn>
              <a:cxn ang="0">
                <a:pos x="309" y="307"/>
              </a:cxn>
              <a:cxn ang="0">
                <a:pos x="299" y="299"/>
              </a:cxn>
              <a:cxn ang="0">
                <a:pos x="287" y="303"/>
              </a:cxn>
              <a:cxn ang="0">
                <a:pos x="253" y="341"/>
              </a:cxn>
              <a:cxn ang="0">
                <a:pos x="216" y="248"/>
              </a:cxn>
              <a:cxn ang="0">
                <a:pos x="342" y="247"/>
              </a:cxn>
              <a:cxn ang="0">
                <a:pos x="419" y="171"/>
              </a:cxn>
              <a:cxn ang="0">
                <a:pos x="344" y="92"/>
              </a:cxn>
              <a:cxn ang="0">
                <a:pos x="324" y="94"/>
              </a:cxn>
              <a:cxn ang="0">
                <a:pos x="286" y="32"/>
              </a:cxn>
              <a:cxn ang="0">
                <a:pos x="201" y="0"/>
              </a:cxn>
              <a:cxn ang="0">
                <a:pos x="86" y="76"/>
              </a:cxn>
            </a:cxnLst>
            <a:rect l="0" t="0" r="r" b="b"/>
            <a:pathLst>
              <a:path w="419" h="460">
                <a:moveTo>
                  <a:pt x="86" y="76"/>
                </a:moveTo>
                <a:cubicBezTo>
                  <a:pt x="66" y="74"/>
                  <a:pt x="46" y="80"/>
                  <a:pt x="30" y="95"/>
                </a:cubicBezTo>
                <a:cubicBezTo>
                  <a:pt x="11" y="111"/>
                  <a:pt x="0" y="137"/>
                  <a:pt x="0" y="162"/>
                </a:cubicBezTo>
                <a:cubicBezTo>
                  <a:pt x="0" y="185"/>
                  <a:pt x="9" y="207"/>
                  <a:pt x="25" y="223"/>
                </a:cubicBezTo>
                <a:cubicBezTo>
                  <a:pt x="41" y="240"/>
                  <a:pt x="63" y="249"/>
                  <a:pt x="86" y="249"/>
                </a:cubicBezTo>
                <a:cubicBezTo>
                  <a:pt x="126" y="249"/>
                  <a:pt x="126" y="249"/>
                  <a:pt x="126" y="249"/>
                </a:cubicBezTo>
                <a:cubicBezTo>
                  <a:pt x="133" y="249"/>
                  <a:pt x="139" y="243"/>
                  <a:pt x="139" y="235"/>
                </a:cubicBezTo>
                <a:cubicBezTo>
                  <a:pt x="139" y="228"/>
                  <a:pt x="133" y="222"/>
                  <a:pt x="126" y="222"/>
                </a:cubicBezTo>
                <a:cubicBezTo>
                  <a:pt x="86" y="222"/>
                  <a:pt x="86" y="222"/>
                  <a:pt x="86" y="222"/>
                </a:cubicBezTo>
                <a:cubicBezTo>
                  <a:pt x="70" y="222"/>
                  <a:pt x="55" y="216"/>
                  <a:pt x="44" y="204"/>
                </a:cubicBezTo>
                <a:cubicBezTo>
                  <a:pt x="32" y="193"/>
                  <a:pt x="26" y="178"/>
                  <a:pt x="26" y="162"/>
                </a:cubicBezTo>
                <a:cubicBezTo>
                  <a:pt x="26" y="144"/>
                  <a:pt x="34" y="126"/>
                  <a:pt x="47" y="115"/>
                </a:cubicBezTo>
                <a:cubicBezTo>
                  <a:pt x="58" y="105"/>
                  <a:pt x="71" y="101"/>
                  <a:pt x="84" y="102"/>
                </a:cubicBezTo>
                <a:cubicBezTo>
                  <a:pt x="93" y="103"/>
                  <a:pt x="93" y="103"/>
                  <a:pt x="93" y="103"/>
                </a:cubicBezTo>
                <a:cubicBezTo>
                  <a:pt x="99" y="104"/>
                  <a:pt x="105" y="100"/>
                  <a:pt x="107" y="94"/>
                </a:cubicBezTo>
                <a:cubicBezTo>
                  <a:pt x="121" y="54"/>
                  <a:pt x="158" y="27"/>
                  <a:pt x="201" y="27"/>
                </a:cubicBezTo>
                <a:cubicBezTo>
                  <a:pt x="226" y="27"/>
                  <a:pt x="250" y="36"/>
                  <a:pt x="268" y="52"/>
                </a:cubicBezTo>
                <a:cubicBezTo>
                  <a:pt x="286" y="68"/>
                  <a:pt x="298" y="90"/>
                  <a:pt x="300" y="114"/>
                </a:cubicBezTo>
                <a:cubicBezTo>
                  <a:pt x="301" y="118"/>
                  <a:pt x="303" y="121"/>
                  <a:pt x="306" y="124"/>
                </a:cubicBezTo>
                <a:cubicBezTo>
                  <a:pt x="310" y="126"/>
                  <a:pt x="314" y="126"/>
                  <a:pt x="318" y="125"/>
                </a:cubicBezTo>
                <a:cubicBezTo>
                  <a:pt x="318" y="125"/>
                  <a:pt x="327" y="122"/>
                  <a:pt x="327" y="121"/>
                </a:cubicBezTo>
                <a:cubicBezTo>
                  <a:pt x="332" y="119"/>
                  <a:pt x="338" y="118"/>
                  <a:pt x="344" y="118"/>
                </a:cubicBezTo>
                <a:cubicBezTo>
                  <a:pt x="357" y="118"/>
                  <a:pt x="369" y="124"/>
                  <a:pt x="378" y="134"/>
                </a:cubicBezTo>
                <a:cubicBezTo>
                  <a:pt x="387" y="144"/>
                  <a:pt x="392" y="157"/>
                  <a:pt x="392" y="171"/>
                </a:cubicBezTo>
                <a:cubicBezTo>
                  <a:pt x="392" y="198"/>
                  <a:pt x="370" y="221"/>
                  <a:pt x="342" y="221"/>
                </a:cubicBezTo>
                <a:cubicBezTo>
                  <a:pt x="196" y="221"/>
                  <a:pt x="196" y="221"/>
                  <a:pt x="196" y="221"/>
                </a:cubicBezTo>
                <a:cubicBezTo>
                  <a:pt x="192" y="221"/>
                  <a:pt x="188" y="224"/>
                  <a:pt x="185" y="227"/>
                </a:cubicBezTo>
                <a:cubicBezTo>
                  <a:pt x="183" y="231"/>
                  <a:pt x="182" y="236"/>
                  <a:pt x="184" y="240"/>
                </a:cubicBezTo>
                <a:cubicBezTo>
                  <a:pt x="236" y="371"/>
                  <a:pt x="236" y="371"/>
                  <a:pt x="236" y="371"/>
                </a:cubicBezTo>
                <a:cubicBezTo>
                  <a:pt x="238" y="375"/>
                  <a:pt x="242" y="378"/>
                  <a:pt x="246" y="379"/>
                </a:cubicBezTo>
                <a:cubicBezTo>
                  <a:pt x="251" y="380"/>
                  <a:pt x="256" y="378"/>
                  <a:pt x="259" y="375"/>
                </a:cubicBezTo>
                <a:cubicBezTo>
                  <a:pt x="259" y="375"/>
                  <a:pt x="278" y="353"/>
                  <a:pt x="292" y="337"/>
                </a:cubicBezTo>
                <a:cubicBezTo>
                  <a:pt x="304" y="366"/>
                  <a:pt x="339" y="450"/>
                  <a:pt x="339" y="450"/>
                </a:cubicBezTo>
                <a:cubicBezTo>
                  <a:pt x="342" y="457"/>
                  <a:pt x="349" y="460"/>
                  <a:pt x="356" y="458"/>
                </a:cubicBezTo>
                <a:cubicBezTo>
                  <a:pt x="363" y="455"/>
                  <a:pt x="366" y="447"/>
                  <a:pt x="364" y="440"/>
                </a:cubicBezTo>
                <a:cubicBezTo>
                  <a:pt x="309" y="307"/>
                  <a:pt x="309" y="307"/>
                  <a:pt x="309" y="307"/>
                </a:cubicBezTo>
                <a:cubicBezTo>
                  <a:pt x="307" y="303"/>
                  <a:pt x="303" y="300"/>
                  <a:pt x="299" y="299"/>
                </a:cubicBezTo>
                <a:cubicBezTo>
                  <a:pt x="294" y="298"/>
                  <a:pt x="290" y="300"/>
                  <a:pt x="287" y="303"/>
                </a:cubicBezTo>
                <a:cubicBezTo>
                  <a:pt x="287" y="303"/>
                  <a:pt x="267" y="325"/>
                  <a:pt x="253" y="341"/>
                </a:cubicBezTo>
                <a:cubicBezTo>
                  <a:pt x="243" y="317"/>
                  <a:pt x="225" y="270"/>
                  <a:pt x="216" y="248"/>
                </a:cubicBezTo>
                <a:cubicBezTo>
                  <a:pt x="245" y="248"/>
                  <a:pt x="342" y="247"/>
                  <a:pt x="342" y="247"/>
                </a:cubicBezTo>
                <a:cubicBezTo>
                  <a:pt x="385" y="247"/>
                  <a:pt x="419" y="213"/>
                  <a:pt x="419" y="171"/>
                </a:cubicBezTo>
                <a:cubicBezTo>
                  <a:pt x="419" y="127"/>
                  <a:pt x="385" y="92"/>
                  <a:pt x="344" y="92"/>
                </a:cubicBezTo>
                <a:cubicBezTo>
                  <a:pt x="337" y="92"/>
                  <a:pt x="330" y="93"/>
                  <a:pt x="324" y="94"/>
                </a:cubicBezTo>
                <a:cubicBezTo>
                  <a:pt x="318" y="70"/>
                  <a:pt x="305" y="48"/>
                  <a:pt x="286" y="32"/>
                </a:cubicBezTo>
                <a:cubicBezTo>
                  <a:pt x="262" y="11"/>
                  <a:pt x="232" y="0"/>
                  <a:pt x="201" y="0"/>
                </a:cubicBezTo>
                <a:cubicBezTo>
                  <a:pt x="150" y="0"/>
                  <a:pt x="105" y="30"/>
                  <a:pt x="86" y="7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3" name="Freeform 410"/>
          <p:cNvSpPr>
            <a:spLocks noEditPoints="1"/>
          </p:cNvSpPr>
          <p:nvPr userDrawn="1"/>
        </p:nvSpPr>
        <p:spPr bwMode="auto">
          <a:xfrm>
            <a:off x="3805676" y="5098459"/>
            <a:ext cx="450850" cy="449263"/>
          </a:xfrm>
          <a:custGeom>
            <a:avLst/>
            <a:gdLst/>
            <a:ahLst/>
            <a:cxnLst>
              <a:cxn ang="0">
                <a:pos x="0" y="200"/>
              </a:cxn>
              <a:cxn ang="0">
                <a:pos x="238" y="4"/>
              </a:cxn>
              <a:cxn ang="0">
                <a:pos x="352" y="109"/>
              </a:cxn>
              <a:cxn ang="0">
                <a:pos x="78" y="73"/>
              </a:cxn>
              <a:cxn ang="0">
                <a:pos x="201" y="376"/>
              </a:cxn>
              <a:cxn ang="0">
                <a:pos x="376" y="199"/>
              </a:cxn>
              <a:cxn ang="0">
                <a:pos x="357" y="184"/>
              </a:cxn>
              <a:cxn ang="0">
                <a:pos x="336" y="176"/>
              </a:cxn>
              <a:cxn ang="0">
                <a:pos x="290" y="205"/>
              </a:cxn>
              <a:cxn ang="0">
                <a:pos x="317" y="222"/>
              </a:cxn>
              <a:cxn ang="0">
                <a:pos x="305" y="250"/>
              </a:cxn>
              <a:cxn ang="0">
                <a:pos x="289" y="290"/>
              </a:cxn>
              <a:cxn ang="0">
                <a:pos x="237" y="358"/>
              </a:cxn>
              <a:cxn ang="0">
                <a:pos x="190" y="347"/>
              </a:cxn>
              <a:cxn ang="0">
                <a:pos x="164" y="257"/>
              </a:cxn>
              <a:cxn ang="0">
                <a:pos x="118" y="249"/>
              </a:cxn>
              <a:cxn ang="0">
                <a:pos x="93" y="207"/>
              </a:cxn>
              <a:cxn ang="0">
                <a:pos x="137" y="140"/>
              </a:cxn>
              <a:cxn ang="0">
                <a:pos x="117" y="97"/>
              </a:cxn>
              <a:cxn ang="0">
                <a:pos x="144" y="80"/>
              </a:cxn>
              <a:cxn ang="0">
                <a:pos x="148" y="55"/>
              </a:cxn>
              <a:cxn ang="0">
                <a:pos x="181" y="36"/>
              </a:cxn>
              <a:cxn ang="0">
                <a:pos x="228" y="46"/>
              </a:cxn>
              <a:cxn ang="0">
                <a:pos x="248" y="39"/>
              </a:cxn>
              <a:cxn ang="0">
                <a:pos x="249" y="59"/>
              </a:cxn>
              <a:cxn ang="0">
                <a:pos x="215" y="67"/>
              </a:cxn>
              <a:cxn ang="0">
                <a:pos x="180" y="60"/>
              </a:cxn>
              <a:cxn ang="0">
                <a:pos x="168" y="74"/>
              </a:cxn>
              <a:cxn ang="0">
                <a:pos x="169" y="82"/>
              </a:cxn>
              <a:cxn ang="0">
                <a:pos x="152" y="103"/>
              </a:cxn>
              <a:cxn ang="0">
                <a:pos x="147" y="119"/>
              </a:cxn>
              <a:cxn ang="0">
                <a:pos x="164" y="109"/>
              </a:cxn>
              <a:cxn ang="0">
                <a:pos x="188" y="99"/>
              </a:cxn>
              <a:cxn ang="0">
                <a:pos x="229" y="113"/>
              </a:cxn>
              <a:cxn ang="0">
                <a:pos x="255" y="152"/>
              </a:cxn>
              <a:cxn ang="0">
                <a:pos x="237" y="172"/>
              </a:cxn>
              <a:cxn ang="0">
                <a:pos x="197" y="171"/>
              </a:cxn>
              <a:cxn ang="0">
                <a:pos x="152" y="165"/>
              </a:cxn>
              <a:cxn ang="0">
                <a:pos x="117" y="211"/>
              </a:cxn>
              <a:cxn ang="0">
                <a:pos x="132" y="228"/>
              </a:cxn>
              <a:cxn ang="0">
                <a:pos x="185" y="246"/>
              </a:cxn>
              <a:cxn ang="0">
                <a:pos x="210" y="335"/>
              </a:cxn>
              <a:cxn ang="0">
                <a:pos x="226" y="337"/>
              </a:cxn>
              <a:cxn ang="0">
                <a:pos x="265" y="290"/>
              </a:cxn>
              <a:cxn ang="0">
                <a:pos x="266" y="273"/>
              </a:cxn>
              <a:cxn ang="0">
                <a:pos x="281" y="243"/>
              </a:cxn>
              <a:cxn ang="0">
                <a:pos x="275" y="227"/>
              </a:cxn>
              <a:cxn ang="0">
                <a:pos x="268" y="170"/>
              </a:cxn>
              <a:cxn ang="0">
                <a:pos x="337" y="150"/>
              </a:cxn>
              <a:cxn ang="0">
                <a:pos x="357" y="160"/>
              </a:cxn>
              <a:cxn ang="0">
                <a:pos x="365" y="135"/>
              </a:cxn>
              <a:cxn ang="0">
                <a:pos x="388" y="131"/>
              </a:cxn>
              <a:cxn ang="0">
                <a:pos x="277" y="384"/>
              </a:cxn>
              <a:cxn ang="0">
                <a:pos x="225" y="143"/>
              </a:cxn>
              <a:cxn ang="0">
                <a:pos x="188" y="122"/>
              </a:cxn>
              <a:cxn ang="0">
                <a:pos x="180" y="125"/>
              </a:cxn>
              <a:cxn ang="0">
                <a:pos x="155" y="141"/>
              </a:cxn>
              <a:cxn ang="0">
                <a:pos x="206" y="150"/>
              </a:cxn>
              <a:cxn ang="0">
                <a:pos x="216" y="151"/>
              </a:cxn>
            </a:cxnLst>
            <a:rect l="0" t="0" r="r" b="b"/>
            <a:pathLst>
              <a:path w="400" h="399">
                <a:moveTo>
                  <a:pt x="201" y="399"/>
                </a:moveTo>
                <a:cubicBezTo>
                  <a:pt x="131" y="399"/>
                  <a:pt x="70" y="363"/>
                  <a:pt x="35" y="312"/>
                </a:cubicBezTo>
                <a:cubicBezTo>
                  <a:pt x="13" y="280"/>
                  <a:pt x="0" y="241"/>
                  <a:pt x="0" y="200"/>
                </a:cubicBezTo>
                <a:cubicBezTo>
                  <a:pt x="0" y="151"/>
                  <a:pt x="19" y="99"/>
                  <a:pt x="62" y="56"/>
                </a:cubicBezTo>
                <a:cubicBezTo>
                  <a:pt x="96" y="22"/>
                  <a:pt x="145" y="0"/>
                  <a:pt x="199" y="0"/>
                </a:cubicBezTo>
                <a:cubicBezTo>
                  <a:pt x="212" y="0"/>
                  <a:pt x="225" y="1"/>
                  <a:pt x="238" y="4"/>
                </a:cubicBezTo>
                <a:cubicBezTo>
                  <a:pt x="297" y="15"/>
                  <a:pt x="343" y="50"/>
                  <a:pt x="372" y="96"/>
                </a:cubicBezTo>
                <a:cubicBezTo>
                  <a:pt x="376" y="102"/>
                  <a:pt x="374" y="109"/>
                  <a:pt x="368" y="113"/>
                </a:cubicBezTo>
                <a:cubicBezTo>
                  <a:pt x="363" y="116"/>
                  <a:pt x="356" y="114"/>
                  <a:pt x="352" y="109"/>
                </a:cubicBezTo>
                <a:cubicBezTo>
                  <a:pt x="326" y="67"/>
                  <a:pt x="286" y="37"/>
                  <a:pt x="234" y="27"/>
                </a:cubicBezTo>
                <a:cubicBezTo>
                  <a:pt x="222" y="25"/>
                  <a:pt x="210" y="24"/>
                  <a:pt x="199" y="24"/>
                </a:cubicBezTo>
                <a:cubicBezTo>
                  <a:pt x="151" y="24"/>
                  <a:pt x="108" y="43"/>
                  <a:pt x="78" y="73"/>
                </a:cubicBezTo>
                <a:cubicBezTo>
                  <a:pt x="39" y="112"/>
                  <a:pt x="24" y="157"/>
                  <a:pt x="24" y="200"/>
                </a:cubicBezTo>
                <a:cubicBezTo>
                  <a:pt x="24" y="236"/>
                  <a:pt x="35" y="270"/>
                  <a:pt x="54" y="298"/>
                </a:cubicBezTo>
                <a:cubicBezTo>
                  <a:pt x="85" y="343"/>
                  <a:pt x="140" y="376"/>
                  <a:pt x="201" y="376"/>
                </a:cubicBezTo>
                <a:cubicBezTo>
                  <a:pt x="223" y="376"/>
                  <a:pt x="245" y="372"/>
                  <a:pt x="268" y="362"/>
                </a:cubicBezTo>
                <a:cubicBezTo>
                  <a:pt x="302" y="349"/>
                  <a:pt x="329" y="326"/>
                  <a:pt x="347" y="297"/>
                </a:cubicBezTo>
                <a:cubicBezTo>
                  <a:pt x="366" y="268"/>
                  <a:pt x="376" y="234"/>
                  <a:pt x="376" y="199"/>
                </a:cubicBezTo>
                <a:cubicBezTo>
                  <a:pt x="376" y="191"/>
                  <a:pt x="376" y="184"/>
                  <a:pt x="375" y="176"/>
                </a:cubicBezTo>
                <a:cubicBezTo>
                  <a:pt x="373" y="178"/>
                  <a:pt x="371" y="179"/>
                  <a:pt x="369" y="181"/>
                </a:cubicBezTo>
                <a:cubicBezTo>
                  <a:pt x="366" y="183"/>
                  <a:pt x="362" y="184"/>
                  <a:pt x="357" y="184"/>
                </a:cubicBezTo>
                <a:cubicBezTo>
                  <a:pt x="353" y="184"/>
                  <a:pt x="349" y="183"/>
                  <a:pt x="345" y="181"/>
                </a:cubicBezTo>
                <a:cubicBezTo>
                  <a:pt x="344" y="181"/>
                  <a:pt x="344" y="181"/>
                  <a:pt x="344" y="181"/>
                </a:cubicBezTo>
                <a:cubicBezTo>
                  <a:pt x="336" y="176"/>
                  <a:pt x="336" y="176"/>
                  <a:pt x="336" y="176"/>
                </a:cubicBezTo>
                <a:cubicBezTo>
                  <a:pt x="319" y="206"/>
                  <a:pt x="319" y="206"/>
                  <a:pt x="319" y="206"/>
                </a:cubicBezTo>
                <a:cubicBezTo>
                  <a:pt x="316" y="211"/>
                  <a:pt x="310" y="213"/>
                  <a:pt x="304" y="211"/>
                </a:cubicBezTo>
                <a:cubicBezTo>
                  <a:pt x="290" y="205"/>
                  <a:pt x="290" y="205"/>
                  <a:pt x="290" y="205"/>
                </a:cubicBezTo>
                <a:cubicBezTo>
                  <a:pt x="294" y="211"/>
                  <a:pt x="294" y="211"/>
                  <a:pt x="294" y="211"/>
                </a:cubicBezTo>
                <a:cubicBezTo>
                  <a:pt x="309" y="215"/>
                  <a:pt x="309" y="215"/>
                  <a:pt x="309" y="215"/>
                </a:cubicBezTo>
                <a:cubicBezTo>
                  <a:pt x="313" y="216"/>
                  <a:pt x="316" y="218"/>
                  <a:pt x="317" y="222"/>
                </a:cubicBezTo>
                <a:cubicBezTo>
                  <a:pt x="318" y="225"/>
                  <a:pt x="318" y="230"/>
                  <a:pt x="316" y="233"/>
                </a:cubicBezTo>
                <a:cubicBezTo>
                  <a:pt x="316" y="233"/>
                  <a:pt x="315" y="235"/>
                  <a:pt x="313" y="238"/>
                </a:cubicBezTo>
                <a:cubicBezTo>
                  <a:pt x="311" y="241"/>
                  <a:pt x="308" y="245"/>
                  <a:pt x="305" y="250"/>
                </a:cubicBezTo>
                <a:cubicBezTo>
                  <a:pt x="299" y="259"/>
                  <a:pt x="292" y="271"/>
                  <a:pt x="289" y="277"/>
                </a:cubicBezTo>
                <a:cubicBezTo>
                  <a:pt x="289" y="278"/>
                  <a:pt x="288" y="279"/>
                  <a:pt x="288" y="280"/>
                </a:cubicBezTo>
                <a:cubicBezTo>
                  <a:pt x="288" y="281"/>
                  <a:pt x="289" y="285"/>
                  <a:pt x="289" y="290"/>
                </a:cubicBezTo>
                <a:cubicBezTo>
                  <a:pt x="289" y="298"/>
                  <a:pt x="287" y="310"/>
                  <a:pt x="277" y="321"/>
                </a:cubicBezTo>
                <a:cubicBezTo>
                  <a:pt x="274" y="325"/>
                  <a:pt x="268" y="332"/>
                  <a:pt x="261" y="339"/>
                </a:cubicBezTo>
                <a:cubicBezTo>
                  <a:pt x="254" y="346"/>
                  <a:pt x="246" y="353"/>
                  <a:pt x="237" y="358"/>
                </a:cubicBezTo>
                <a:cubicBezTo>
                  <a:pt x="231" y="361"/>
                  <a:pt x="225" y="364"/>
                  <a:pt x="217" y="364"/>
                </a:cubicBezTo>
                <a:cubicBezTo>
                  <a:pt x="212" y="364"/>
                  <a:pt x="206" y="363"/>
                  <a:pt x="201" y="360"/>
                </a:cubicBezTo>
                <a:cubicBezTo>
                  <a:pt x="197" y="356"/>
                  <a:pt x="193" y="352"/>
                  <a:pt x="190" y="347"/>
                </a:cubicBezTo>
                <a:cubicBezTo>
                  <a:pt x="182" y="334"/>
                  <a:pt x="179" y="319"/>
                  <a:pt x="176" y="305"/>
                </a:cubicBezTo>
                <a:cubicBezTo>
                  <a:pt x="174" y="291"/>
                  <a:pt x="172" y="278"/>
                  <a:pt x="170" y="269"/>
                </a:cubicBezTo>
                <a:cubicBezTo>
                  <a:pt x="168" y="262"/>
                  <a:pt x="166" y="258"/>
                  <a:pt x="164" y="257"/>
                </a:cubicBezTo>
                <a:cubicBezTo>
                  <a:pt x="163" y="256"/>
                  <a:pt x="162" y="255"/>
                  <a:pt x="161" y="255"/>
                </a:cubicBezTo>
                <a:cubicBezTo>
                  <a:pt x="155" y="254"/>
                  <a:pt x="148" y="253"/>
                  <a:pt x="141" y="253"/>
                </a:cubicBezTo>
                <a:cubicBezTo>
                  <a:pt x="133" y="252"/>
                  <a:pt x="125" y="252"/>
                  <a:pt x="118" y="249"/>
                </a:cubicBezTo>
                <a:cubicBezTo>
                  <a:pt x="112" y="247"/>
                  <a:pt x="107" y="244"/>
                  <a:pt x="103" y="239"/>
                </a:cubicBezTo>
                <a:cubicBezTo>
                  <a:pt x="97" y="233"/>
                  <a:pt x="94" y="224"/>
                  <a:pt x="93" y="214"/>
                </a:cubicBezTo>
                <a:cubicBezTo>
                  <a:pt x="93" y="211"/>
                  <a:pt x="93" y="209"/>
                  <a:pt x="93" y="207"/>
                </a:cubicBezTo>
                <a:cubicBezTo>
                  <a:pt x="93" y="188"/>
                  <a:pt x="100" y="171"/>
                  <a:pt x="111" y="160"/>
                </a:cubicBezTo>
                <a:cubicBezTo>
                  <a:pt x="120" y="150"/>
                  <a:pt x="132" y="144"/>
                  <a:pt x="144" y="142"/>
                </a:cubicBezTo>
                <a:cubicBezTo>
                  <a:pt x="141" y="142"/>
                  <a:pt x="139" y="141"/>
                  <a:pt x="137" y="140"/>
                </a:cubicBezTo>
                <a:cubicBezTo>
                  <a:pt x="130" y="136"/>
                  <a:pt x="125" y="131"/>
                  <a:pt x="121" y="126"/>
                </a:cubicBezTo>
                <a:cubicBezTo>
                  <a:pt x="117" y="120"/>
                  <a:pt x="115" y="114"/>
                  <a:pt x="115" y="107"/>
                </a:cubicBezTo>
                <a:cubicBezTo>
                  <a:pt x="115" y="104"/>
                  <a:pt x="115" y="101"/>
                  <a:pt x="117" y="97"/>
                </a:cubicBezTo>
                <a:cubicBezTo>
                  <a:pt x="119" y="94"/>
                  <a:pt x="122" y="91"/>
                  <a:pt x="125" y="89"/>
                </a:cubicBezTo>
                <a:cubicBezTo>
                  <a:pt x="128" y="88"/>
                  <a:pt x="131" y="87"/>
                  <a:pt x="135" y="85"/>
                </a:cubicBezTo>
                <a:cubicBezTo>
                  <a:pt x="138" y="84"/>
                  <a:pt x="141" y="82"/>
                  <a:pt x="144" y="80"/>
                </a:cubicBezTo>
                <a:cubicBezTo>
                  <a:pt x="144" y="80"/>
                  <a:pt x="144" y="80"/>
                  <a:pt x="145" y="79"/>
                </a:cubicBezTo>
                <a:cubicBezTo>
                  <a:pt x="145" y="78"/>
                  <a:pt x="145" y="76"/>
                  <a:pt x="145" y="74"/>
                </a:cubicBezTo>
                <a:cubicBezTo>
                  <a:pt x="145" y="68"/>
                  <a:pt x="145" y="61"/>
                  <a:pt x="148" y="55"/>
                </a:cubicBezTo>
                <a:cubicBezTo>
                  <a:pt x="151" y="49"/>
                  <a:pt x="156" y="43"/>
                  <a:pt x="164" y="39"/>
                </a:cubicBezTo>
                <a:cubicBezTo>
                  <a:pt x="168" y="37"/>
                  <a:pt x="174" y="36"/>
                  <a:pt x="180" y="36"/>
                </a:cubicBezTo>
                <a:cubicBezTo>
                  <a:pt x="180" y="36"/>
                  <a:pt x="180" y="36"/>
                  <a:pt x="181" y="36"/>
                </a:cubicBezTo>
                <a:cubicBezTo>
                  <a:pt x="189" y="36"/>
                  <a:pt x="196" y="38"/>
                  <a:pt x="203" y="40"/>
                </a:cubicBezTo>
                <a:cubicBezTo>
                  <a:pt x="210" y="41"/>
                  <a:pt x="216" y="43"/>
                  <a:pt x="221" y="44"/>
                </a:cubicBezTo>
                <a:cubicBezTo>
                  <a:pt x="224" y="45"/>
                  <a:pt x="227" y="46"/>
                  <a:pt x="228" y="46"/>
                </a:cubicBezTo>
                <a:cubicBezTo>
                  <a:pt x="229" y="46"/>
                  <a:pt x="229" y="46"/>
                  <a:pt x="230" y="46"/>
                </a:cubicBezTo>
                <a:cubicBezTo>
                  <a:pt x="232" y="42"/>
                  <a:pt x="232" y="42"/>
                  <a:pt x="232" y="42"/>
                </a:cubicBezTo>
                <a:cubicBezTo>
                  <a:pt x="235" y="37"/>
                  <a:pt x="243" y="35"/>
                  <a:pt x="248" y="39"/>
                </a:cubicBezTo>
                <a:cubicBezTo>
                  <a:pt x="253" y="42"/>
                  <a:pt x="255" y="50"/>
                  <a:pt x="251" y="55"/>
                </a:cubicBezTo>
                <a:cubicBezTo>
                  <a:pt x="249" y="59"/>
                  <a:pt x="249" y="59"/>
                  <a:pt x="249" y="59"/>
                </a:cubicBezTo>
                <a:cubicBezTo>
                  <a:pt x="249" y="59"/>
                  <a:pt x="249" y="59"/>
                  <a:pt x="249" y="59"/>
                </a:cubicBezTo>
                <a:cubicBezTo>
                  <a:pt x="246" y="63"/>
                  <a:pt x="243" y="66"/>
                  <a:pt x="239" y="67"/>
                </a:cubicBezTo>
                <a:cubicBezTo>
                  <a:pt x="235" y="69"/>
                  <a:pt x="232" y="69"/>
                  <a:pt x="228" y="69"/>
                </a:cubicBezTo>
                <a:cubicBezTo>
                  <a:pt x="224" y="69"/>
                  <a:pt x="219" y="68"/>
                  <a:pt x="215" y="67"/>
                </a:cubicBezTo>
                <a:cubicBezTo>
                  <a:pt x="211" y="66"/>
                  <a:pt x="207" y="65"/>
                  <a:pt x="203" y="64"/>
                </a:cubicBezTo>
                <a:cubicBezTo>
                  <a:pt x="195" y="62"/>
                  <a:pt x="187" y="60"/>
                  <a:pt x="181" y="60"/>
                </a:cubicBezTo>
                <a:cubicBezTo>
                  <a:pt x="181" y="60"/>
                  <a:pt x="181" y="60"/>
                  <a:pt x="180" y="60"/>
                </a:cubicBezTo>
                <a:cubicBezTo>
                  <a:pt x="175" y="60"/>
                  <a:pt x="172" y="61"/>
                  <a:pt x="171" y="62"/>
                </a:cubicBezTo>
                <a:cubicBezTo>
                  <a:pt x="170" y="63"/>
                  <a:pt x="170" y="64"/>
                  <a:pt x="169" y="67"/>
                </a:cubicBezTo>
                <a:cubicBezTo>
                  <a:pt x="168" y="69"/>
                  <a:pt x="168" y="71"/>
                  <a:pt x="168" y="74"/>
                </a:cubicBezTo>
                <a:cubicBezTo>
                  <a:pt x="168" y="76"/>
                  <a:pt x="168" y="78"/>
                  <a:pt x="169" y="81"/>
                </a:cubicBezTo>
                <a:cubicBezTo>
                  <a:pt x="169" y="81"/>
                  <a:pt x="169" y="81"/>
                  <a:pt x="169" y="81"/>
                </a:cubicBezTo>
                <a:cubicBezTo>
                  <a:pt x="169" y="81"/>
                  <a:pt x="169" y="82"/>
                  <a:pt x="169" y="82"/>
                </a:cubicBezTo>
                <a:cubicBezTo>
                  <a:pt x="169" y="86"/>
                  <a:pt x="167" y="89"/>
                  <a:pt x="166" y="91"/>
                </a:cubicBezTo>
                <a:cubicBezTo>
                  <a:pt x="165" y="93"/>
                  <a:pt x="163" y="94"/>
                  <a:pt x="162" y="96"/>
                </a:cubicBezTo>
                <a:cubicBezTo>
                  <a:pt x="159" y="99"/>
                  <a:pt x="156" y="101"/>
                  <a:pt x="152" y="103"/>
                </a:cubicBezTo>
                <a:cubicBezTo>
                  <a:pt x="148" y="105"/>
                  <a:pt x="143" y="107"/>
                  <a:pt x="139" y="109"/>
                </a:cubicBezTo>
                <a:cubicBezTo>
                  <a:pt x="139" y="110"/>
                  <a:pt x="140" y="112"/>
                  <a:pt x="141" y="113"/>
                </a:cubicBezTo>
                <a:cubicBezTo>
                  <a:pt x="142" y="115"/>
                  <a:pt x="145" y="118"/>
                  <a:pt x="147" y="119"/>
                </a:cubicBezTo>
                <a:cubicBezTo>
                  <a:pt x="147" y="119"/>
                  <a:pt x="147" y="119"/>
                  <a:pt x="148" y="119"/>
                </a:cubicBezTo>
                <a:cubicBezTo>
                  <a:pt x="148" y="119"/>
                  <a:pt x="151" y="118"/>
                  <a:pt x="154" y="116"/>
                </a:cubicBezTo>
                <a:cubicBezTo>
                  <a:pt x="157" y="114"/>
                  <a:pt x="161" y="111"/>
                  <a:pt x="164" y="109"/>
                </a:cubicBezTo>
                <a:cubicBezTo>
                  <a:pt x="166" y="107"/>
                  <a:pt x="167" y="105"/>
                  <a:pt x="170" y="104"/>
                </a:cubicBezTo>
                <a:cubicBezTo>
                  <a:pt x="173" y="101"/>
                  <a:pt x="176" y="100"/>
                  <a:pt x="179" y="100"/>
                </a:cubicBezTo>
                <a:cubicBezTo>
                  <a:pt x="182" y="99"/>
                  <a:pt x="185" y="99"/>
                  <a:pt x="188" y="99"/>
                </a:cubicBezTo>
                <a:cubicBezTo>
                  <a:pt x="196" y="99"/>
                  <a:pt x="204" y="100"/>
                  <a:pt x="211" y="102"/>
                </a:cubicBezTo>
                <a:cubicBezTo>
                  <a:pt x="215" y="103"/>
                  <a:pt x="218" y="105"/>
                  <a:pt x="220" y="107"/>
                </a:cubicBezTo>
                <a:cubicBezTo>
                  <a:pt x="223" y="109"/>
                  <a:pt x="226" y="111"/>
                  <a:pt x="229" y="113"/>
                </a:cubicBezTo>
                <a:cubicBezTo>
                  <a:pt x="235" y="118"/>
                  <a:pt x="241" y="124"/>
                  <a:pt x="245" y="130"/>
                </a:cubicBezTo>
                <a:cubicBezTo>
                  <a:pt x="248" y="134"/>
                  <a:pt x="251" y="138"/>
                  <a:pt x="253" y="143"/>
                </a:cubicBezTo>
                <a:cubicBezTo>
                  <a:pt x="254" y="146"/>
                  <a:pt x="255" y="148"/>
                  <a:pt x="255" y="152"/>
                </a:cubicBezTo>
                <a:cubicBezTo>
                  <a:pt x="255" y="153"/>
                  <a:pt x="255" y="154"/>
                  <a:pt x="254" y="156"/>
                </a:cubicBezTo>
                <a:cubicBezTo>
                  <a:pt x="253" y="161"/>
                  <a:pt x="250" y="165"/>
                  <a:pt x="247" y="167"/>
                </a:cubicBezTo>
                <a:cubicBezTo>
                  <a:pt x="243" y="169"/>
                  <a:pt x="240" y="171"/>
                  <a:pt x="237" y="172"/>
                </a:cubicBezTo>
                <a:cubicBezTo>
                  <a:pt x="230" y="174"/>
                  <a:pt x="223" y="174"/>
                  <a:pt x="216" y="174"/>
                </a:cubicBezTo>
                <a:cubicBezTo>
                  <a:pt x="213" y="174"/>
                  <a:pt x="209" y="174"/>
                  <a:pt x="206" y="174"/>
                </a:cubicBezTo>
                <a:cubicBezTo>
                  <a:pt x="203" y="173"/>
                  <a:pt x="200" y="173"/>
                  <a:pt x="197" y="171"/>
                </a:cubicBezTo>
                <a:cubicBezTo>
                  <a:pt x="194" y="170"/>
                  <a:pt x="188" y="168"/>
                  <a:pt x="181" y="167"/>
                </a:cubicBezTo>
                <a:cubicBezTo>
                  <a:pt x="174" y="166"/>
                  <a:pt x="165" y="165"/>
                  <a:pt x="154" y="165"/>
                </a:cubicBezTo>
                <a:cubicBezTo>
                  <a:pt x="154" y="165"/>
                  <a:pt x="153" y="165"/>
                  <a:pt x="152" y="165"/>
                </a:cubicBezTo>
                <a:cubicBezTo>
                  <a:pt x="144" y="165"/>
                  <a:pt x="135" y="169"/>
                  <a:pt x="128" y="176"/>
                </a:cubicBezTo>
                <a:cubicBezTo>
                  <a:pt x="121" y="184"/>
                  <a:pt x="116" y="194"/>
                  <a:pt x="116" y="207"/>
                </a:cubicBezTo>
                <a:cubicBezTo>
                  <a:pt x="116" y="208"/>
                  <a:pt x="116" y="210"/>
                  <a:pt x="117" y="211"/>
                </a:cubicBezTo>
                <a:cubicBezTo>
                  <a:pt x="117" y="215"/>
                  <a:pt x="118" y="218"/>
                  <a:pt x="119" y="220"/>
                </a:cubicBezTo>
                <a:cubicBezTo>
                  <a:pt x="119" y="222"/>
                  <a:pt x="120" y="223"/>
                  <a:pt x="121" y="224"/>
                </a:cubicBezTo>
                <a:cubicBezTo>
                  <a:pt x="123" y="226"/>
                  <a:pt x="126" y="227"/>
                  <a:pt x="132" y="228"/>
                </a:cubicBezTo>
                <a:cubicBezTo>
                  <a:pt x="135" y="229"/>
                  <a:pt x="140" y="229"/>
                  <a:pt x="145" y="229"/>
                </a:cubicBezTo>
                <a:cubicBezTo>
                  <a:pt x="151" y="230"/>
                  <a:pt x="159" y="230"/>
                  <a:pt x="166" y="232"/>
                </a:cubicBezTo>
                <a:cubicBezTo>
                  <a:pt x="175" y="234"/>
                  <a:pt x="181" y="239"/>
                  <a:pt x="185" y="246"/>
                </a:cubicBezTo>
                <a:cubicBezTo>
                  <a:pt x="189" y="252"/>
                  <a:pt x="192" y="259"/>
                  <a:pt x="193" y="266"/>
                </a:cubicBezTo>
                <a:cubicBezTo>
                  <a:pt x="197" y="280"/>
                  <a:pt x="198" y="296"/>
                  <a:pt x="201" y="310"/>
                </a:cubicBezTo>
                <a:cubicBezTo>
                  <a:pt x="203" y="320"/>
                  <a:pt x="206" y="329"/>
                  <a:pt x="210" y="335"/>
                </a:cubicBezTo>
                <a:cubicBezTo>
                  <a:pt x="212" y="338"/>
                  <a:pt x="213" y="339"/>
                  <a:pt x="214" y="340"/>
                </a:cubicBezTo>
                <a:cubicBezTo>
                  <a:pt x="215" y="340"/>
                  <a:pt x="216" y="340"/>
                  <a:pt x="217" y="340"/>
                </a:cubicBezTo>
                <a:cubicBezTo>
                  <a:pt x="219" y="340"/>
                  <a:pt x="222" y="340"/>
                  <a:pt x="226" y="337"/>
                </a:cubicBezTo>
                <a:cubicBezTo>
                  <a:pt x="230" y="335"/>
                  <a:pt x="234" y="332"/>
                  <a:pt x="238" y="328"/>
                </a:cubicBezTo>
                <a:cubicBezTo>
                  <a:pt x="247" y="321"/>
                  <a:pt x="255" y="311"/>
                  <a:pt x="259" y="306"/>
                </a:cubicBezTo>
                <a:cubicBezTo>
                  <a:pt x="265" y="299"/>
                  <a:pt x="265" y="295"/>
                  <a:pt x="265" y="290"/>
                </a:cubicBezTo>
                <a:cubicBezTo>
                  <a:pt x="265" y="287"/>
                  <a:pt x="265" y="283"/>
                  <a:pt x="265" y="279"/>
                </a:cubicBezTo>
                <a:cubicBezTo>
                  <a:pt x="265" y="278"/>
                  <a:pt x="265" y="278"/>
                  <a:pt x="265" y="278"/>
                </a:cubicBezTo>
                <a:cubicBezTo>
                  <a:pt x="265" y="275"/>
                  <a:pt x="265" y="274"/>
                  <a:pt x="266" y="273"/>
                </a:cubicBezTo>
                <a:cubicBezTo>
                  <a:pt x="266" y="272"/>
                  <a:pt x="267" y="270"/>
                  <a:pt x="267" y="269"/>
                </a:cubicBezTo>
                <a:cubicBezTo>
                  <a:pt x="268" y="267"/>
                  <a:pt x="269" y="264"/>
                  <a:pt x="271" y="262"/>
                </a:cubicBezTo>
                <a:cubicBezTo>
                  <a:pt x="274" y="256"/>
                  <a:pt x="278" y="250"/>
                  <a:pt x="281" y="243"/>
                </a:cubicBezTo>
                <a:cubicBezTo>
                  <a:pt x="283" y="240"/>
                  <a:pt x="285" y="237"/>
                  <a:pt x="287" y="234"/>
                </a:cubicBezTo>
                <a:cubicBezTo>
                  <a:pt x="283" y="233"/>
                  <a:pt x="283" y="233"/>
                  <a:pt x="283" y="233"/>
                </a:cubicBezTo>
                <a:cubicBezTo>
                  <a:pt x="280" y="232"/>
                  <a:pt x="277" y="230"/>
                  <a:pt x="275" y="227"/>
                </a:cubicBezTo>
                <a:cubicBezTo>
                  <a:pt x="253" y="186"/>
                  <a:pt x="253" y="186"/>
                  <a:pt x="253" y="186"/>
                </a:cubicBezTo>
                <a:cubicBezTo>
                  <a:pt x="250" y="182"/>
                  <a:pt x="251" y="176"/>
                  <a:pt x="254" y="172"/>
                </a:cubicBezTo>
                <a:cubicBezTo>
                  <a:pt x="258" y="169"/>
                  <a:pt x="263" y="168"/>
                  <a:pt x="268" y="170"/>
                </a:cubicBezTo>
                <a:cubicBezTo>
                  <a:pt x="304" y="185"/>
                  <a:pt x="304" y="185"/>
                  <a:pt x="304" y="185"/>
                </a:cubicBezTo>
                <a:cubicBezTo>
                  <a:pt x="321" y="154"/>
                  <a:pt x="321" y="154"/>
                  <a:pt x="321" y="154"/>
                </a:cubicBezTo>
                <a:cubicBezTo>
                  <a:pt x="325" y="148"/>
                  <a:pt x="332" y="147"/>
                  <a:pt x="337" y="150"/>
                </a:cubicBezTo>
                <a:cubicBezTo>
                  <a:pt x="356" y="160"/>
                  <a:pt x="356" y="160"/>
                  <a:pt x="356" y="160"/>
                </a:cubicBezTo>
                <a:cubicBezTo>
                  <a:pt x="356" y="160"/>
                  <a:pt x="357" y="160"/>
                  <a:pt x="357" y="160"/>
                </a:cubicBezTo>
                <a:cubicBezTo>
                  <a:pt x="357" y="160"/>
                  <a:pt x="357" y="160"/>
                  <a:pt x="357" y="160"/>
                </a:cubicBezTo>
                <a:cubicBezTo>
                  <a:pt x="357" y="160"/>
                  <a:pt x="358" y="160"/>
                  <a:pt x="358" y="160"/>
                </a:cubicBezTo>
                <a:cubicBezTo>
                  <a:pt x="359" y="158"/>
                  <a:pt x="360" y="155"/>
                  <a:pt x="362" y="152"/>
                </a:cubicBezTo>
                <a:cubicBezTo>
                  <a:pt x="364" y="145"/>
                  <a:pt x="365" y="136"/>
                  <a:pt x="365" y="135"/>
                </a:cubicBezTo>
                <a:cubicBezTo>
                  <a:pt x="365" y="135"/>
                  <a:pt x="365" y="135"/>
                  <a:pt x="365" y="135"/>
                </a:cubicBezTo>
                <a:cubicBezTo>
                  <a:pt x="365" y="129"/>
                  <a:pt x="369" y="125"/>
                  <a:pt x="375" y="124"/>
                </a:cubicBezTo>
                <a:cubicBezTo>
                  <a:pt x="380" y="123"/>
                  <a:pt x="386" y="126"/>
                  <a:pt x="388" y="131"/>
                </a:cubicBezTo>
                <a:cubicBezTo>
                  <a:pt x="396" y="153"/>
                  <a:pt x="400" y="176"/>
                  <a:pt x="400" y="199"/>
                </a:cubicBezTo>
                <a:cubicBezTo>
                  <a:pt x="400" y="238"/>
                  <a:pt x="388" y="277"/>
                  <a:pt x="367" y="309"/>
                </a:cubicBezTo>
                <a:cubicBezTo>
                  <a:pt x="346" y="342"/>
                  <a:pt x="316" y="369"/>
                  <a:pt x="277" y="384"/>
                </a:cubicBezTo>
                <a:cubicBezTo>
                  <a:pt x="251" y="395"/>
                  <a:pt x="226" y="399"/>
                  <a:pt x="201" y="399"/>
                </a:cubicBezTo>
                <a:close/>
                <a:moveTo>
                  <a:pt x="230" y="149"/>
                </a:moveTo>
                <a:cubicBezTo>
                  <a:pt x="229" y="148"/>
                  <a:pt x="227" y="145"/>
                  <a:pt x="225" y="143"/>
                </a:cubicBezTo>
                <a:cubicBezTo>
                  <a:pt x="221" y="138"/>
                  <a:pt x="216" y="132"/>
                  <a:pt x="211" y="129"/>
                </a:cubicBezTo>
                <a:cubicBezTo>
                  <a:pt x="208" y="126"/>
                  <a:pt x="205" y="125"/>
                  <a:pt x="205" y="125"/>
                </a:cubicBezTo>
                <a:cubicBezTo>
                  <a:pt x="199" y="123"/>
                  <a:pt x="193" y="122"/>
                  <a:pt x="188" y="122"/>
                </a:cubicBezTo>
                <a:cubicBezTo>
                  <a:pt x="187" y="122"/>
                  <a:pt x="185" y="122"/>
                  <a:pt x="185" y="123"/>
                </a:cubicBezTo>
                <a:cubicBezTo>
                  <a:pt x="184" y="123"/>
                  <a:pt x="183" y="123"/>
                  <a:pt x="183" y="123"/>
                </a:cubicBezTo>
                <a:cubicBezTo>
                  <a:pt x="183" y="123"/>
                  <a:pt x="182" y="124"/>
                  <a:pt x="180" y="125"/>
                </a:cubicBezTo>
                <a:cubicBezTo>
                  <a:pt x="179" y="126"/>
                  <a:pt x="177" y="128"/>
                  <a:pt x="175" y="129"/>
                </a:cubicBezTo>
                <a:cubicBezTo>
                  <a:pt x="171" y="133"/>
                  <a:pt x="167" y="136"/>
                  <a:pt x="161" y="139"/>
                </a:cubicBezTo>
                <a:cubicBezTo>
                  <a:pt x="159" y="140"/>
                  <a:pt x="157" y="141"/>
                  <a:pt x="155" y="141"/>
                </a:cubicBezTo>
                <a:cubicBezTo>
                  <a:pt x="167" y="141"/>
                  <a:pt x="177" y="142"/>
                  <a:pt x="185" y="144"/>
                </a:cubicBezTo>
                <a:cubicBezTo>
                  <a:pt x="194" y="146"/>
                  <a:pt x="201" y="148"/>
                  <a:pt x="206" y="150"/>
                </a:cubicBezTo>
                <a:cubicBezTo>
                  <a:pt x="206" y="150"/>
                  <a:pt x="206" y="150"/>
                  <a:pt x="206" y="150"/>
                </a:cubicBezTo>
                <a:cubicBezTo>
                  <a:pt x="207" y="150"/>
                  <a:pt x="207" y="150"/>
                  <a:pt x="207" y="150"/>
                </a:cubicBezTo>
                <a:cubicBezTo>
                  <a:pt x="208" y="150"/>
                  <a:pt x="208" y="150"/>
                  <a:pt x="209" y="151"/>
                </a:cubicBezTo>
                <a:cubicBezTo>
                  <a:pt x="211" y="151"/>
                  <a:pt x="214" y="151"/>
                  <a:pt x="216" y="151"/>
                </a:cubicBezTo>
                <a:cubicBezTo>
                  <a:pt x="221" y="151"/>
                  <a:pt x="226" y="150"/>
                  <a:pt x="230" y="149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4" name="Freeform 255"/>
          <p:cNvSpPr>
            <a:spLocks/>
          </p:cNvSpPr>
          <p:nvPr userDrawn="1"/>
        </p:nvSpPr>
        <p:spPr bwMode="auto">
          <a:xfrm>
            <a:off x="4380307" y="1105300"/>
            <a:ext cx="603250" cy="633413"/>
          </a:xfrm>
          <a:custGeom>
            <a:avLst/>
            <a:gdLst/>
            <a:ahLst/>
            <a:cxnLst>
              <a:cxn ang="0">
                <a:pos x="509" y="500"/>
              </a:cxn>
              <a:cxn ang="0">
                <a:pos x="495" y="96"/>
              </a:cxn>
              <a:cxn ang="0">
                <a:pos x="511" y="74"/>
              </a:cxn>
              <a:cxn ang="0">
                <a:pos x="511" y="29"/>
              </a:cxn>
              <a:cxn ang="0">
                <a:pos x="488" y="2"/>
              </a:cxn>
              <a:cxn ang="0">
                <a:pos x="17" y="0"/>
              </a:cxn>
              <a:cxn ang="0">
                <a:pos x="7" y="25"/>
              </a:cxn>
              <a:cxn ang="0">
                <a:pos x="7" y="25"/>
              </a:cxn>
              <a:cxn ang="0">
                <a:pos x="16" y="50"/>
              </a:cxn>
              <a:cxn ang="0">
                <a:pos x="8" y="75"/>
              </a:cxn>
              <a:cxn ang="0">
                <a:pos x="7" y="75"/>
              </a:cxn>
              <a:cxn ang="0">
                <a:pos x="15" y="102"/>
              </a:cxn>
              <a:cxn ang="0">
                <a:pos x="44" y="288"/>
              </a:cxn>
              <a:cxn ang="0">
                <a:pos x="48" y="453"/>
              </a:cxn>
              <a:cxn ang="0">
                <a:pos x="419" y="458"/>
              </a:cxn>
              <a:cxn ang="0">
                <a:pos x="433" y="439"/>
              </a:cxn>
              <a:cxn ang="0">
                <a:pos x="400" y="367"/>
              </a:cxn>
              <a:cxn ang="0">
                <a:pos x="125" y="335"/>
              </a:cxn>
              <a:cxn ang="0">
                <a:pos x="431" y="329"/>
              </a:cxn>
              <a:cxn ang="0">
                <a:pos x="413" y="257"/>
              </a:cxn>
              <a:cxn ang="0">
                <a:pos x="134" y="247"/>
              </a:cxn>
              <a:cxn ang="0">
                <a:pos x="419" y="218"/>
              </a:cxn>
              <a:cxn ang="0">
                <a:pos x="433" y="200"/>
              </a:cxn>
              <a:cxn ang="0">
                <a:pos x="403" y="131"/>
              </a:cxn>
              <a:cxn ang="0">
                <a:pos x="124" y="102"/>
              </a:cxn>
              <a:cxn ang="0">
                <a:pos x="443" y="88"/>
              </a:cxn>
              <a:cxn ang="0">
                <a:pos x="105" y="73"/>
              </a:cxn>
              <a:cxn ang="0">
                <a:pos x="91" y="91"/>
              </a:cxn>
              <a:cxn ang="0">
                <a:pos x="121" y="160"/>
              </a:cxn>
              <a:cxn ang="0">
                <a:pos x="400" y="189"/>
              </a:cxn>
              <a:cxn ang="0">
                <a:pos x="95" y="195"/>
              </a:cxn>
              <a:cxn ang="0">
                <a:pos x="109" y="266"/>
              </a:cxn>
              <a:cxn ang="0">
                <a:pos x="389" y="276"/>
              </a:cxn>
              <a:cxn ang="0">
                <a:pos x="106" y="306"/>
              </a:cxn>
              <a:cxn ang="0">
                <a:pos x="92" y="325"/>
              </a:cxn>
              <a:cxn ang="0">
                <a:pos x="123" y="396"/>
              </a:cxn>
              <a:cxn ang="0">
                <a:pos x="400" y="428"/>
              </a:cxn>
              <a:cxn ang="0">
                <a:pos x="73" y="288"/>
              </a:cxn>
              <a:cxn ang="0">
                <a:pos x="69" y="77"/>
              </a:cxn>
              <a:cxn ang="0">
                <a:pos x="42" y="73"/>
              </a:cxn>
              <a:cxn ang="0">
                <a:pos x="42" y="29"/>
              </a:cxn>
              <a:cxn ang="0">
                <a:pos x="480" y="34"/>
              </a:cxn>
              <a:cxn ang="0">
                <a:pos x="486" y="51"/>
              </a:cxn>
              <a:cxn ang="0">
                <a:pos x="478" y="72"/>
              </a:cxn>
              <a:cxn ang="0">
                <a:pos x="476" y="74"/>
              </a:cxn>
              <a:cxn ang="0">
                <a:pos x="466" y="495"/>
              </a:cxn>
              <a:cxn ang="0">
                <a:pos x="466" y="513"/>
              </a:cxn>
              <a:cxn ang="0">
                <a:pos x="434" y="500"/>
              </a:cxn>
              <a:cxn ang="0">
                <a:pos x="469" y="555"/>
              </a:cxn>
              <a:cxn ang="0">
                <a:pos x="471" y="557"/>
              </a:cxn>
              <a:cxn ang="0">
                <a:pos x="491" y="557"/>
              </a:cxn>
              <a:cxn ang="0">
                <a:pos x="493" y="555"/>
              </a:cxn>
              <a:cxn ang="0">
                <a:pos x="529" y="500"/>
              </a:cxn>
            </a:cxnLst>
            <a:rect l="0" t="0" r="r" b="b"/>
            <a:pathLst>
              <a:path w="534" h="561">
                <a:moveTo>
                  <a:pt x="529" y="500"/>
                </a:moveTo>
                <a:cubicBezTo>
                  <a:pt x="523" y="494"/>
                  <a:pt x="514" y="494"/>
                  <a:pt x="509" y="500"/>
                </a:cubicBezTo>
                <a:cubicBezTo>
                  <a:pt x="495" y="514"/>
                  <a:pt x="495" y="514"/>
                  <a:pt x="495" y="514"/>
                </a:cubicBezTo>
                <a:cubicBezTo>
                  <a:pt x="495" y="96"/>
                  <a:pt x="495" y="96"/>
                  <a:pt x="495" y="96"/>
                </a:cubicBezTo>
                <a:cubicBezTo>
                  <a:pt x="497" y="94"/>
                  <a:pt x="499" y="92"/>
                  <a:pt x="502" y="90"/>
                </a:cubicBezTo>
                <a:cubicBezTo>
                  <a:pt x="505" y="86"/>
                  <a:pt x="509" y="81"/>
                  <a:pt x="511" y="74"/>
                </a:cubicBezTo>
                <a:cubicBezTo>
                  <a:pt x="514" y="68"/>
                  <a:pt x="515" y="60"/>
                  <a:pt x="515" y="51"/>
                </a:cubicBezTo>
                <a:cubicBezTo>
                  <a:pt x="515" y="42"/>
                  <a:pt x="514" y="35"/>
                  <a:pt x="511" y="29"/>
                </a:cubicBezTo>
                <a:cubicBezTo>
                  <a:pt x="507" y="20"/>
                  <a:pt x="501" y="13"/>
                  <a:pt x="497" y="9"/>
                </a:cubicBezTo>
                <a:cubicBezTo>
                  <a:pt x="492" y="4"/>
                  <a:pt x="489" y="2"/>
                  <a:pt x="488" y="2"/>
                </a:cubicBezTo>
                <a:cubicBezTo>
                  <a:pt x="486" y="0"/>
                  <a:pt x="483" y="0"/>
                  <a:pt x="480" y="0"/>
                </a:cubicBezTo>
                <a:cubicBezTo>
                  <a:pt x="17" y="0"/>
                  <a:pt x="17" y="0"/>
                  <a:pt x="17" y="0"/>
                </a:cubicBezTo>
                <a:cubicBezTo>
                  <a:pt x="11" y="0"/>
                  <a:pt x="5" y="3"/>
                  <a:pt x="3" y="9"/>
                </a:cubicBezTo>
                <a:cubicBezTo>
                  <a:pt x="1" y="15"/>
                  <a:pt x="3" y="21"/>
                  <a:pt x="7" y="25"/>
                </a:cubicBezTo>
                <a:cubicBezTo>
                  <a:pt x="7" y="25"/>
                  <a:pt x="7" y="25"/>
                  <a:pt x="7" y="25"/>
                </a:cubicBezTo>
                <a:cubicBezTo>
                  <a:pt x="7" y="25"/>
                  <a:pt x="7" y="25"/>
                  <a:pt x="7" y="25"/>
                </a:cubicBezTo>
                <a:cubicBezTo>
                  <a:pt x="8" y="26"/>
                  <a:pt x="11" y="29"/>
                  <a:pt x="13" y="33"/>
                </a:cubicBezTo>
                <a:cubicBezTo>
                  <a:pt x="15" y="37"/>
                  <a:pt x="16" y="43"/>
                  <a:pt x="16" y="50"/>
                </a:cubicBezTo>
                <a:cubicBezTo>
                  <a:pt x="16" y="61"/>
                  <a:pt x="13" y="67"/>
                  <a:pt x="11" y="71"/>
                </a:cubicBezTo>
                <a:cubicBezTo>
                  <a:pt x="10" y="73"/>
                  <a:pt x="8" y="74"/>
                  <a:pt x="8" y="75"/>
                </a:cubicBezTo>
                <a:cubicBezTo>
                  <a:pt x="7" y="75"/>
                  <a:pt x="7" y="75"/>
                  <a:pt x="7" y="75"/>
                </a:cubicBezTo>
                <a:cubicBezTo>
                  <a:pt x="7" y="75"/>
                  <a:pt x="7" y="75"/>
                  <a:pt x="7" y="75"/>
                </a:cubicBezTo>
                <a:cubicBezTo>
                  <a:pt x="2" y="79"/>
                  <a:pt x="0" y="86"/>
                  <a:pt x="1" y="92"/>
                </a:cubicBezTo>
                <a:cubicBezTo>
                  <a:pt x="3" y="98"/>
                  <a:pt x="9" y="102"/>
                  <a:pt x="15" y="102"/>
                </a:cubicBezTo>
                <a:cubicBezTo>
                  <a:pt x="44" y="102"/>
                  <a:pt x="44" y="102"/>
                  <a:pt x="44" y="102"/>
                </a:cubicBezTo>
                <a:cubicBezTo>
                  <a:pt x="44" y="288"/>
                  <a:pt x="44" y="288"/>
                  <a:pt x="44" y="288"/>
                </a:cubicBezTo>
                <a:cubicBezTo>
                  <a:pt x="44" y="443"/>
                  <a:pt x="44" y="443"/>
                  <a:pt x="44" y="443"/>
                </a:cubicBezTo>
                <a:cubicBezTo>
                  <a:pt x="44" y="447"/>
                  <a:pt x="45" y="451"/>
                  <a:pt x="48" y="453"/>
                </a:cubicBezTo>
                <a:cubicBezTo>
                  <a:pt x="51" y="456"/>
                  <a:pt x="55" y="458"/>
                  <a:pt x="58" y="458"/>
                </a:cubicBezTo>
                <a:cubicBezTo>
                  <a:pt x="419" y="458"/>
                  <a:pt x="419" y="458"/>
                  <a:pt x="419" y="458"/>
                </a:cubicBezTo>
                <a:cubicBezTo>
                  <a:pt x="424" y="458"/>
                  <a:pt x="428" y="455"/>
                  <a:pt x="431" y="452"/>
                </a:cubicBezTo>
                <a:cubicBezTo>
                  <a:pt x="434" y="448"/>
                  <a:pt x="435" y="443"/>
                  <a:pt x="433" y="439"/>
                </a:cubicBezTo>
                <a:cubicBezTo>
                  <a:pt x="414" y="377"/>
                  <a:pt x="414" y="377"/>
                  <a:pt x="414" y="377"/>
                </a:cubicBezTo>
                <a:cubicBezTo>
                  <a:pt x="412" y="371"/>
                  <a:pt x="407" y="367"/>
                  <a:pt x="400" y="367"/>
                </a:cubicBezTo>
                <a:cubicBezTo>
                  <a:pt x="134" y="367"/>
                  <a:pt x="134" y="367"/>
                  <a:pt x="134" y="367"/>
                </a:cubicBezTo>
                <a:cubicBezTo>
                  <a:pt x="125" y="335"/>
                  <a:pt x="125" y="335"/>
                  <a:pt x="125" y="335"/>
                </a:cubicBezTo>
                <a:cubicBezTo>
                  <a:pt x="419" y="335"/>
                  <a:pt x="419" y="335"/>
                  <a:pt x="419" y="335"/>
                </a:cubicBezTo>
                <a:cubicBezTo>
                  <a:pt x="424" y="335"/>
                  <a:pt x="428" y="333"/>
                  <a:pt x="431" y="329"/>
                </a:cubicBezTo>
                <a:cubicBezTo>
                  <a:pt x="434" y="325"/>
                  <a:pt x="434" y="321"/>
                  <a:pt x="433" y="316"/>
                </a:cubicBezTo>
                <a:cubicBezTo>
                  <a:pt x="413" y="257"/>
                  <a:pt x="413" y="257"/>
                  <a:pt x="413" y="257"/>
                </a:cubicBezTo>
                <a:cubicBezTo>
                  <a:pt x="411" y="251"/>
                  <a:pt x="406" y="247"/>
                  <a:pt x="399" y="247"/>
                </a:cubicBezTo>
                <a:cubicBezTo>
                  <a:pt x="134" y="247"/>
                  <a:pt x="134" y="247"/>
                  <a:pt x="134" y="247"/>
                </a:cubicBezTo>
                <a:cubicBezTo>
                  <a:pt x="126" y="218"/>
                  <a:pt x="126" y="218"/>
                  <a:pt x="126" y="218"/>
                </a:cubicBezTo>
                <a:cubicBezTo>
                  <a:pt x="419" y="218"/>
                  <a:pt x="419" y="218"/>
                  <a:pt x="419" y="218"/>
                </a:cubicBezTo>
                <a:cubicBezTo>
                  <a:pt x="424" y="218"/>
                  <a:pt x="428" y="216"/>
                  <a:pt x="431" y="213"/>
                </a:cubicBezTo>
                <a:cubicBezTo>
                  <a:pt x="434" y="209"/>
                  <a:pt x="435" y="204"/>
                  <a:pt x="433" y="200"/>
                </a:cubicBezTo>
                <a:cubicBezTo>
                  <a:pt x="417" y="142"/>
                  <a:pt x="417" y="142"/>
                  <a:pt x="417" y="142"/>
                </a:cubicBezTo>
                <a:cubicBezTo>
                  <a:pt x="415" y="136"/>
                  <a:pt x="409" y="131"/>
                  <a:pt x="403" y="131"/>
                </a:cubicBezTo>
                <a:cubicBezTo>
                  <a:pt x="132" y="131"/>
                  <a:pt x="132" y="131"/>
                  <a:pt x="132" y="131"/>
                </a:cubicBezTo>
                <a:cubicBezTo>
                  <a:pt x="124" y="102"/>
                  <a:pt x="124" y="102"/>
                  <a:pt x="124" y="102"/>
                </a:cubicBezTo>
                <a:cubicBezTo>
                  <a:pt x="429" y="102"/>
                  <a:pt x="429" y="102"/>
                  <a:pt x="429" y="102"/>
                </a:cubicBezTo>
                <a:cubicBezTo>
                  <a:pt x="437" y="102"/>
                  <a:pt x="443" y="96"/>
                  <a:pt x="443" y="88"/>
                </a:cubicBezTo>
                <a:cubicBezTo>
                  <a:pt x="443" y="80"/>
                  <a:pt x="437" y="73"/>
                  <a:pt x="429" y="73"/>
                </a:cubicBezTo>
                <a:cubicBezTo>
                  <a:pt x="105" y="73"/>
                  <a:pt x="105" y="73"/>
                  <a:pt x="105" y="73"/>
                </a:cubicBezTo>
                <a:cubicBezTo>
                  <a:pt x="100" y="73"/>
                  <a:pt x="96" y="75"/>
                  <a:pt x="93" y="79"/>
                </a:cubicBezTo>
                <a:cubicBezTo>
                  <a:pt x="91" y="82"/>
                  <a:pt x="90" y="87"/>
                  <a:pt x="91" y="91"/>
                </a:cubicBezTo>
                <a:cubicBezTo>
                  <a:pt x="107" y="150"/>
                  <a:pt x="107" y="150"/>
                  <a:pt x="107" y="150"/>
                </a:cubicBezTo>
                <a:cubicBezTo>
                  <a:pt x="108" y="156"/>
                  <a:pt x="114" y="160"/>
                  <a:pt x="121" y="160"/>
                </a:cubicBezTo>
                <a:cubicBezTo>
                  <a:pt x="392" y="160"/>
                  <a:pt x="392" y="160"/>
                  <a:pt x="392" y="160"/>
                </a:cubicBezTo>
                <a:cubicBezTo>
                  <a:pt x="400" y="189"/>
                  <a:pt x="400" y="189"/>
                  <a:pt x="400" y="189"/>
                </a:cubicBezTo>
                <a:cubicBezTo>
                  <a:pt x="107" y="189"/>
                  <a:pt x="107" y="189"/>
                  <a:pt x="107" y="189"/>
                </a:cubicBezTo>
                <a:cubicBezTo>
                  <a:pt x="103" y="189"/>
                  <a:pt x="98" y="191"/>
                  <a:pt x="95" y="195"/>
                </a:cubicBezTo>
                <a:cubicBezTo>
                  <a:pt x="93" y="199"/>
                  <a:pt x="92" y="203"/>
                  <a:pt x="93" y="208"/>
                </a:cubicBezTo>
                <a:cubicBezTo>
                  <a:pt x="109" y="266"/>
                  <a:pt x="109" y="266"/>
                  <a:pt x="109" y="266"/>
                </a:cubicBezTo>
                <a:cubicBezTo>
                  <a:pt x="111" y="272"/>
                  <a:pt x="116" y="276"/>
                  <a:pt x="123" y="276"/>
                </a:cubicBezTo>
                <a:cubicBezTo>
                  <a:pt x="389" y="276"/>
                  <a:pt x="389" y="276"/>
                  <a:pt x="389" y="276"/>
                </a:cubicBezTo>
                <a:cubicBezTo>
                  <a:pt x="399" y="306"/>
                  <a:pt x="399" y="306"/>
                  <a:pt x="399" y="306"/>
                </a:cubicBezTo>
                <a:cubicBezTo>
                  <a:pt x="106" y="306"/>
                  <a:pt x="106" y="306"/>
                  <a:pt x="106" y="306"/>
                </a:cubicBezTo>
                <a:cubicBezTo>
                  <a:pt x="102" y="306"/>
                  <a:pt x="97" y="308"/>
                  <a:pt x="95" y="312"/>
                </a:cubicBezTo>
                <a:cubicBezTo>
                  <a:pt x="92" y="316"/>
                  <a:pt x="91" y="320"/>
                  <a:pt x="92" y="325"/>
                </a:cubicBezTo>
                <a:cubicBezTo>
                  <a:pt x="109" y="385"/>
                  <a:pt x="109" y="385"/>
                  <a:pt x="109" y="385"/>
                </a:cubicBezTo>
                <a:cubicBezTo>
                  <a:pt x="111" y="392"/>
                  <a:pt x="116" y="396"/>
                  <a:pt x="123" y="396"/>
                </a:cubicBezTo>
                <a:cubicBezTo>
                  <a:pt x="389" y="396"/>
                  <a:pt x="389" y="396"/>
                  <a:pt x="389" y="396"/>
                </a:cubicBezTo>
                <a:cubicBezTo>
                  <a:pt x="400" y="428"/>
                  <a:pt x="400" y="428"/>
                  <a:pt x="400" y="428"/>
                </a:cubicBezTo>
                <a:cubicBezTo>
                  <a:pt x="73" y="428"/>
                  <a:pt x="73" y="428"/>
                  <a:pt x="73" y="428"/>
                </a:cubicBezTo>
                <a:cubicBezTo>
                  <a:pt x="73" y="288"/>
                  <a:pt x="73" y="288"/>
                  <a:pt x="73" y="288"/>
                </a:cubicBezTo>
                <a:cubicBezTo>
                  <a:pt x="73" y="87"/>
                  <a:pt x="73" y="87"/>
                  <a:pt x="73" y="87"/>
                </a:cubicBezTo>
                <a:cubicBezTo>
                  <a:pt x="73" y="84"/>
                  <a:pt x="71" y="80"/>
                  <a:pt x="69" y="77"/>
                </a:cubicBezTo>
                <a:cubicBezTo>
                  <a:pt x="66" y="74"/>
                  <a:pt x="62" y="73"/>
                  <a:pt x="58" y="73"/>
                </a:cubicBezTo>
                <a:cubicBezTo>
                  <a:pt x="42" y="73"/>
                  <a:pt x="42" y="73"/>
                  <a:pt x="42" y="73"/>
                </a:cubicBezTo>
                <a:cubicBezTo>
                  <a:pt x="44" y="66"/>
                  <a:pt x="46" y="59"/>
                  <a:pt x="46" y="50"/>
                </a:cubicBezTo>
                <a:cubicBezTo>
                  <a:pt x="46" y="42"/>
                  <a:pt x="44" y="35"/>
                  <a:pt x="42" y="29"/>
                </a:cubicBezTo>
                <a:cubicBezTo>
                  <a:pt x="475" y="29"/>
                  <a:pt x="475" y="29"/>
                  <a:pt x="475" y="29"/>
                </a:cubicBezTo>
                <a:cubicBezTo>
                  <a:pt x="477" y="30"/>
                  <a:pt x="478" y="31"/>
                  <a:pt x="480" y="34"/>
                </a:cubicBezTo>
                <a:cubicBezTo>
                  <a:pt x="482" y="36"/>
                  <a:pt x="483" y="38"/>
                  <a:pt x="484" y="41"/>
                </a:cubicBezTo>
                <a:cubicBezTo>
                  <a:pt x="486" y="44"/>
                  <a:pt x="486" y="47"/>
                  <a:pt x="486" y="51"/>
                </a:cubicBezTo>
                <a:cubicBezTo>
                  <a:pt x="486" y="56"/>
                  <a:pt x="485" y="61"/>
                  <a:pt x="484" y="64"/>
                </a:cubicBezTo>
                <a:cubicBezTo>
                  <a:pt x="482" y="68"/>
                  <a:pt x="480" y="71"/>
                  <a:pt x="478" y="72"/>
                </a:cubicBezTo>
                <a:cubicBezTo>
                  <a:pt x="477" y="73"/>
                  <a:pt x="476" y="74"/>
                  <a:pt x="476" y="74"/>
                </a:cubicBezTo>
                <a:cubicBezTo>
                  <a:pt x="476" y="74"/>
                  <a:pt x="476" y="74"/>
                  <a:pt x="476" y="74"/>
                </a:cubicBezTo>
                <a:cubicBezTo>
                  <a:pt x="470" y="76"/>
                  <a:pt x="466" y="82"/>
                  <a:pt x="466" y="88"/>
                </a:cubicBezTo>
                <a:cubicBezTo>
                  <a:pt x="466" y="495"/>
                  <a:pt x="466" y="495"/>
                  <a:pt x="466" y="495"/>
                </a:cubicBezTo>
                <a:cubicBezTo>
                  <a:pt x="466" y="495"/>
                  <a:pt x="466" y="495"/>
                  <a:pt x="466" y="495"/>
                </a:cubicBezTo>
                <a:cubicBezTo>
                  <a:pt x="466" y="513"/>
                  <a:pt x="466" y="513"/>
                  <a:pt x="466" y="513"/>
                </a:cubicBezTo>
                <a:cubicBezTo>
                  <a:pt x="453" y="500"/>
                  <a:pt x="453" y="500"/>
                  <a:pt x="453" y="500"/>
                </a:cubicBezTo>
                <a:cubicBezTo>
                  <a:pt x="448" y="494"/>
                  <a:pt x="439" y="494"/>
                  <a:pt x="434" y="500"/>
                </a:cubicBezTo>
                <a:cubicBezTo>
                  <a:pt x="428" y="505"/>
                  <a:pt x="428" y="514"/>
                  <a:pt x="434" y="519"/>
                </a:cubicBezTo>
                <a:cubicBezTo>
                  <a:pt x="469" y="555"/>
                  <a:pt x="469" y="555"/>
                  <a:pt x="469" y="555"/>
                </a:cubicBezTo>
                <a:cubicBezTo>
                  <a:pt x="469" y="555"/>
                  <a:pt x="469" y="555"/>
                  <a:pt x="469" y="555"/>
                </a:cubicBezTo>
                <a:cubicBezTo>
                  <a:pt x="471" y="557"/>
                  <a:pt x="471" y="557"/>
                  <a:pt x="471" y="557"/>
                </a:cubicBezTo>
                <a:cubicBezTo>
                  <a:pt x="474" y="560"/>
                  <a:pt x="478" y="561"/>
                  <a:pt x="481" y="561"/>
                </a:cubicBezTo>
                <a:cubicBezTo>
                  <a:pt x="485" y="561"/>
                  <a:pt x="488" y="560"/>
                  <a:pt x="491" y="557"/>
                </a:cubicBezTo>
                <a:cubicBezTo>
                  <a:pt x="493" y="555"/>
                  <a:pt x="493" y="555"/>
                  <a:pt x="493" y="555"/>
                </a:cubicBezTo>
                <a:cubicBezTo>
                  <a:pt x="493" y="555"/>
                  <a:pt x="493" y="555"/>
                  <a:pt x="493" y="555"/>
                </a:cubicBezTo>
                <a:cubicBezTo>
                  <a:pt x="529" y="519"/>
                  <a:pt x="529" y="519"/>
                  <a:pt x="529" y="519"/>
                </a:cubicBezTo>
                <a:cubicBezTo>
                  <a:pt x="534" y="514"/>
                  <a:pt x="534" y="505"/>
                  <a:pt x="529" y="50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5" name="Freeform 312"/>
          <p:cNvSpPr>
            <a:spLocks/>
          </p:cNvSpPr>
          <p:nvPr userDrawn="1"/>
        </p:nvSpPr>
        <p:spPr bwMode="auto">
          <a:xfrm>
            <a:off x="4454126" y="4434174"/>
            <a:ext cx="455613" cy="454025"/>
          </a:xfrm>
          <a:custGeom>
            <a:avLst/>
            <a:gdLst/>
            <a:ahLst/>
            <a:cxnLst>
              <a:cxn ang="0">
                <a:pos x="398" y="125"/>
              </a:cxn>
              <a:cxn ang="0">
                <a:pos x="277" y="4"/>
              </a:cxn>
              <a:cxn ang="0">
                <a:pos x="268" y="0"/>
              </a:cxn>
              <a:cxn ang="0">
                <a:pos x="259" y="4"/>
              </a:cxn>
              <a:cxn ang="0">
                <a:pos x="171" y="92"/>
              </a:cxn>
              <a:cxn ang="0">
                <a:pos x="171" y="111"/>
              </a:cxn>
              <a:cxn ang="0">
                <a:pos x="189" y="111"/>
              </a:cxn>
              <a:cxn ang="0">
                <a:pos x="268" y="32"/>
              </a:cxn>
              <a:cxn ang="0">
                <a:pos x="370" y="134"/>
              </a:cxn>
              <a:cxn ang="0">
                <a:pos x="293" y="212"/>
              </a:cxn>
              <a:cxn ang="0">
                <a:pos x="271" y="202"/>
              </a:cxn>
              <a:cxn ang="0">
                <a:pos x="254" y="205"/>
              </a:cxn>
              <a:cxn ang="0">
                <a:pos x="253" y="207"/>
              </a:cxn>
              <a:cxn ang="0">
                <a:pos x="153" y="326"/>
              </a:cxn>
              <a:cxn ang="0">
                <a:pos x="122" y="333"/>
              </a:cxn>
              <a:cxn ang="0">
                <a:pos x="97" y="337"/>
              </a:cxn>
              <a:cxn ang="0">
                <a:pos x="82" y="341"/>
              </a:cxn>
              <a:cxn ang="0">
                <a:pos x="152" y="270"/>
              </a:cxn>
              <a:cxn ang="0">
                <a:pos x="152" y="251"/>
              </a:cxn>
              <a:cxn ang="0">
                <a:pos x="133" y="251"/>
              </a:cxn>
              <a:cxn ang="0">
                <a:pos x="62" y="323"/>
              </a:cxn>
              <a:cxn ang="0">
                <a:pos x="66" y="306"/>
              </a:cxn>
              <a:cxn ang="0">
                <a:pos x="70" y="281"/>
              </a:cxn>
              <a:cxn ang="0">
                <a:pos x="77" y="250"/>
              </a:cxn>
              <a:cxn ang="0">
                <a:pos x="197" y="151"/>
              </a:cxn>
              <a:cxn ang="0">
                <a:pos x="201" y="140"/>
              </a:cxn>
              <a:cxn ang="0">
                <a:pos x="198" y="132"/>
              </a:cxn>
              <a:cxn ang="0">
                <a:pos x="180" y="130"/>
              </a:cxn>
              <a:cxn ang="0">
                <a:pos x="59" y="230"/>
              </a:cxn>
              <a:cxn ang="0">
                <a:pos x="44" y="277"/>
              </a:cxn>
              <a:cxn ang="0">
                <a:pos x="40" y="301"/>
              </a:cxn>
              <a:cxn ang="0">
                <a:pos x="7" y="371"/>
              </a:cxn>
              <a:cxn ang="0">
                <a:pos x="6" y="372"/>
              </a:cxn>
              <a:cxn ang="0">
                <a:pos x="8" y="395"/>
              </a:cxn>
              <a:cxn ang="0">
                <a:pos x="31" y="397"/>
              </a:cxn>
              <a:cxn ang="0">
                <a:pos x="32" y="396"/>
              </a:cxn>
              <a:cxn ang="0">
                <a:pos x="102" y="363"/>
              </a:cxn>
              <a:cxn ang="0">
                <a:pos x="126" y="359"/>
              </a:cxn>
              <a:cxn ang="0">
                <a:pos x="173" y="344"/>
              </a:cxn>
              <a:cxn ang="0">
                <a:pos x="267" y="231"/>
              </a:cxn>
              <a:cxn ang="0">
                <a:pos x="310" y="232"/>
              </a:cxn>
              <a:cxn ang="0">
                <a:pos x="398" y="144"/>
              </a:cxn>
              <a:cxn ang="0">
                <a:pos x="398" y="125"/>
              </a:cxn>
            </a:cxnLst>
            <a:rect l="0" t="0" r="r" b="b"/>
            <a:pathLst>
              <a:path w="404" h="403">
                <a:moveTo>
                  <a:pt x="398" y="125"/>
                </a:moveTo>
                <a:cubicBezTo>
                  <a:pt x="277" y="4"/>
                  <a:pt x="277" y="4"/>
                  <a:pt x="277" y="4"/>
                </a:cubicBezTo>
                <a:cubicBezTo>
                  <a:pt x="275" y="1"/>
                  <a:pt x="272" y="0"/>
                  <a:pt x="268" y="0"/>
                </a:cubicBezTo>
                <a:cubicBezTo>
                  <a:pt x="264" y="0"/>
                  <a:pt x="261" y="1"/>
                  <a:pt x="259" y="4"/>
                </a:cubicBezTo>
                <a:cubicBezTo>
                  <a:pt x="171" y="92"/>
                  <a:pt x="171" y="92"/>
                  <a:pt x="171" y="92"/>
                </a:cubicBezTo>
                <a:cubicBezTo>
                  <a:pt x="165" y="97"/>
                  <a:pt x="165" y="105"/>
                  <a:pt x="171" y="111"/>
                </a:cubicBezTo>
                <a:cubicBezTo>
                  <a:pt x="176" y="116"/>
                  <a:pt x="184" y="116"/>
                  <a:pt x="189" y="111"/>
                </a:cubicBezTo>
                <a:cubicBezTo>
                  <a:pt x="189" y="111"/>
                  <a:pt x="253" y="47"/>
                  <a:pt x="268" y="32"/>
                </a:cubicBezTo>
                <a:cubicBezTo>
                  <a:pt x="283" y="47"/>
                  <a:pt x="355" y="120"/>
                  <a:pt x="370" y="134"/>
                </a:cubicBezTo>
                <a:cubicBezTo>
                  <a:pt x="355" y="149"/>
                  <a:pt x="295" y="209"/>
                  <a:pt x="293" y="212"/>
                </a:cubicBezTo>
                <a:cubicBezTo>
                  <a:pt x="290" y="211"/>
                  <a:pt x="283" y="210"/>
                  <a:pt x="271" y="202"/>
                </a:cubicBezTo>
                <a:cubicBezTo>
                  <a:pt x="265" y="199"/>
                  <a:pt x="258" y="200"/>
                  <a:pt x="254" y="205"/>
                </a:cubicBezTo>
                <a:cubicBezTo>
                  <a:pt x="253" y="207"/>
                  <a:pt x="253" y="207"/>
                  <a:pt x="253" y="207"/>
                </a:cubicBezTo>
                <a:cubicBezTo>
                  <a:pt x="220" y="246"/>
                  <a:pt x="159" y="320"/>
                  <a:pt x="153" y="326"/>
                </a:cubicBezTo>
                <a:cubicBezTo>
                  <a:pt x="151" y="328"/>
                  <a:pt x="137" y="330"/>
                  <a:pt x="122" y="333"/>
                </a:cubicBezTo>
                <a:cubicBezTo>
                  <a:pt x="97" y="337"/>
                  <a:pt x="97" y="337"/>
                  <a:pt x="97" y="337"/>
                </a:cubicBezTo>
                <a:cubicBezTo>
                  <a:pt x="92" y="338"/>
                  <a:pt x="87" y="339"/>
                  <a:pt x="82" y="341"/>
                </a:cubicBezTo>
                <a:cubicBezTo>
                  <a:pt x="152" y="270"/>
                  <a:pt x="152" y="270"/>
                  <a:pt x="152" y="270"/>
                </a:cubicBezTo>
                <a:cubicBezTo>
                  <a:pt x="157" y="265"/>
                  <a:pt x="157" y="257"/>
                  <a:pt x="152" y="251"/>
                </a:cubicBezTo>
                <a:cubicBezTo>
                  <a:pt x="147" y="246"/>
                  <a:pt x="139" y="246"/>
                  <a:pt x="133" y="251"/>
                </a:cubicBezTo>
                <a:cubicBezTo>
                  <a:pt x="62" y="323"/>
                  <a:pt x="62" y="323"/>
                  <a:pt x="62" y="323"/>
                </a:cubicBezTo>
                <a:cubicBezTo>
                  <a:pt x="64" y="317"/>
                  <a:pt x="65" y="312"/>
                  <a:pt x="66" y="306"/>
                </a:cubicBezTo>
                <a:cubicBezTo>
                  <a:pt x="70" y="281"/>
                  <a:pt x="70" y="281"/>
                  <a:pt x="70" y="281"/>
                </a:cubicBezTo>
                <a:cubicBezTo>
                  <a:pt x="73" y="266"/>
                  <a:pt x="75" y="253"/>
                  <a:pt x="77" y="250"/>
                </a:cubicBezTo>
                <a:cubicBezTo>
                  <a:pt x="83" y="245"/>
                  <a:pt x="158" y="183"/>
                  <a:pt x="197" y="151"/>
                </a:cubicBezTo>
                <a:cubicBezTo>
                  <a:pt x="200" y="148"/>
                  <a:pt x="201" y="144"/>
                  <a:pt x="201" y="140"/>
                </a:cubicBezTo>
                <a:cubicBezTo>
                  <a:pt x="201" y="137"/>
                  <a:pt x="200" y="134"/>
                  <a:pt x="198" y="132"/>
                </a:cubicBezTo>
                <a:cubicBezTo>
                  <a:pt x="194" y="126"/>
                  <a:pt x="185" y="125"/>
                  <a:pt x="180" y="130"/>
                </a:cubicBezTo>
                <a:cubicBezTo>
                  <a:pt x="175" y="134"/>
                  <a:pt x="66" y="224"/>
                  <a:pt x="59" y="230"/>
                </a:cubicBezTo>
                <a:cubicBezTo>
                  <a:pt x="50" y="238"/>
                  <a:pt x="49" y="248"/>
                  <a:pt x="44" y="277"/>
                </a:cubicBezTo>
                <a:cubicBezTo>
                  <a:pt x="40" y="301"/>
                  <a:pt x="40" y="301"/>
                  <a:pt x="40" y="301"/>
                </a:cubicBezTo>
                <a:cubicBezTo>
                  <a:pt x="33" y="341"/>
                  <a:pt x="7" y="371"/>
                  <a:pt x="7" y="371"/>
                </a:cubicBezTo>
                <a:cubicBezTo>
                  <a:pt x="6" y="371"/>
                  <a:pt x="6" y="372"/>
                  <a:pt x="6" y="372"/>
                </a:cubicBezTo>
                <a:cubicBezTo>
                  <a:pt x="2" y="378"/>
                  <a:pt x="0" y="388"/>
                  <a:pt x="8" y="395"/>
                </a:cubicBezTo>
                <a:cubicBezTo>
                  <a:pt x="15" y="403"/>
                  <a:pt x="25" y="402"/>
                  <a:pt x="31" y="397"/>
                </a:cubicBezTo>
                <a:cubicBezTo>
                  <a:pt x="31" y="397"/>
                  <a:pt x="32" y="397"/>
                  <a:pt x="32" y="396"/>
                </a:cubicBezTo>
                <a:cubicBezTo>
                  <a:pt x="33" y="396"/>
                  <a:pt x="63" y="370"/>
                  <a:pt x="102" y="363"/>
                </a:cubicBezTo>
                <a:cubicBezTo>
                  <a:pt x="102" y="363"/>
                  <a:pt x="126" y="359"/>
                  <a:pt x="126" y="359"/>
                </a:cubicBezTo>
                <a:cubicBezTo>
                  <a:pt x="155" y="354"/>
                  <a:pt x="166" y="353"/>
                  <a:pt x="173" y="344"/>
                </a:cubicBezTo>
                <a:cubicBezTo>
                  <a:pt x="178" y="338"/>
                  <a:pt x="246" y="256"/>
                  <a:pt x="267" y="231"/>
                </a:cubicBezTo>
                <a:cubicBezTo>
                  <a:pt x="287" y="240"/>
                  <a:pt x="301" y="241"/>
                  <a:pt x="310" y="232"/>
                </a:cubicBezTo>
                <a:cubicBezTo>
                  <a:pt x="398" y="144"/>
                  <a:pt x="398" y="144"/>
                  <a:pt x="398" y="144"/>
                </a:cubicBezTo>
                <a:cubicBezTo>
                  <a:pt x="404" y="138"/>
                  <a:pt x="404" y="130"/>
                  <a:pt x="398" y="12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6" name="Freeform 333"/>
          <p:cNvSpPr>
            <a:spLocks/>
          </p:cNvSpPr>
          <p:nvPr userDrawn="1"/>
        </p:nvSpPr>
        <p:spPr bwMode="auto">
          <a:xfrm>
            <a:off x="4447776" y="3013183"/>
            <a:ext cx="468313" cy="469900"/>
          </a:xfrm>
          <a:custGeom>
            <a:avLst/>
            <a:gdLst/>
            <a:ahLst/>
            <a:cxnLst>
              <a:cxn ang="0">
                <a:pos x="264" y="362"/>
              </a:cxn>
              <a:cxn ang="0">
                <a:pos x="166" y="362"/>
              </a:cxn>
              <a:cxn ang="0">
                <a:pos x="166" y="416"/>
              </a:cxn>
              <a:cxn ang="0">
                <a:pos x="415" y="416"/>
              </a:cxn>
              <a:cxn ang="0">
                <a:pos x="414" y="362"/>
              </a:cxn>
              <a:cxn ang="0">
                <a:pos x="318" y="362"/>
              </a:cxn>
              <a:cxn ang="0">
                <a:pos x="393" y="228"/>
              </a:cxn>
              <a:cxn ang="0">
                <a:pos x="282" y="66"/>
              </a:cxn>
              <a:cxn ang="0">
                <a:pos x="204" y="95"/>
              </a:cxn>
              <a:cxn ang="0">
                <a:pos x="184" y="67"/>
              </a:cxn>
              <a:cxn ang="0">
                <a:pos x="203" y="27"/>
              </a:cxn>
              <a:cxn ang="0">
                <a:pos x="149" y="0"/>
              </a:cxn>
              <a:cxn ang="0">
                <a:pos x="124" y="44"/>
              </a:cxn>
              <a:cxn ang="0">
                <a:pos x="1" y="123"/>
              </a:cxn>
              <a:cxn ang="0">
                <a:pos x="0" y="157"/>
              </a:cxn>
              <a:cxn ang="0">
                <a:pos x="199" y="228"/>
              </a:cxn>
              <a:cxn ang="0">
                <a:pos x="217" y="198"/>
              </a:cxn>
              <a:cxn ang="0">
                <a:pos x="215" y="135"/>
              </a:cxn>
            </a:cxnLst>
            <a:rect l="0" t="0" r="r" b="b"/>
            <a:pathLst>
              <a:path w="415" h="416">
                <a:moveTo>
                  <a:pt x="264" y="362"/>
                </a:moveTo>
                <a:cubicBezTo>
                  <a:pt x="166" y="362"/>
                  <a:pt x="166" y="362"/>
                  <a:pt x="166" y="362"/>
                </a:cubicBezTo>
                <a:cubicBezTo>
                  <a:pt x="166" y="416"/>
                  <a:pt x="166" y="416"/>
                  <a:pt x="166" y="416"/>
                </a:cubicBezTo>
                <a:cubicBezTo>
                  <a:pt x="415" y="416"/>
                  <a:pt x="415" y="416"/>
                  <a:pt x="415" y="416"/>
                </a:cubicBezTo>
                <a:cubicBezTo>
                  <a:pt x="414" y="362"/>
                  <a:pt x="414" y="362"/>
                  <a:pt x="414" y="362"/>
                </a:cubicBezTo>
                <a:cubicBezTo>
                  <a:pt x="318" y="362"/>
                  <a:pt x="318" y="362"/>
                  <a:pt x="318" y="362"/>
                </a:cubicBezTo>
                <a:cubicBezTo>
                  <a:pt x="393" y="228"/>
                  <a:pt x="393" y="228"/>
                  <a:pt x="393" y="228"/>
                </a:cubicBezTo>
                <a:cubicBezTo>
                  <a:pt x="282" y="66"/>
                  <a:pt x="282" y="66"/>
                  <a:pt x="282" y="66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204" y="95"/>
                  <a:pt x="196" y="81"/>
                  <a:pt x="184" y="67"/>
                </a:cubicBezTo>
                <a:cubicBezTo>
                  <a:pt x="183" y="67"/>
                  <a:pt x="203" y="27"/>
                  <a:pt x="203" y="27"/>
                </a:cubicBezTo>
                <a:cubicBezTo>
                  <a:pt x="149" y="0"/>
                  <a:pt x="149" y="0"/>
                  <a:pt x="149" y="0"/>
                </a:cubicBezTo>
                <a:cubicBezTo>
                  <a:pt x="137" y="18"/>
                  <a:pt x="142" y="15"/>
                  <a:pt x="124" y="44"/>
                </a:cubicBezTo>
                <a:cubicBezTo>
                  <a:pt x="19" y="46"/>
                  <a:pt x="1" y="123"/>
                  <a:pt x="1" y="123"/>
                </a:cubicBezTo>
                <a:cubicBezTo>
                  <a:pt x="0" y="157"/>
                  <a:pt x="0" y="157"/>
                  <a:pt x="0" y="157"/>
                </a:cubicBezTo>
                <a:cubicBezTo>
                  <a:pt x="199" y="228"/>
                  <a:pt x="199" y="228"/>
                  <a:pt x="199" y="228"/>
                </a:cubicBezTo>
                <a:cubicBezTo>
                  <a:pt x="217" y="198"/>
                  <a:pt x="217" y="198"/>
                  <a:pt x="217" y="198"/>
                </a:cubicBezTo>
                <a:cubicBezTo>
                  <a:pt x="217" y="198"/>
                  <a:pt x="229" y="162"/>
                  <a:pt x="215" y="135"/>
                </a:cubicBezTo>
              </a:path>
            </a:pathLst>
          </a:custGeom>
          <a:noFill/>
          <a:ln w="28575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Freeform 361"/>
          <p:cNvSpPr>
            <a:spLocks noEditPoints="1"/>
          </p:cNvSpPr>
          <p:nvPr userDrawn="1"/>
        </p:nvSpPr>
        <p:spPr bwMode="auto">
          <a:xfrm>
            <a:off x="4581126" y="1746155"/>
            <a:ext cx="201613" cy="515937"/>
          </a:xfrm>
          <a:custGeom>
            <a:avLst/>
            <a:gdLst/>
            <a:ahLst/>
            <a:cxnLst>
              <a:cxn ang="0">
                <a:pos x="67" y="6"/>
              </a:cxn>
              <a:cxn ang="0">
                <a:pos x="54" y="26"/>
              </a:cxn>
              <a:cxn ang="0">
                <a:pos x="67" y="40"/>
              </a:cxn>
              <a:cxn ang="0">
                <a:pos x="80" y="29"/>
              </a:cxn>
              <a:cxn ang="0">
                <a:pos x="90" y="27"/>
              </a:cxn>
              <a:cxn ang="0">
                <a:pos x="99" y="29"/>
              </a:cxn>
              <a:cxn ang="0">
                <a:pos x="99" y="71"/>
              </a:cxn>
              <a:cxn ang="0">
                <a:pos x="109" y="84"/>
              </a:cxn>
              <a:cxn ang="0">
                <a:pos x="152" y="127"/>
              </a:cxn>
              <a:cxn ang="0">
                <a:pos x="152" y="407"/>
              </a:cxn>
              <a:cxn ang="0">
                <a:pos x="136" y="424"/>
              </a:cxn>
              <a:cxn ang="0">
                <a:pos x="90" y="432"/>
              </a:cxn>
              <a:cxn ang="0">
                <a:pos x="43" y="424"/>
              </a:cxn>
              <a:cxn ang="0">
                <a:pos x="28" y="407"/>
              </a:cxn>
              <a:cxn ang="0">
                <a:pos x="27" y="127"/>
              </a:cxn>
              <a:cxn ang="0">
                <a:pos x="70" y="85"/>
              </a:cxn>
              <a:cxn ang="0">
                <a:pos x="80" y="69"/>
              </a:cxn>
              <a:cxn ang="0">
                <a:pos x="64" y="59"/>
              </a:cxn>
              <a:cxn ang="0">
                <a:pos x="0" y="127"/>
              </a:cxn>
              <a:cxn ang="0">
                <a:pos x="1" y="407"/>
              </a:cxn>
              <a:cxn ang="0">
                <a:pos x="90" y="459"/>
              </a:cxn>
              <a:cxn ang="0">
                <a:pos x="147" y="448"/>
              </a:cxn>
              <a:cxn ang="0">
                <a:pos x="178" y="407"/>
              </a:cxn>
              <a:cxn ang="0">
                <a:pos x="178" y="127"/>
              </a:cxn>
              <a:cxn ang="0">
                <a:pos x="126" y="61"/>
              </a:cxn>
              <a:cxn ang="0">
                <a:pos x="126" y="26"/>
              </a:cxn>
              <a:cxn ang="0">
                <a:pos x="90" y="0"/>
              </a:cxn>
              <a:cxn ang="0">
                <a:pos x="67" y="6"/>
              </a:cxn>
              <a:cxn ang="0">
                <a:pos x="80" y="26"/>
              </a:cxn>
              <a:cxn ang="0">
                <a:pos x="80" y="28"/>
              </a:cxn>
              <a:cxn ang="0">
                <a:pos x="80" y="26"/>
              </a:cxn>
            </a:cxnLst>
            <a:rect l="0" t="0" r="r" b="b"/>
            <a:pathLst>
              <a:path w="178" h="459">
                <a:moveTo>
                  <a:pt x="67" y="6"/>
                </a:moveTo>
                <a:cubicBezTo>
                  <a:pt x="59" y="11"/>
                  <a:pt x="54" y="18"/>
                  <a:pt x="54" y="26"/>
                </a:cubicBezTo>
                <a:cubicBezTo>
                  <a:pt x="54" y="34"/>
                  <a:pt x="60" y="40"/>
                  <a:pt x="67" y="40"/>
                </a:cubicBezTo>
                <a:cubicBezTo>
                  <a:pt x="74" y="40"/>
                  <a:pt x="79" y="35"/>
                  <a:pt x="80" y="29"/>
                </a:cubicBezTo>
                <a:cubicBezTo>
                  <a:pt x="81" y="28"/>
                  <a:pt x="85" y="27"/>
                  <a:pt x="90" y="27"/>
                </a:cubicBezTo>
                <a:cubicBezTo>
                  <a:pt x="94" y="27"/>
                  <a:pt x="98" y="28"/>
                  <a:pt x="99" y="29"/>
                </a:cubicBezTo>
                <a:cubicBezTo>
                  <a:pt x="99" y="33"/>
                  <a:pt x="99" y="71"/>
                  <a:pt x="99" y="71"/>
                </a:cubicBezTo>
                <a:cubicBezTo>
                  <a:pt x="99" y="77"/>
                  <a:pt x="103" y="82"/>
                  <a:pt x="109" y="84"/>
                </a:cubicBezTo>
                <a:cubicBezTo>
                  <a:pt x="111" y="84"/>
                  <a:pt x="152" y="95"/>
                  <a:pt x="152" y="127"/>
                </a:cubicBezTo>
                <a:cubicBezTo>
                  <a:pt x="152" y="407"/>
                  <a:pt x="152" y="407"/>
                  <a:pt x="152" y="407"/>
                </a:cubicBezTo>
                <a:cubicBezTo>
                  <a:pt x="152" y="409"/>
                  <a:pt x="152" y="417"/>
                  <a:pt x="136" y="424"/>
                </a:cubicBezTo>
                <a:cubicBezTo>
                  <a:pt x="125" y="429"/>
                  <a:pt x="108" y="432"/>
                  <a:pt x="90" y="432"/>
                </a:cubicBezTo>
                <a:cubicBezTo>
                  <a:pt x="71" y="432"/>
                  <a:pt x="55" y="429"/>
                  <a:pt x="43" y="424"/>
                </a:cubicBezTo>
                <a:cubicBezTo>
                  <a:pt x="28" y="417"/>
                  <a:pt x="28" y="409"/>
                  <a:pt x="28" y="407"/>
                </a:cubicBezTo>
                <a:cubicBezTo>
                  <a:pt x="27" y="127"/>
                  <a:pt x="27" y="127"/>
                  <a:pt x="27" y="127"/>
                </a:cubicBezTo>
                <a:cubicBezTo>
                  <a:pt x="27" y="95"/>
                  <a:pt x="68" y="85"/>
                  <a:pt x="70" y="85"/>
                </a:cubicBezTo>
                <a:cubicBezTo>
                  <a:pt x="77" y="83"/>
                  <a:pt x="82" y="76"/>
                  <a:pt x="80" y="69"/>
                </a:cubicBezTo>
                <a:cubicBezTo>
                  <a:pt x="79" y="62"/>
                  <a:pt x="72" y="57"/>
                  <a:pt x="64" y="59"/>
                </a:cubicBezTo>
                <a:cubicBezTo>
                  <a:pt x="62" y="59"/>
                  <a:pt x="0" y="73"/>
                  <a:pt x="0" y="127"/>
                </a:cubicBezTo>
                <a:cubicBezTo>
                  <a:pt x="1" y="407"/>
                  <a:pt x="1" y="407"/>
                  <a:pt x="1" y="407"/>
                </a:cubicBezTo>
                <a:cubicBezTo>
                  <a:pt x="1" y="439"/>
                  <a:pt x="35" y="459"/>
                  <a:pt x="90" y="459"/>
                </a:cubicBezTo>
                <a:cubicBezTo>
                  <a:pt x="106" y="459"/>
                  <a:pt x="128" y="457"/>
                  <a:pt x="147" y="448"/>
                </a:cubicBezTo>
                <a:cubicBezTo>
                  <a:pt x="167" y="439"/>
                  <a:pt x="178" y="424"/>
                  <a:pt x="178" y="407"/>
                </a:cubicBezTo>
                <a:cubicBezTo>
                  <a:pt x="178" y="127"/>
                  <a:pt x="178" y="127"/>
                  <a:pt x="178" y="127"/>
                </a:cubicBezTo>
                <a:cubicBezTo>
                  <a:pt x="178" y="86"/>
                  <a:pt x="143" y="68"/>
                  <a:pt x="126" y="61"/>
                </a:cubicBezTo>
                <a:cubicBezTo>
                  <a:pt x="126" y="49"/>
                  <a:pt x="126" y="26"/>
                  <a:pt x="126" y="26"/>
                </a:cubicBezTo>
                <a:cubicBezTo>
                  <a:pt x="126" y="11"/>
                  <a:pt x="110" y="0"/>
                  <a:pt x="90" y="0"/>
                </a:cubicBezTo>
                <a:cubicBezTo>
                  <a:pt x="81" y="0"/>
                  <a:pt x="73" y="2"/>
                  <a:pt x="67" y="6"/>
                </a:cubicBezTo>
                <a:close/>
                <a:moveTo>
                  <a:pt x="80" y="26"/>
                </a:moveTo>
                <a:cubicBezTo>
                  <a:pt x="80" y="27"/>
                  <a:pt x="80" y="27"/>
                  <a:pt x="80" y="28"/>
                </a:cubicBezTo>
                <a:cubicBezTo>
                  <a:pt x="80" y="27"/>
                  <a:pt x="80" y="27"/>
                  <a:pt x="80" y="2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8" name="Freeform 377"/>
          <p:cNvSpPr>
            <a:spLocks/>
          </p:cNvSpPr>
          <p:nvPr userDrawn="1"/>
        </p:nvSpPr>
        <p:spPr bwMode="auto">
          <a:xfrm>
            <a:off x="4475557" y="2382261"/>
            <a:ext cx="412750" cy="519113"/>
          </a:xfrm>
          <a:custGeom>
            <a:avLst/>
            <a:gdLst/>
            <a:ahLst/>
            <a:cxnLst>
              <a:cxn ang="0">
                <a:pos x="130" y="44"/>
              </a:cxn>
              <a:cxn ang="0">
                <a:pos x="121" y="98"/>
              </a:cxn>
              <a:cxn ang="0">
                <a:pos x="5" y="103"/>
              </a:cxn>
              <a:cxn ang="0">
                <a:pos x="0" y="124"/>
              </a:cxn>
              <a:cxn ang="0">
                <a:pos x="67" y="204"/>
              </a:cxn>
              <a:cxn ang="0">
                <a:pos x="21" y="282"/>
              </a:cxn>
              <a:cxn ang="0">
                <a:pos x="38" y="323"/>
              </a:cxn>
              <a:cxn ang="0">
                <a:pos x="181" y="242"/>
              </a:cxn>
              <a:cxn ang="0">
                <a:pos x="172" y="225"/>
              </a:cxn>
              <a:cxn ang="0">
                <a:pos x="179" y="178"/>
              </a:cxn>
              <a:cxn ang="0">
                <a:pos x="203" y="202"/>
              </a:cxn>
              <a:cxn ang="0">
                <a:pos x="186" y="241"/>
              </a:cxn>
              <a:cxn ang="0">
                <a:pos x="230" y="202"/>
              </a:cxn>
              <a:cxn ang="0">
                <a:pos x="144" y="166"/>
              </a:cxn>
              <a:cxn ang="0">
                <a:pos x="151" y="244"/>
              </a:cxn>
              <a:cxn ang="0">
                <a:pos x="47" y="282"/>
              </a:cxn>
              <a:cxn ang="0">
                <a:pos x="108" y="215"/>
              </a:cxn>
              <a:cxn ang="0">
                <a:pos x="119" y="201"/>
              </a:cxn>
              <a:cxn ang="0">
                <a:pos x="34" y="145"/>
              </a:cxn>
              <a:cxn ang="0">
                <a:pos x="28" y="118"/>
              </a:cxn>
              <a:cxn ang="0">
                <a:pos x="131" y="140"/>
              </a:cxn>
              <a:cxn ang="0">
                <a:pos x="156" y="133"/>
              </a:cxn>
              <a:cxn ang="0">
                <a:pos x="147" y="92"/>
              </a:cxn>
              <a:cxn ang="0">
                <a:pos x="184" y="28"/>
              </a:cxn>
              <a:cxn ang="0">
                <a:pos x="217" y="88"/>
              </a:cxn>
              <a:cxn ang="0">
                <a:pos x="208" y="138"/>
              </a:cxn>
              <a:cxn ang="0">
                <a:pos x="229" y="149"/>
              </a:cxn>
              <a:cxn ang="0">
                <a:pos x="255" y="203"/>
              </a:cxn>
              <a:cxn ang="0">
                <a:pos x="243" y="217"/>
              </a:cxn>
              <a:cxn ang="0">
                <a:pos x="305" y="302"/>
              </a:cxn>
              <a:cxn ang="0">
                <a:pos x="205" y="264"/>
              </a:cxn>
              <a:cxn ang="0">
                <a:pos x="184" y="261"/>
              </a:cxn>
              <a:cxn ang="0">
                <a:pos x="164" y="340"/>
              </a:cxn>
              <a:cxn ang="0">
                <a:pos x="81" y="368"/>
              </a:cxn>
              <a:cxn ang="0">
                <a:pos x="200" y="414"/>
              </a:cxn>
              <a:cxn ang="0">
                <a:pos x="227" y="460"/>
              </a:cxn>
              <a:cxn ang="0">
                <a:pos x="217" y="391"/>
              </a:cxn>
              <a:cxn ang="0">
                <a:pos x="116" y="370"/>
              </a:cxn>
              <a:cxn ang="0">
                <a:pos x="197" y="368"/>
              </a:cxn>
              <a:cxn ang="0">
                <a:pos x="198" y="352"/>
              </a:cxn>
              <a:cxn ang="0">
                <a:pos x="193" y="295"/>
              </a:cxn>
              <a:cxn ang="0">
                <a:pos x="330" y="326"/>
              </a:cxn>
              <a:cxn ang="0">
                <a:pos x="319" y="250"/>
              </a:cxn>
              <a:cxn ang="0">
                <a:pos x="331" y="202"/>
              </a:cxn>
              <a:cxn ang="0">
                <a:pos x="361" y="121"/>
              </a:cxn>
              <a:cxn ang="0">
                <a:pos x="244" y="88"/>
              </a:cxn>
              <a:cxn ang="0">
                <a:pos x="187" y="1"/>
              </a:cxn>
            </a:cxnLst>
            <a:rect l="0" t="0" r="r" b="b"/>
            <a:pathLst>
              <a:path w="366" h="461">
                <a:moveTo>
                  <a:pt x="180" y="1"/>
                </a:moveTo>
                <a:cubicBezTo>
                  <a:pt x="157" y="7"/>
                  <a:pt x="140" y="22"/>
                  <a:pt x="130" y="44"/>
                </a:cubicBezTo>
                <a:cubicBezTo>
                  <a:pt x="123" y="59"/>
                  <a:pt x="121" y="76"/>
                  <a:pt x="121" y="91"/>
                </a:cubicBezTo>
                <a:cubicBezTo>
                  <a:pt x="121" y="94"/>
                  <a:pt x="121" y="96"/>
                  <a:pt x="121" y="98"/>
                </a:cubicBezTo>
                <a:cubicBezTo>
                  <a:pt x="106" y="89"/>
                  <a:pt x="87" y="84"/>
                  <a:pt x="70" y="82"/>
                </a:cubicBezTo>
                <a:cubicBezTo>
                  <a:pt x="43" y="79"/>
                  <a:pt x="20" y="87"/>
                  <a:pt x="5" y="103"/>
                </a:cubicBezTo>
                <a:cubicBezTo>
                  <a:pt x="4" y="104"/>
                  <a:pt x="3" y="106"/>
                  <a:pt x="3" y="108"/>
                </a:cubicBezTo>
                <a:cubicBezTo>
                  <a:pt x="1" y="113"/>
                  <a:pt x="0" y="119"/>
                  <a:pt x="0" y="124"/>
                </a:cubicBezTo>
                <a:cubicBezTo>
                  <a:pt x="0" y="136"/>
                  <a:pt x="4" y="148"/>
                  <a:pt x="12" y="160"/>
                </a:cubicBezTo>
                <a:cubicBezTo>
                  <a:pt x="24" y="179"/>
                  <a:pt x="46" y="194"/>
                  <a:pt x="67" y="204"/>
                </a:cubicBezTo>
                <a:cubicBezTo>
                  <a:pt x="51" y="214"/>
                  <a:pt x="38" y="229"/>
                  <a:pt x="30" y="245"/>
                </a:cubicBezTo>
                <a:cubicBezTo>
                  <a:pt x="24" y="257"/>
                  <a:pt x="21" y="270"/>
                  <a:pt x="21" y="282"/>
                </a:cubicBezTo>
                <a:cubicBezTo>
                  <a:pt x="21" y="294"/>
                  <a:pt x="24" y="306"/>
                  <a:pt x="30" y="317"/>
                </a:cubicBezTo>
                <a:cubicBezTo>
                  <a:pt x="31" y="320"/>
                  <a:pt x="34" y="322"/>
                  <a:pt x="38" y="323"/>
                </a:cubicBezTo>
                <a:cubicBezTo>
                  <a:pt x="71" y="333"/>
                  <a:pt x="103" y="329"/>
                  <a:pt x="131" y="309"/>
                </a:cubicBezTo>
                <a:cubicBezTo>
                  <a:pt x="154" y="293"/>
                  <a:pt x="172" y="269"/>
                  <a:pt x="181" y="242"/>
                </a:cubicBezTo>
                <a:cubicBezTo>
                  <a:pt x="182" y="238"/>
                  <a:pt x="182" y="235"/>
                  <a:pt x="180" y="231"/>
                </a:cubicBezTo>
                <a:cubicBezTo>
                  <a:pt x="179" y="228"/>
                  <a:pt x="176" y="226"/>
                  <a:pt x="172" y="225"/>
                </a:cubicBezTo>
                <a:cubicBezTo>
                  <a:pt x="162" y="222"/>
                  <a:pt x="156" y="213"/>
                  <a:pt x="156" y="202"/>
                </a:cubicBezTo>
                <a:cubicBezTo>
                  <a:pt x="156" y="189"/>
                  <a:pt x="166" y="178"/>
                  <a:pt x="179" y="178"/>
                </a:cubicBezTo>
                <a:cubicBezTo>
                  <a:pt x="186" y="178"/>
                  <a:pt x="192" y="181"/>
                  <a:pt x="196" y="185"/>
                </a:cubicBezTo>
                <a:cubicBezTo>
                  <a:pt x="201" y="190"/>
                  <a:pt x="203" y="196"/>
                  <a:pt x="203" y="202"/>
                </a:cubicBezTo>
                <a:cubicBezTo>
                  <a:pt x="203" y="211"/>
                  <a:pt x="198" y="218"/>
                  <a:pt x="191" y="223"/>
                </a:cubicBezTo>
                <a:cubicBezTo>
                  <a:pt x="185" y="226"/>
                  <a:pt x="182" y="234"/>
                  <a:pt x="186" y="241"/>
                </a:cubicBezTo>
                <a:cubicBezTo>
                  <a:pt x="190" y="247"/>
                  <a:pt x="198" y="250"/>
                  <a:pt x="204" y="246"/>
                </a:cubicBezTo>
                <a:cubicBezTo>
                  <a:pt x="220" y="237"/>
                  <a:pt x="230" y="220"/>
                  <a:pt x="230" y="202"/>
                </a:cubicBezTo>
                <a:cubicBezTo>
                  <a:pt x="230" y="174"/>
                  <a:pt x="207" y="152"/>
                  <a:pt x="179" y="152"/>
                </a:cubicBezTo>
                <a:cubicBezTo>
                  <a:pt x="166" y="152"/>
                  <a:pt x="153" y="157"/>
                  <a:pt x="144" y="166"/>
                </a:cubicBezTo>
                <a:cubicBezTo>
                  <a:pt x="134" y="176"/>
                  <a:pt x="129" y="189"/>
                  <a:pt x="129" y="202"/>
                </a:cubicBezTo>
                <a:cubicBezTo>
                  <a:pt x="129" y="219"/>
                  <a:pt x="138" y="235"/>
                  <a:pt x="151" y="244"/>
                </a:cubicBezTo>
                <a:cubicBezTo>
                  <a:pt x="136" y="276"/>
                  <a:pt x="101" y="311"/>
                  <a:pt x="51" y="299"/>
                </a:cubicBezTo>
                <a:cubicBezTo>
                  <a:pt x="48" y="293"/>
                  <a:pt x="47" y="287"/>
                  <a:pt x="47" y="282"/>
                </a:cubicBezTo>
                <a:cubicBezTo>
                  <a:pt x="47" y="272"/>
                  <a:pt x="50" y="264"/>
                  <a:pt x="53" y="257"/>
                </a:cubicBezTo>
                <a:cubicBezTo>
                  <a:pt x="66" y="233"/>
                  <a:pt x="91" y="217"/>
                  <a:pt x="108" y="215"/>
                </a:cubicBezTo>
                <a:cubicBezTo>
                  <a:pt x="115" y="214"/>
                  <a:pt x="119" y="208"/>
                  <a:pt x="119" y="202"/>
                </a:cubicBezTo>
                <a:cubicBezTo>
                  <a:pt x="119" y="202"/>
                  <a:pt x="119" y="202"/>
                  <a:pt x="119" y="201"/>
                </a:cubicBezTo>
                <a:cubicBezTo>
                  <a:pt x="119" y="195"/>
                  <a:pt x="114" y="189"/>
                  <a:pt x="108" y="188"/>
                </a:cubicBezTo>
                <a:cubicBezTo>
                  <a:pt x="84" y="185"/>
                  <a:pt x="49" y="168"/>
                  <a:pt x="34" y="145"/>
                </a:cubicBezTo>
                <a:cubicBezTo>
                  <a:pt x="29" y="138"/>
                  <a:pt x="27" y="131"/>
                  <a:pt x="27" y="124"/>
                </a:cubicBezTo>
                <a:cubicBezTo>
                  <a:pt x="27" y="122"/>
                  <a:pt x="27" y="120"/>
                  <a:pt x="28" y="118"/>
                </a:cubicBezTo>
                <a:cubicBezTo>
                  <a:pt x="39" y="108"/>
                  <a:pt x="57" y="108"/>
                  <a:pt x="67" y="109"/>
                </a:cubicBezTo>
                <a:cubicBezTo>
                  <a:pt x="96" y="111"/>
                  <a:pt x="123" y="127"/>
                  <a:pt x="131" y="140"/>
                </a:cubicBezTo>
                <a:cubicBezTo>
                  <a:pt x="135" y="146"/>
                  <a:pt x="143" y="148"/>
                  <a:pt x="149" y="145"/>
                </a:cubicBezTo>
                <a:cubicBezTo>
                  <a:pt x="153" y="142"/>
                  <a:pt x="156" y="138"/>
                  <a:pt x="156" y="133"/>
                </a:cubicBezTo>
                <a:cubicBezTo>
                  <a:pt x="156" y="131"/>
                  <a:pt x="155" y="129"/>
                  <a:pt x="154" y="127"/>
                </a:cubicBezTo>
                <a:cubicBezTo>
                  <a:pt x="150" y="119"/>
                  <a:pt x="147" y="106"/>
                  <a:pt x="147" y="92"/>
                </a:cubicBezTo>
                <a:cubicBezTo>
                  <a:pt x="147" y="79"/>
                  <a:pt x="149" y="66"/>
                  <a:pt x="154" y="55"/>
                </a:cubicBezTo>
                <a:cubicBezTo>
                  <a:pt x="161" y="41"/>
                  <a:pt x="171" y="32"/>
                  <a:pt x="184" y="28"/>
                </a:cubicBezTo>
                <a:cubicBezTo>
                  <a:pt x="195" y="31"/>
                  <a:pt x="204" y="39"/>
                  <a:pt x="210" y="51"/>
                </a:cubicBezTo>
                <a:cubicBezTo>
                  <a:pt x="215" y="62"/>
                  <a:pt x="217" y="75"/>
                  <a:pt x="217" y="88"/>
                </a:cubicBezTo>
                <a:cubicBezTo>
                  <a:pt x="217" y="104"/>
                  <a:pt x="214" y="121"/>
                  <a:pt x="209" y="132"/>
                </a:cubicBezTo>
                <a:cubicBezTo>
                  <a:pt x="208" y="134"/>
                  <a:pt x="208" y="136"/>
                  <a:pt x="208" y="138"/>
                </a:cubicBezTo>
                <a:cubicBezTo>
                  <a:pt x="208" y="142"/>
                  <a:pt x="209" y="145"/>
                  <a:pt x="213" y="148"/>
                </a:cubicBezTo>
                <a:cubicBezTo>
                  <a:pt x="217" y="152"/>
                  <a:pt x="224" y="152"/>
                  <a:pt x="229" y="149"/>
                </a:cubicBezTo>
                <a:cubicBezTo>
                  <a:pt x="261" y="127"/>
                  <a:pt x="296" y="110"/>
                  <a:pt x="339" y="138"/>
                </a:cubicBezTo>
                <a:cubicBezTo>
                  <a:pt x="335" y="177"/>
                  <a:pt x="293" y="199"/>
                  <a:pt x="255" y="203"/>
                </a:cubicBezTo>
                <a:cubicBezTo>
                  <a:pt x="248" y="204"/>
                  <a:pt x="243" y="209"/>
                  <a:pt x="243" y="215"/>
                </a:cubicBezTo>
                <a:cubicBezTo>
                  <a:pt x="243" y="216"/>
                  <a:pt x="243" y="216"/>
                  <a:pt x="243" y="217"/>
                </a:cubicBezTo>
                <a:cubicBezTo>
                  <a:pt x="243" y="222"/>
                  <a:pt x="246" y="227"/>
                  <a:pt x="252" y="229"/>
                </a:cubicBezTo>
                <a:cubicBezTo>
                  <a:pt x="287" y="241"/>
                  <a:pt x="305" y="266"/>
                  <a:pt x="305" y="302"/>
                </a:cubicBezTo>
                <a:cubicBezTo>
                  <a:pt x="305" y="306"/>
                  <a:pt x="305" y="309"/>
                  <a:pt x="304" y="313"/>
                </a:cubicBezTo>
                <a:cubicBezTo>
                  <a:pt x="250" y="324"/>
                  <a:pt x="216" y="286"/>
                  <a:pt x="205" y="264"/>
                </a:cubicBezTo>
                <a:cubicBezTo>
                  <a:pt x="203" y="260"/>
                  <a:pt x="200" y="257"/>
                  <a:pt x="195" y="257"/>
                </a:cubicBezTo>
                <a:cubicBezTo>
                  <a:pt x="191" y="256"/>
                  <a:pt x="187" y="258"/>
                  <a:pt x="184" y="261"/>
                </a:cubicBezTo>
                <a:cubicBezTo>
                  <a:pt x="174" y="271"/>
                  <a:pt x="161" y="293"/>
                  <a:pt x="161" y="319"/>
                </a:cubicBezTo>
                <a:cubicBezTo>
                  <a:pt x="161" y="326"/>
                  <a:pt x="162" y="333"/>
                  <a:pt x="164" y="340"/>
                </a:cubicBezTo>
                <a:cubicBezTo>
                  <a:pt x="141" y="336"/>
                  <a:pt x="109" y="337"/>
                  <a:pt x="85" y="359"/>
                </a:cubicBezTo>
                <a:cubicBezTo>
                  <a:pt x="83" y="361"/>
                  <a:pt x="81" y="364"/>
                  <a:pt x="81" y="368"/>
                </a:cubicBezTo>
                <a:cubicBezTo>
                  <a:pt x="81" y="372"/>
                  <a:pt x="82" y="375"/>
                  <a:pt x="84" y="378"/>
                </a:cubicBezTo>
                <a:cubicBezTo>
                  <a:pt x="86" y="380"/>
                  <a:pt x="130" y="427"/>
                  <a:pt x="200" y="414"/>
                </a:cubicBezTo>
                <a:cubicBezTo>
                  <a:pt x="204" y="421"/>
                  <a:pt x="210" y="434"/>
                  <a:pt x="212" y="449"/>
                </a:cubicBezTo>
                <a:cubicBezTo>
                  <a:pt x="213" y="456"/>
                  <a:pt x="220" y="461"/>
                  <a:pt x="227" y="460"/>
                </a:cubicBezTo>
                <a:cubicBezTo>
                  <a:pt x="234" y="459"/>
                  <a:pt x="239" y="452"/>
                  <a:pt x="238" y="445"/>
                </a:cubicBezTo>
                <a:cubicBezTo>
                  <a:pt x="234" y="415"/>
                  <a:pt x="218" y="392"/>
                  <a:pt x="217" y="391"/>
                </a:cubicBezTo>
                <a:cubicBezTo>
                  <a:pt x="214" y="386"/>
                  <a:pt x="208" y="384"/>
                  <a:pt x="203" y="385"/>
                </a:cubicBezTo>
                <a:cubicBezTo>
                  <a:pt x="163" y="396"/>
                  <a:pt x="132" y="381"/>
                  <a:pt x="116" y="370"/>
                </a:cubicBezTo>
                <a:cubicBezTo>
                  <a:pt x="145" y="358"/>
                  <a:pt x="181" y="371"/>
                  <a:pt x="182" y="372"/>
                </a:cubicBezTo>
                <a:cubicBezTo>
                  <a:pt x="187" y="374"/>
                  <a:pt x="193" y="372"/>
                  <a:pt x="197" y="368"/>
                </a:cubicBezTo>
                <a:cubicBezTo>
                  <a:pt x="199" y="365"/>
                  <a:pt x="200" y="362"/>
                  <a:pt x="200" y="359"/>
                </a:cubicBezTo>
                <a:cubicBezTo>
                  <a:pt x="200" y="357"/>
                  <a:pt x="199" y="354"/>
                  <a:pt x="198" y="352"/>
                </a:cubicBezTo>
                <a:cubicBezTo>
                  <a:pt x="190" y="340"/>
                  <a:pt x="188" y="329"/>
                  <a:pt x="188" y="319"/>
                </a:cubicBezTo>
                <a:cubicBezTo>
                  <a:pt x="188" y="310"/>
                  <a:pt x="190" y="301"/>
                  <a:pt x="193" y="295"/>
                </a:cubicBezTo>
                <a:cubicBezTo>
                  <a:pt x="215" y="323"/>
                  <a:pt x="259" y="354"/>
                  <a:pt x="320" y="337"/>
                </a:cubicBezTo>
                <a:cubicBezTo>
                  <a:pt x="325" y="336"/>
                  <a:pt x="329" y="331"/>
                  <a:pt x="330" y="326"/>
                </a:cubicBezTo>
                <a:cubicBezTo>
                  <a:pt x="331" y="318"/>
                  <a:pt x="331" y="310"/>
                  <a:pt x="331" y="302"/>
                </a:cubicBezTo>
                <a:cubicBezTo>
                  <a:pt x="331" y="283"/>
                  <a:pt x="327" y="265"/>
                  <a:pt x="319" y="250"/>
                </a:cubicBezTo>
                <a:cubicBezTo>
                  <a:pt x="312" y="239"/>
                  <a:pt x="304" y="229"/>
                  <a:pt x="294" y="222"/>
                </a:cubicBezTo>
                <a:cubicBezTo>
                  <a:pt x="308" y="217"/>
                  <a:pt x="320" y="210"/>
                  <a:pt x="331" y="202"/>
                </a:cubicBezTo>
                <a:cubicBezTo>
                  <a:pt x="354" y="183"/>
                  <a:pt x="366" y="159"/>
                  <a:pt x="366" y="131"/>
                </a:cubicBezTo>
                <a:cubicBezTo>
                  <a:pt x="366" y="127"/>
                  <a:pt x="364" y="123"/>
                  <a:pt x="361" y="121"/>
                </a:cubicBezTo>
                <a:cubicBezTo>
                  <a:pt x="316" y="87"/>
                  <a:pt x="276" y="94"/>
                  <a:pt x="242" y="110"/>
                </a:cubicBezTo>
                <a:cubicBezTo>
                  <a:pt x="243" y="103"/>
                  <a:pt x="244" y="95"/>
                  <a:pt x="244" y="88"/>
                </a:cubicBezTo>
                <a:cubicBezTo>
                  <a:pt x="244" y="71"/>
                  <a:pt x="241" y="54"/>
                  <a:pt x="234" y="39"/>
                </a:cubicBezTo>
                <a:cubicBezTo>
                  <a:pt x="224" y="19"/>
                  <a:pt x="208" y="6"/>
                  <a:pt x="187" y="1"/>
                </a:cubicBezTo>
                <a:cubicBezTo>
                  <a:pt x="184" y="0"/>
                  <a:pt x="182" y="0"/>
                  <a:pt x="180" y="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Freeform 393"/>
          <p:cNvSpPr>
            <a:spLocks/>
          </p:cNvSpPr>
          <p:nvPr userDrawn="1"/>
        </p:nvSpPr>
        <p:spPr bwMode="auto">
          <a:xfrm>
            <a:off x="4424757" y="5181009"/>
            <a:ext cx="514350" cy="284163"/>
          </a:xfrm>
          <a:custGeom>
            <a:avLst/>
            <a:gdLst/>
            <a:ahLst/>
            <a:cxnLst>
              <a:cxn ang="0">
                <a:pos x="8" y="95"/>
              </a:cxn>
              <a:cxn ang="0">
                <a:pos x="0" y="107"/>
              </a:cxn>
              <a:cxn ang="0">
                <a:pos x="36" y="134"/>
              </a:cxn>
              <a:cxn ang="0">
                <a:pos x="61" y="146"/>
              </a:cxn>
              <a:cxn ang="0">
                <a:pos x="65" y="193"/>
              </a:cxn>
              <a:cxn ang="0">
                <a:pos x="65" y="193"/>
              </a:cxn>
              <a:cxn ang="0">
                <a:pos x="62" y="209"/>
              </a:cxn>
              <a:cxn ang="0">
                <a:pos x="51" y="220"/>
              </a:cxn>
              <a:cxn ang="0">
                <a:pos x="45" y="238"/>
              </a:cxn>
              <a:cxn ang="0">
                <a:pos x="59" y="251"/>
              </a:cxn>
              <a:cxn ang="0">
                <a:pos x="107" y="246"/>
              </a:cxn>
              <a:cxn ang="0">
                <a:pos x="110" y="236"/>
              </a:cxn>
              <a:cxn ang="0">
                <a:pos x="104" y="218"/>
              </a:cxn>
              <a:cxn ang="0">
                <a:pos x="92" y="206"/>
              </a:cxn>
              <a:cxn ang="0">
                <a:pos x="93" y="200"/>
              </a:cxn>
              <a:cxn ang="0">
                <a:pos x="92" y="184"/>
              </a:cxn>
              <a:cxn ang="0">
                <a:pos x="122" y="134"/>
              </a:cxn>
              <a:cxn ang="0">
                <a:pos x="265" y="109"/>
              </a:cxn>
              <a:cxn ang="0">
                <a:pos x="338" y="130"/>
              </a:cxn>
              <a:cxn ang="0">
                <a:pos x="350" y="106"/>
              </a:cxn>
              <a:cxn ang="0">
                <a:pos x="340" y="101"/>
              </a:cxn>
              <a:cxn ang="0">
                <a:pos x="110" y="110"/>
              </a:cxn>
              <a:cxn ang="0">
                <a:pos x="76" y="123"/>
              </a:cxn>
              <a:cxn ang="0">
                <a:pos x="45" y="108"/>
              </a:cxn>
              <a:cxn ang="0">
                <a:pos x="413" y="107"/>
              </a:cxn>
              <a:cxn ang="0">
                <a:pos x="329" y="160"/>
              </a:cxn>
              <a:cxn ang="0">
                <a:pos x="149" y="207"/>
              </a:cxn>
              <a:cxn ang="0">
                <a:pos x="134" y="141"/>
              </a:cxn>
              <a:cxn ang="0">
                <a:pos x="123" y="221"/>
              </a:cxn>
              <a:cxn ang="0">
                <a:pos x="343" y="234"/>
              </a:cxn>
              <a:cxn ang="0">
                <a:pos x="356" y="168"/>
              </a:cxn>
              <a:cxn ang="0">
                <a:pos x="457" y="106"/>
              </a:cxn>
              <a:cxn ang="0">
                <a:pos x="449" y="94"/>
              </a:cxn>
              <a:cxn ang="0">
                <a:pos x="235" y="1"/>
              </a:cxn>
            </a:cxnLst>
            <a:rect l="0" t="0" r="r" b="b"/>
            <a:pathLst>
              <a:path w="457" h="251">
                <a:moveTo>
                  <a:pt x="235" y="1"/>
                </a:moveTo>
                <a:cubicBezTo>
                  <a:pt x="8" y="95"/>
                  <a:pt x="8" y="95"/>
                  <a:pt x="8" y="95"/>
                </a:cubicBezTo>
                <a:cubicBezTo>
                  <a:pt x="3" y="97"/>
                  <a:pt x="0" y="101"/>
                  <a:pt x="0" y="106"/>
                </a:cubicBezTo>
                <a:cubicBezTo>
                  <a:pt x="0" y="107"/>
                  <a:pt x="0" y="107"/>
                  <a:pt x="0" y="107"/>
                </a:cubicBezTo>
                <a:cubicBezTo>
                  <a:pt x="0" y="112"/>
                  <a:pt x="3" y="116"/>
                  <a:pt x="7" y="119"/>
                </a:cubicBezTo>
                <a:cubicBezTo>
                  <a:pt x="36" y="134"/>
                  <a:pt x="36" y="134"/>
                  <a:pt x="36" y="134"/>
                </a:cubicBezTo>
                <a:cubicBezTo>
                  <a:pt x="57" y="144"/>
                  <a:pt x="57" y="144"/>
                  <a:pt x="57" y="144"/>
                </a:cubicBezTo>
                <a:cubicBezTo>
                  <a:pt x="58" y="145"/>
                  <a:pt x="60" y="146"/>
                  <a:pt x="61" y="146"/>
                </a:cubicBezTo>
                <a:cubicBezTo>
                  <a:pt x="61" y="155"/>
                  <a:pt x="62" y="171"/>
                  <a:pt x="62" y="185"/>
                </a:cubicBezTo>
                <a:cubicBezTo>
                  <a:pt x="63" y="188"/>
                  <a:pt x="63" y="191"/>
                  <a:pt x="65" y="193"/>
                </a:cubicBezTo>
                <a:cubicBezTo>
                  <a:pt x="65" y="193"/>
                  <a:pt x="65" y="193"/>
                  <a:pt x="65" y="193"/>
                </a:cubicBezTo>
                <a:cubicBezTo>
                  <a:pt x="65" y="193"/>
                  <a:pt x="65" y="193"/>
                  <a:pt x="65" y="193"/>
                </a:cubicBezTo>
                <a:cubicBezTo>
                  <a:pt x="63" y="195"/>
                  <a:pt x="62" y="198"/>
                  <a:pt x="62" y="201"/>
                </a:cubicBezTo>
                <a:cubicBezTo>
                  <a:pt x="62" y="201"/>
                  <a:pt x="62" y="205"/>
                  <a:pt x="62" y="209"/>
                </a:cubicBezTo>
                <a:cubicBezTo>
                  <a:pt x="59" y="212"/>
                  <a:pt x="55" y="215"/>
                  <a:pt x="55" y="215"/>
                </a:cubicBezTo>
                <a:cubicBezTo>
                  <a:pt x="53" y="217"/>
                  <a:pt x="52" y="218"/>
                  <a:pt x="51" y="220"/>
                </a:cubicBezTo>
                <a:cubicBezTo>
                  <a:pt x="46" y="233"/>
                  <a:pt x="46" y="233"/>
                  <a:pt x="46" y="233"/>
                </a:cubicBezTo>
                <a:cubicBezTo>
                  <a:pt x="46" y="234"/>
                  <a:pt x="45" y="236"/>
                  <a:pt x="45" y="238"/>
                </a:cubicBezTo>
                <a:cubicBezTo>
                  <a:pt x="45" y="240"/>
                  <a:pt x="46" y="243"/>
                  <a:pt x="48" y="245"/>
                </a:cubicBezTo>
                <a:cubicBezTo>
                  <a:pt x="50" y="249"/>
                  <a:pt x="54" y="251"/>
                  <a:pt x="59" y="251"/>
                </a:cubicBezTo>
                <a:cubicBezTo>
                  <a:pt x="96" y="251"/>
                  <a:pt x="96" y="251"/>
                  <a:pt x="96" y="251"/>
                </a:cubicBezTo>
                <a:cubicBezTo>
                  <a:pt x="100" y="251"/>
                  <a:pt x="104" y="249"/>
                  <a:pt x="107" y="246"/>
                </a:cubicBezTo>
                <a:cubicBezTo>
                  <a:pt x="109" y="244"/>
                  <a:pt x="110" y="241"/>
                  <a:pt x="110" y="238"/>
                </a:cubicBezTo>
                <a:cubicBezTo>
                  <a:pt x="110" y="237"/>
                  <a:pt x="110" y="236"/>
                  <a:pt x="110" y="236"/>
                </a:cubicBezTo>
                <a:cubicBezTo>
                  <a:pt x="108" y="226"/>
                  <a:pt x="108" y="226"/>
                  <a:pt x="108" y="226"/>
                </a:cubicBezTo>
                <a:cubicBezTo>
                  <a:pt x="107" y="223"/>
                  <a:pt x="106" y="220"/>
                  <a:pt x="104" y="218"/>
                </a:cubicBezTo>
                <a:cubicBezTo>
                  <a:pt x="104" y="218"/>
                  <a:pt x="97" y="212"/>
                  <a:pt x="93" y="208"/>
                </a:cubicBezTo>
                <a:cubicBezTo>
                  <a:pt x="93" y="207"/>
                  <a:pt x="93" y="207"/>
                  <a:pt x="92" y="206"/>
                </a:cubicBezTo>
                <a:cubicBezTo>
                  <a:pt x="93" y="205"/>
                  <a:pt x="93" y="203"/>
                  <a:pt x="93" y="202"/>
                </a:cubicBezTo>
                <a:cubicBezTo>
                  <a:pt x="93" y="201"/>
                  <a:pt x="93" y="200"/>
                  <a:pt x="93" y="200"/>
                </a:cubicBezTo>
                <a:cubicBezTo>
                  <a:pt x="93" y="200"/>
                  <a:pt x="92" y="191"/>
                  <a:pt x="92" y="189"/>
                </a:cubicBezTo>
                <a:cubicBezTo>
                  <a:pt x="92" y="187"/>
                  <a:pt x="92" y="186"/>
                  <a:pt x="92" y="184"/>
                </a:cubicBezTo>
                <a:cubicBezTo>
                  <a:pt x="92" y="184"/>
                  <a:pt x="93" y="157"/>
                  <a:pt x="93" y="145"/>
                </a:cubicBezTo>
                <a:cubicBezTo>
                  <a:pt x="101" y="142"/>
                  <a:pt x="113" y="138"/>
                  <a:pt x="122" y="134"/>
                </a:cubicBezTo>
                <a:cubicBezTo>
                  <a:pt x="122" y="134"/>
                  <a:pt x="122" y="134"/>
                  <a:pt x="122" y="134"/>
                </a:cubicBezTo>
                <a:cubicBezTo>
                  <a:pt x="166" y="111"/>
                  <a:pt x="214" y="103"/>
                  <a:pt x="265" y="109"/>
                </a:cubicBezTo>
                <a:cubicBezTo>
                  <a:pt x="302" y="113"/>
                  <a:pt x="327" y="124"/>
                  <a:pt x="328" y="125"/>
                </a:cubicBezTo>
                <a:cubicBezTo>
                  <a:pt x="329" y="125"/>
                  <a:pt x="338" y="130"/>
                  <a:pt x="338" y="130"/>
                </a:cubicBezTo>
                <a:cubicBezTo>
                  <a:pt x="344" y="133"/>
                  <a:pt x="352" y="130"/>
                  <a:pt x="356" y="124"/>
                </a:cubicBezTo>
                <a:cubicBezTo>
                  <a:pt x="359" y="117"/>
                  <a:pt x="356" y="109"/>
                  <a:pt x="350" y="106"/>
                </a:cubicBezTo>
                <a:cubicBezTo>
                  <a:pt x="340" y="101"/>
                  <a:pt x="340" y="101"/>
                  <a:pt x="340" y="101"/>
                </a:cubicBezTo>
                <a:cubicBezTo>
                  <a:pt x="340" y="101"/>
                  <a:pt x="340" y="101"/>
                  <a:pt x="340" y="101"/>
                </a:cubicBezTo>
                <a:cubicBezTo>
                  <a:pt x="338" y="100"/>
                  <a:pt x="311" y="88"/>
                  <a:pt x="269" y="82"/>
                </a:cubicBezTo>
                <a:cubicBezTo>
                  <a:pt x="230" y="78"/>
                  <a:pt x="171" y="79"/>
                  <a:pt x="110" y="110"/>
                </a:cubicBezTo>
                <a:cubicBezTo>
                  <a:pt x="110" y="110"/>
                  <a:pt x="110" y="110"/>
                  <a:pt x="110" y="110"/>
                </a:cubicBezTo>
                <a:cubicBezTo>
                  <a:pt x="98" y="116"/>
                  <a:pt x="76" y="123"/>
                  <a:pt x="76" y="123"/>
                </a:cubicBezTo>
                <a:cubicBezTo>
                  <a:pt x="76" y="123"/>
                  <a:pt x="75" y="123"/>
                  <a:pt x="75" y="123"/>
                </a:cubicBezTo>
                <a:cubicBezTo>
                  <a:pt x="71" y="122"/>
                  <a:pt x="59" y="116"/>
                  <a:pt x="45" y="108"/>
                </a:cubicBezTo>
                <a:cubicBezTo>
                  <a:pt x="85" y="92"/>
                  <a:pt x="231" y="32"/>
                  <a:pt x="240" y="28"/>
                </a:cubicBezTo>
                <a:cubicBezTo>
                  <a:pt x="249" y="32"/>
                  <a:pt x="376" y="90"/>
                  <a:pt x="413" y="107"/>
                </a:cubicBezTo>
                <a:cubicBezTo>
                  <a:pt x="385" y="122"/>
                  <a:pt x="336" y="148"/>
                  <a:pt x="336" y="148"/>
                </a:cubicBezTo>
                <a:cubicBezTo>
                  <a:pt x="332" y="150"/>
                  <a:pt x="329" y="155"/>
                  <a:pt x="329" y="160"/>
                </a:cubicBezTo>
                <a:cubicBezTo>
                  <a:pt x="329" y="160"/>
                  <a:pt x="329" y="191"/>
                  <a:pt x="329" y="207"/>
                </a:cubicBezTo>
                <a:cubicBezTo>
                  <a:pt x="308" y="207"/>
                  <a:pt x="170" y="207"/>
                  <a:pt x="149" y="207"/>
                </a:cubicBezTo>
                <a:cubicBezTo>
                  <a:pt x="148" y="190"/>
                  <a:pt x="148" y="154"/>
                  <a:pt x="148" y="154"/>
                </a:cubicBezTo>
                <a:cubicBezTo>
                  <a:pt x="147" y="146"/>
                  <a:pt x="141" y="140"/>
                  <a:pt x="134" y="141"/>
                </a:cubicBezTo>
                <a:cubicBezTo>
                  <a:pt x="127" y="141"/>
                  <a:pt x="121" y="147"/>
                  <a:pt x="121" y="154"/>
                </a:cubicBezTo>
                <a:cubicBezTo>
                  <a:pt x="123" y="221"/>
                  <a:pt x="123" y="221"/>
                  <a:pt x="123" y="221"/>
                </a:cubicBezTo>
                <a:cubicBezTo>
                  <a:pt x="123" y="228"/>
                  <a:pt x="129" y="234"/>
                  <a:pt x="136" y="234"/>
                </a:cubicBezTo>
                <a:cubicBezTo>
                  <a:pt x="343" y="234"/>
                  <a:pt x="343" y="234"/>
                  <a:pt x="343" y="234"/>
                </a:cubicBezTo>
                <a:cubicBezTo>
                  <a:pt x="350" y="234"/>
                  <a:pt x="356" y="228"/>
                  <a:pt x="356" y="220"/>
                </a:cubicBezTo>
                <a:cubicBezTo>
                  <a:pt x="356" y="220"/>
                  <a:pt x="356" y="180"/>
                  <a:pt x="356" y="168"/>
                </a:cubicBezTo>
                <a:cubicBezTo>
                  <a:pt x="368" y="161"/>
                  <a:pt x="450" y="118"/>
                  <a:pt x="450" y="118"/>
                </a:cubicBezTo>
                <a:cubicBezTo>
                  <a:pt x="454" y="116"/>
                  <a:pt x="457" y="111"/>
                  <a:pt x="457" y="106"/>
                </a:cubicBezTo>
                <a:cubicBezTo>
                  <a:pt x="457" y="106"/>
                  <a:pt x="457" y="106"/>
                  <a:pt x="457" y="106"/>
                </a:cubicBezTo>
                <a:cubicBezTo>
                  <a:pt x="457" y="101"/>
                  <a:pt x="453" y="96"/>
                  <a:pt x="449" y="94"/>
                </a:cubicBezTo>
                <a:cubicBezTo>
                  <a:pt x="246" y="1"/>
                  <a:pt x="246" y="1"/>
                  <a:pt x="246" y="1"/>
                </a:cubicBezTo>
                <a:cubicBezTo>
                  <a:pt x="242" y="0"/>
                  <a:pt x="239" y="0"/>
                  <a:pt x="235" y="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0" name="Freeform 433"/>
          <p:cNvSpPr>
            <a:spLocks/>
          </p:cNvSpPr>
          <p:nvPr userDrawn="1"/>
        </p:nvSpPr>
        <p:spPr bwMode="auto">
          <a:xfrm>
            <a:off x="4532707" y="3676310"/>
            <a:ext cx="298450" cy="520700"/>
          </a:xfrm>
          <a:custGeom>
            <a:avLst/>
            <a:gdLst/>
            <a:ahLst/>
            <a:cxnLst>
              <a:cxn ang="0">
                <a:pos x="251" y="293"/>
              </a:cxn>
              <a:cxn ang="0">
                <a:pos x="233" y="293"/>
              </a:cxn>
              <a:cxn ang="0">
                <a:pos x="241" y="274"/>
              </a:cxn>
              <a:cxn ang="0">
                <a:pos x="241" y="265"/>
              </a:cxn>
              <a:cxn ang="0">
                <a:pos x="195" y="115"/>
              </a:cxn>
              <a:cxn ang="0">
                <a:pos x="195" y="14"/>
              </a:cxn>
              <a:cxn ang="0">
                <a:pos x="182" y="0"/>
              </a:cxn>
              <a:cxn ang="0">
                <a:pos x="168" y="14"/>
              </a:cxn>
              <a:cxn ang="0">
                <a:pos x="168" y="36"/>
              </a:cxn>
              <a:cxn ang="0">
                <a:pos x="154" y="25"/>
              </a:cxn>
              <a:cxn ang="0">
                <a:pos x="136" y="29"/>
              </a:cxn>
              <a:cxn ang="0">
                <a:pos x="139" y="47"/>
              </a:cxn>
              <a:cxn ang="0">
                <a:pos x="168" y="68"/>
              </a:cxn>
              <a:cxn ang="0">
                <a:pos x="168" y="117"/>
              </a:cxn>
              <a:cxn ang="0">
                <a:pos x="169" y="121"/>
              </a:cxn>
              <a:cxn ang="0">
                <a:pos x="214" y="268"/>
              </a:cxn>
              <a:cxn ang="0">
                <a:pos x="169" y="384"/>
              </a:cxn>
              <a:cxn ang="0">
                <a:pos x="171" y="397"/>
              </a:cxn>
              <a:cxn ang="0">
                <a:pos x="201" y="434"/>
              </a:cxn>
              <a:cxn ang="0">
                <a:pos x="64" y="434"/>
              </a:cxn>
              <a:cxn ang="0">
                <a:pos x="94" y="397"/>
              </a:cxn>
              <a:cxn ang="0">
                <a:pos x="96" y="384"/>
              </a:cxn>
              <a:cxn ang="0">
                <a:pos x="51" y="268"/>
              </a:cxn>
              <a:cxn ang="0">
                <a:pos x="96" y="121"/>
              </a:cxn>
              <a:cxn ang="0">
                <a:pos x="96" y="117"/>
              </a:cxn>
              <a:cxn ang="0">
                <a:pos x="96" y="68"/>
              </a:cxn>
              <a:cxn ang="0">
                <a:pos x="126" y="47"/>
              </a:cxn>
              <a:cxn ang="0">
                <a:pos x="130" y="29"/>
              </a:cxn>
              <a:cxn ang="0">
                <a:pos x="111" y="25"/>
              </a:cxn>
              <a:cxn ang="0">
                <a:pos x="96" y="36"/>
              </a:cxn>
              <a:cxn ang="0">
                <a:pos x="96" y="14"/>
              </a:cxn>
              <a:cxn ang="0">
                <a:pos x="83" y="0"/>
              </a:cxn>
              <a:cxn ang="0">
                <a:pos x="70" y="14"/>
              </a:cxn>
              <a:cxn ang="0">
                <a:pos x="70" y="115"/>
              </a:cxn>
              <a:cxn ang="0">
                <a:pos x="24" y="265"/>
              </a:cxn>
              <a:cxn ang="0">
                <a:pos x="24" y="274"/>
              </a:cxn>
              <a:cxn ang="0">
                <a:pos x="32" y="293"/>
              </a:cxn>
              <a:cxn ang="0">
                <a:pos x="14" y="293"/>
              </a:cxn>
              <a:cxn ang="0">
                <a:pos x="0" y="307"/>
              </a:cxn>
              <a:cxn ang="0">
                <a:pos x="14" y="320"/>
              </a:cxn>
              <a:cxn ang="0">
                <a:pos x="42" y="320"/>
              </a:cxn>
              <a:cxn ang="0">
                <a:pos x="68" y="386"/>
              </a:cxn>
              <a:cxn ang="0">
                <a:pos x="26" y="440"/>
              </a:cxn>
              <a:cxn ang="0">
                <a:pos x="25" y="454"/>
              </a:cxn>
              <a:cxn ang="0">
                <a:pos x="37" y="461"/>
              </a:cxn>
              <a:cxn ang="0">
                <a:pos x="229" y="461"/>
              </a:cxn>
              <a:cxn ang="0">
                <a:pos x="240" y="454"/>
              </a:cxn>
              <a:cxn ang="0">
                <a:pos x="239" y="439"/>
              </a:cxn>
              <a:cxn ang="0">
                <a:pos x="197" y="386"/>
              </a:cxn>
              <a:cxn ang="0">
                <a:pos x="223" y="320"/>
              </a:cxn>
              <a:cxn ang="0">
                <a:pos x="251" y="320"/>
              </a:cxn>
              <a:cxn ang="0">
                <a:pos x="264" y="307"/>
              </a:cxn>
              <a:cxn ang="0">
                <a:pos x="251" y="293"/>
              </a:cxn>
            </a:cxnLst>
            <a:rect l="0" t="0" r="r" b="b"/>
            <a:pathLst>
              <a:path w="264" h="461">
                <a:moveTo>
                  <a:pt x="251" y="293"/>
                </a:moveTo>
                <a:cubicBezTo>
                  <a:pt x="233" y="293"/>
                  <a:pt x="233" y="293"/>
                  <a:pt x="233" y="293"/>
                </a:cubicBezTo>
                <a:cubicBezTo>
                  <a:pt x="241" y="274"/>
                  <a:pt x="241" y="274"/>
                  <a:pt x="241" y="274"/>
                </a:cubicBezTo>
                <a:cubicBezTo>
                  <a:pt x="242" y="271"/>
                  <a:pt x="242" y="268"/>
                  <a:pt x="241" y="265"/>
                </a:cubicBezTo>
                <a:cubicBezTo>
                  <a:pt x="195" y="115"/>
                  <a:pt x="195" y="115"/>
                  <a:pt x="195" y="115"/>
                </a:cubicBezTo>
                <a:cubicBezTo>
                  <a:pt x="195" y="14"/>
                  <a:pt x="195" y="14"/>
                  <a:pt x="195" y="14"/>
                </a:cubicBezTo>
                <a:cubicBezTo>
                  <a:pt x="195" y="6"/>
                  <a:pt x="189" y="0"/>
                  <a:pt x="182" y="0"/>
                </a:cubicBezTo>
                <a:cubicBezTo>
                  <a:pt x="174" y="0"/>
                  <a:pt x="168" y="6"/>
                  <a:pt x="168" y="14"/>
                </a:cubicBezTo>
                <a:cubicBezTo>
                  <a:pt x="168" y="36"/>
                  <a:pt x="168" y="36"/>
                  <a:pt x="168" y="36"/>
                </a:cubicBezTo>
                <a:cubicBezTo>
                  <a:pt x="154" y="25"/>
                  <a:pt x="154" y="25"/>
                  <a:pt x="154" y="25"/>
                </a:cubicBezTo>
                <a:cubicBezTo>
                  <a:pt x="148" y="21"/>
                  <a:pt x="140" y="23"/>
                  <a:pt x="136" y="29"/>
                </a:cubicBezTo>
                <a:cubicBezTo>
                  <a:pt x="131" y="35"/>
                  <a:pt x="133" y="43"/>
                  <a:pt x="139" y="47"/>
                </a:cubicBezTo>
                <a:cubicBezTo>
                  <a:pt x="168" y="68"/>
                  <a:pt x="168" y="68"/>
                  <a:pt x="168" y="68"/>
                </a:cubicBezTo>
                <a:cubicBezTo>
                  <a:pt x="168" y="117"/>
                  <a:pt x="168" y="117"/>
                  <a:pt x="168" y="117"/>
                </a:cubicBezTo>
                <a:cubicBezTo>
                  <a:pt x="168" y="118"/>
                  <a:pt x="169" y="120"/>
                  <a:pt x="169" y="121"/>
                </a:cubicBezTo>
                <a:cubicBezTo>
                  <a:pt x="214" y="268"/>
                  <a:pt x="214" y="268"/>
                  <a:pt x="214" y="268"/>
                </a:cubicBezTo>
                <a:cubicBezTo>
                  <a:pt x="169" y="384"/>
                  <a:pt x="169" y="384"/>
                  <a:pt x="169" y="384"/>
                </a:cubicBezTo>
                <a:cubicBezTo>
                  <a:pt x="168" y="388"/>
                  <a:pt x="168" y="393"/>
                  <a:pt x="171" y="397"/>
                </a:cubicBezTo>
                <a:cubicBezTo>
                  <a:pt x="201" y="434"/>
                  <a:pt x="201" y="434"/>
                  <a:pt x="201" y="434"/>
                </a:cubicBezTo>
                <a:cubicBezTo>
                  <a:pt x="64" y="434"/>
                  <a:pt x="64" y="434"/>
                  <a:pt x="64" y="434"/>
                </a:cubicBezTo>
                <a:cubicBezTo>
                  <a:pt x="94" y="397"/>
                  <a:pt x="94" y="397"/>
                  <a:pt x="94" y="397"/>
                </a:cubicBezTo>
                <a:cubicBezTo>
                  <a:pt x="96" y="393"/>
                  <a:pt x="97" y="388"/>
                  <a:pt x="96" y="384"/>
                </a:cubicBezTo>
                <a:cubicBezTo>
                  <a:pt x="51" y="268"/>
                  <a:pt x="51" y="268"/>
                  <a:pt x="51" y="268"/>
                </a:cubicBezTo>
                <a:cubicBezTo>
                  <a:pt x="96" y="121"/>
                  <a:pt x="96" y="121"/>
                  <a:pt x="96" y="121"/>
                </a:cubicBezTo>
                <a:cubicBezTo>
                  <a:pt x="96" y="120"/>
                  <a:pt x="96" y="118"/>
                  <a:pt x="96" y="117"/>
                </a:cubicBezTo>
                <a:cubicBezTo>
                  <a:pt x="96" y="68"/>
                  <a:pt x="96" y="68"/>
                  <a:pt x="96" y="68"/>
                </a:cubicBezTo>
                <a:cubicBezTo>
                  <a:pt x="126" y="47"/>
                  <a:pt x="126" y="47"/>
                  <a:pt x="126" y="47"/>
                </a:cubicBezTo>
                <a:cubicBezTo>
                  <a:pt x="132" y="43"/>
                  <a:pt x="134" y="35"/>
                  <a:pt x="130" y="29"/>
                </a:cubicBezTo>
                <a:cubicBezTo>
                  <a:pt x="125" y="23"/>
                  <a:pt x="117" y="21"/>
                  <a:pt x="111" y="25"/>
                </a:cubicBezTo>
                <a:cubicBezTo>
                  <a:pt x="96" y="36"/>
                  <a:pt x="96" y="36"/>
                  <a:pt x="96" y="36"/>
                </a:cubicBezTo>
                <a:cubicBezTo>
                  <a:pt x="96" y="14"/>
                  <a:pt x="96" y="14"/>
                  <a:pt x="96" y="14"/>
                </a:cubicBezTo>
                <a:cubicBezTo>
                  <a:pt x="96" y="6"/>
                  <a:pt x="90" y="0"/>
                  <a:pt x="83" y="0"/>
                </a:cubicBezTo>
                <a:cubicBezTo>
                  <a:pt x="76" y="0"/>
                  <a:pt x="70" y="6"/>
                  <a:pt x="70" y="14"/>
                </a:cubicBezTo>
                <a:cubicBezTo>
                  <a:pt x="70" y="115"/>
                  <a:pt x="70" y="115"/>
                  <a:pt x="70" y="115"/>
                </a:cubicBezTo>
                <a:cubicBezTo>
                  <a:pt x="24" y="265"/>
                  <a:pt x="24" y="265"/>
                  <a:pt x="24" y="265"/>
                </a:cubicBezTo>
                <a:cubicBezTo>
                  <a:pt x="23" y="268"/>
                  <a:pt x="23" y="271"/>
                  <a:pt x="24" y="274"/>
                </a:cubicBezTo>
                <a:cubicBezTo>
                  <a:pt x="32" y="293"/>
                  <a:pt x="32" y="293"/>
                  <a:pt x="32" y="293"/>
                </a:cubicBezTo>
                <a:cubicBezTo>
                  <a:pt x="14" y="293"/>
                  <a:pt x="14" y="293"/>
                  <a:pt x="14" y="293"/>
                </a:cubicBezTo>
                <a:cubicBezTo>
                  <a:pt x="6" y="293"/>
                  <a:pt x="0" y="299"/>
                  <a:pt x="0" y="307"/>
                </a:cubicBezTo>
                <a:cubicBezTo>
                  <a:pt x="0" y="314"/>
                  <a:pt x="6" y="320"/>
                  <a:pt x="14" y="320"/>
                </a:cubicBezTo>
                <a:cubicBezTo>
                  <a:pt x="42" y="320"/>
                  <a:pt x="42" y="320"/>
                  <a:pt x="42" y="320"/>
                </a:cubicBezTo>
                <a:cubicBezTo>
                  <a:pt x="68" y="386"/>
                  <a:pt x="68" y="386"/>
                  <a:pt x="68" y="386"/>
                </a:cubicBezTo>
                <a:cubicBezTo>
                  <a:pt x="26" y="440"/>
                  <a:pt x="26" y="440"/>
                  <a:pt x="26" y="440"/>
                </a:cubicBezTo>
                <a:cubicBezTo>
                  <a:pt x="23" y="444"/>
                  <a:pt x="23" y="449"/>
                  <a:pt x="25" y="454"/>
                </a:cubicBezTo>
                <a:cubicBezTo>
                  <a:pt x="27" y="458"/>
                  <a:pt x="32" y="461"/>
                  <a:pt x="37" y="461"/>
                </a:cubicBezTo>
                <a:cubicBezTo>
                  <a:pt x="229" y="461"/>
                  <a:pt x="229" y="461"/>
                  <a:pt x="229" y="461"/>
                </a:cubicBezTo>
                <a:cubicBezTo>
                  <a:pt x="234" y="461"/>
                  <a:pt x="238" y="458"/>
                  <a:pt x="240" y="454"/>
                </a:cubicBezTo>
                <a:cubicBezTo>
                  <a:pt x="243" y="449"/>
                  <a:pt x="242" y="443"/>
                  <a:pt x="239" y="439"/>
                </a:cubicBezTo>
                <a:cubicBezTo>
                  <a:pt x="197" y="386"/>
                  <a:pt x="197" y="386"/>
                  <a:pt x="197" y="386"/>
                </a:cubicBezTo>
                <a:cubicBezTo>
                  <a:pt x="223" y="320"/>
                  <a:pt x="223" y="320"/>
                  <a:pt x="223" y="320"/>
                </a:cubicBezTo>
                <a:cubicBezTo>
                  <a:pt x="251" y="320"/>
                  <a:pt x="251" y="320"/>
                  <a:pt x="251" y="320"/>
                </a:cubicBezTo>
                <a:cubicBezTo>
                  <a:pt x="258" y="320"/>
                  <a:pt x="264" y="314"/>
                  <a:pt x="264" y="307"/>
                </a:cubicBezTo>
                <a:cubicBezTo>
                  <a:pt x="264" y="299"/>
                  <a:pt x="258" y="293"/>
                  <a:pt x="251" y="29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Freeform 251"/>
          <p:cNvSpPr>
            <a:spLocks/>
          </p:cNvSpPr>
          <p:nvPr userDrawn="1"/>
        </p:nvSpPr>
        <p:spPr bwMode="auto">
          <a:xfrm>
            <a:off x="5070032" y="1189437"/>
            <a:ext cx="514350" cy="465138"/>
          </a:xfrm>
          <a:custGeom>
            <a:avLst/>
            <a:gdLst/>
            <a:ahLst/>
            <a:cxnLst>
              <a:cxn ang="0">
                <a:pos x="113" y="0"/>
              </a:cxn>
              <a:cxn ang="0">
                <a:pos x="69" y="44"/>
              </a:cxn>
              <a:cxn ang="0">
                <a:pos x="69" y="298"/>
              </a:cxn>
              <a:cxn ang="0">
                <a:pos x="83" y="312"/>
              </a:cxn>
              <a:cxn ang="0">
                <a:pos x="96" y="298"/>
              </a:cxn>
              <a:cxn ang="0">
                <a:pos x="96" y="44"/>
              </a:cxn>
              <a:cxn ang="0">
                <a:pos x="113" y="27"/>
              </a:cxn>
              <a:cxn ang="0">
                <a:pos x="152" y="27"/>
              </a:cxn>
              <a:cxn ang="0">
                <a:pos x="169" y="44"/>
              </a:cxn>
              <a:cxn ang="0">
                <a:pos x="169" y="298"/>
              </a:cxn>
              <a:cxn ang="0">
                <a:pos x="183" y="312"/>
              </a:cxn>
              <a:cxn ang="0">
                <a:pos x="246" y="312"/>
              </a:cxn>
              <a:cxn ang="0">
                <a:pos x="259" y="298"/>
              </a:cxn>
              <a:cxn ang="0">
                <a:pos x="259" y="194"/>
              </a:cxn>
              <a:cxn ang="0">
                <a:pos x="301" y="194"/>
              </a:cxn>
              <a:cxn ang="0">
                <a:pos x="301" y="298"/>
              </a:cxn>
              <a:cxn ang="0">
                <a:pos x="314" y="312"/>
              </a:cxn>
              <a:cxn ang="0">
                <a:pos x="375" y="312"/>
              </a:cxn>
              <a:cxn ang="0">
                <a:pos x="388" y="298"/>
              </a:cxn>
              <a:cxn ang="0">
                <a:pos x="388" y="194"/>
              </a:cxn>
              <a:cxn ang="0">
                <a:pos x="430" y="194"/>
              </a:cxn>
              <a:cxn ang="0">
                <a:pos x="430" y="340"/>
              </a:cxn>
              <a:cxn ang="0">
                <a:pos x="42" y="340"/>
              </a:cxn>
              <a:cxn ang="0">
                <a:pos x="31" y="346"/>
              </a:cxn>
              <a:cxn ang="0">
                <a:pos x="3" y="390"/>
              </a:cxn>
              <a:cxn ang="0">
                <a:pos x="0" y="397"/>
              </a:cxn>
              <a:cxn ang="0">
                <a:pos x="6" y="408"/>
              </a:cxn>
              <a:cxn ang="0">
                <a:pos x="25" y="404"/>
              </a:cxn>
              <a:cxn ang="0">
                <a:pos x="50" y="367"/>
              </a:cxn>
              <a:cxn ang="0">
                <a:pos x="443" y="367"/>
              </a:cxn>
              <a:cxn ang="0">
                <a:pos x="456" y="354"/>
              </a:cxn>
              <a:cxn ang="0">
                <a:pos x="456" y="181"/>
              </a:cxn>
              <a:cxn ang="0">
                <a:pos x="443" y="168"/>
              </a:cxn>
              <a:cxn ang="0">
                <a:pos x="375" y="168"/>
              </a:cxn>
              <a:cxn ang="0">
                <a:pos x="362" y="181"/>
              </a:cxn>
              <a:cxn ang="0">
                <a:pos x="362" y="285"/>
              </a:cxn>
              <a:cxn ang="0">
                <a:pos x="327" y="285"/>
              </a:cxn>
              <a:cxn ang="0">
                <a:pos x="327" y="181"/>
              </a:cxn>
              <a:cxn ang="0">
                <a:pos x="314" y="168"/>
              </a:cxn>
              <a:cxn ang="0">
                <a:pos x="246" y="168"/>
              </a:cxn>
              <a:cxn ang="0">
                <a:pos x="233" y="181"/>
              </a:cxn>
              <a:cxn ang="0">
                <a:pos x="233" y="285"/>
              </a:cxn>
              <a:cxn ang="0">
                <a:pos x="196" y="285"/>
              </a:cxn>
              <a:cxn ang="0">
                <a:pos x="196" y="44"/>
              </a:cxn>
              <a:cxn ang="0">
                <a:pos x="152" y="0"/>
              </a:cxn>
              <a:cxn ang="0">
                <a:pos x="113" y="0"/>
              </a:cxn>
            </a:cxnLst>
            <a:rect l="0" t="0" r="r" b="b"/>
            <a:pathLst>
              <a:path w="456" h="412">
                <a:moveTo>
                  <a:pt x="113" y="0"/>
                </a:moveTo>
                <a:cubicBezTo>
                  <a:pt x="89" y="0"/>
                  <a:pt x="69" y="20"/>
                  <a:pt x="69" y="44"/>
                </a:cubicBezTo>
                <a:cubicBezTo>
                  <a:pt x="69" y="298"/>
                  <a:pt x="69" y="298"/>
                  <a:pt x="69" y="298"/>
                </a:cubicBezTo>
                <a:cubicBezTo>
                  <a:pt x="69" y="306"/>
                  <a:pt x="75" y="312"/>
                  <a:pt x="83" y="312"/>
                </a:cubicBezTo>
                <a:cubicBezTo>
                  <a:pt x="90" y="312"/>
                  <a:pt x="96" y="306"/>
                  <a:pt x="96" y="298"/>
                </a:cubicBezTo>
                <a:cubicBezTo>
                  <a:pt x="96" y="44"/>
                  <a:pt x="96" y="44"/>
                  <a:pt x="96" y="44"/>
                </a:cubicBezTo>
                <a:cubicBezTo>
                  <a:pt x="96" y="34"/>
                  <a:pt x="104" y="27"/>
                  <a:pt x="113" y="27"/>
                </a:cubicBezTo>
                <a:cubicBezTo>
                  <a:pt x="152" y="27"/>
                  <a:pt x="152" y="27"/>
                  <a:pt x="152" y="27"/>
                </a:cubicBezTo>
                <a:cubicBezTo>
                  <a:pt x="162" y="27"/>
                  <a:pt x="169" y="34"/>
                  <a:pt x="169" y="44"/>
                </a:cubicBezTo>
                <a:cubicBezTo>
                  <a:pt x="169" y="298"/>
                  <a:pt x="169" y="298"/>
                  <a:pt x="169" y="298"/>
                </a:cubicBezTo>
                <a:cubicBezTo>
                  <a:pt x="169" y="306"/>
                  <a:pt x="175" y="312"/>
                  <a:pt x="183" y="312"/>
                </a:cubicBezTo>
                <a:cubicBezTo>
                  <a:pt x="246" y="312"/>
                  <a:pt x="246" y="312"/>
                  <a:pt x="246" y="312"/>
                </a:cubicBezTo>
                <a:cubicBezTo>
                  <a:pt x="253" y="312"/>
                  <a:pt x="259" y="306"/>
                  <a:pt x="259" y="298"/>
                </a:cubicBezTo>
                <a:cubicBezTo>
                  <a:pt x="259" y="298"/>
                  <a:pt x="259" y="215"/>
                  <a:pt x="259" y="194"/>
                </a:cubicBezTo>
                <a:cubicBezTo>
                  <a:pt x="272" y="194"/>
                  <a:pt x="288" y="194"/>
                  <a:pt x="301" y="194"/>
                </a:cubicBezTo>
                <a:cubicBezTo>
                  <a:pt x="301" y="215"/>
                  <a:pt x="301" y="298"/>
                  <a:pt x="301" y="298"/>
                </a:cubicBezTo>
                <a:cubicBezTo>
                  <a:pt x="301" y="306"/>
                  <a:pt x="307" y="312"/>
                  <a:pt x="314" y="312"/>
                </a:cubicBezTo>
                <a:cubicBezTo>
                  <a:pt x="375" y="312"/>
                  <a:pt x="375" y="312"/>
                  <a:pt x="375" y="312"/>
                </a:cubicBezTo>
                <a:cubicBezTo>
                  <a:pt x="382" y="312"/>
                  <a:pt x="388" y="306"/>
                  <a:pt x="388" y="298"/>
                </a:cubicBezTo>
                <a:cubicBezTo>
                  <a:pt x="388" y="298"/>
                  <a:pt x="388" y="215"/>
                  <a:pt x="388" y="194"/>
                </a:cubicBezTo>
                <a:cubicBezTo>
                  <a:pt x="401" y="194"/>
                  <a:pt x="417" y="194"/>
                  <a:pt x="430" y="194"/>
                </a:cubicBezTo>
                <a:cubicBezTo>
                  <a:pt x="430" y="215"/>
                  <a:pt x="430" y="320"/>
                  <a:pt x="430" y="340"/>
                </a:cubicBezTo>
                <a:cubicBezTo>
                  <a:pt x="405" y="340"/>
                  <a:pt x="42" y="340"/>
                  <a:pt x="42" y="340"/>
                </a:cubicBezTo>
                <a:cubicBezTo>
                  <a:pt x="38" y="340"/>
                  <a:pt x="34" y="343"/>
                  <a:pt x="31" y="346"/>
                </a:cubicBezTo>
                <a:cubicBezTo>
                  <a:pt x="3" y="390"/>
                  <a:pt x="3" y="390"/>
                  <a:pt x="3" y="390"/>
                </a:cubicBezTo>
                <a:cubicBezTo>
                  <a:pt x="1" y="392"/>
                  <a:pt x="0" y="394"/>
                  <a:pt x="0" y="397"/>
                </a:cubicBezTo>
                <a:cubicBezTo>
                  <a:pt x="0" y="401"/>
                  <a:pt x="2" y="406"/>
                  <a:pt x="6" y="408"/>
                </a:cubicBezTo>
                <a:cubicBezTo>
                  <a:pt x="12" y="412"/>
                  <a:pt x="21" y="411"/>
                  <a:pt x="25" y="404"/>
                </a:cubicBezTo>
                <a:cubicBezTo>
                  <a:pt x="25" y="404"/>
                  <a:pt x="44" y="376"/>
                  <a:pt x="50" y="367"/>
                </a:cubicBezTo>
                <a:cubicBezTo>
                  <a:pt x="63" y="367"/>
                  <a:pt x="443" y="367"/>
                  <a:pt x="443" y="367"/>
                </a:cubicBezTo>
                <a:cubicBezTo>
                  <a:pt x="450" y="367"/>
                  <a:pt x="456" y="361"/>
                  <a:pt x="456" y="354"/>
                </a:cubicBezTo>
                <a:cubicBezTo>
                  <a:pt x="456" y="181"/>
                  <a:pt x="456" y="181"/>
                  <a:pt x="456" y="181"/>
                </a:cubicBezTo>
                <a:cubicBezTo>
                  <a:pt x="456" y="174"/>
                  <a:pt x="450" y="168"/>
                  <a:pt x="443" y="168"/>
                </a:cubicBezTo>
                <a:cubicBezTo>
                  <a:pt x="375" y="168"/>
                  <a:pt x="375" y="168"/>
                  <a:pt x="375" y="168"/>
                </a:cubicBezTo>
                <a:cubicBezTo>
                  <a:pt x="368" y="168"/>
                  <a:pt x="362" y="174"/>
                  <a:pt x="362" y="181"/>
                </a:cubicBezTo>
                <a:cubicBezTo>
                  <a:pt x="362" y="181"/>
                  <a:pt x="362" y="264"/>
                  <a:pt x="362" y="285"/>
                </a:cubicBezTo>
                <a:cubicBezTo>
                  <a:pt x="350" y="285"/>
                  <a:pt x="339" y="285"/>
                  <a:pt x="327" y="285"/>
                </a:cubicBezTo>
                <a:cubicBezTo>
                  <a:pt x="327" y="264"/>
                  <a:pt x="327" y="181"/>
                  <a:pt x="327" y="181"/>
                </a:cubicBezTo>
                <a:cubicBezTo>
                  <a:pt x="327" y="174"/>
                  <a:pt x="321" y="168"/>
                  <a:pt x="314" y="168"/>
                </a:cubicBezTo>
                <a:cubicBezTo>
                  <a:pt x="246" y="168"/>
                  <a:pt x="246" y="168"/>
                  <a:pt x="246" y="168"/>
                </a:cubicBezTo>
                <a:cubicBezTo>
                  <a:pt x="238" y="168"/>
                  <a:pt x="233" y="174"/>
                  <a:pt x="233" y="181"/>
                </a:cubicBezTo>
                <a:cubicBezTo>
                  <a:pt x="233" y="181"/>
                  <a:pt x="233" y="264"/>
                  <a:pt x="233" y="285"/>
                </a:cubicBezTo>
                <a:cubicBezTo>
                  <a:pt x="220" y="285"/>
                  <a:pt x="208" y="285"/>
                  <a:pt x="196" y="285"/>
                </a:cubicBezTo>
                <a:cubicBezTo>
                  <a:pt x="196" y="261"/>
                  <a:pt x="196" y="44"/>
                  <a:pt x="196" y="44"/>
                </a:cubicBezTo>
                <a:cubicBezTo>
                  <a:pt x="196" y="20"/>
                  <a:pt x="176" y="0"/>
                  <a:pt x="152" y="0"/>
                </a:cubicBezTo>
                <a:lnTo>
                  <a:pt x="113" y="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2" name="Freeform 345"/>
          <p:cNvSpPr>
            <a:spLocks/>
          </p:cNvSpPr>
          <p:nvPr userDrawn="1"/>
        </p:nvSpPr>
        <p:spPr bwMode="auto">
          <a:xfrm>
            <a:off x="5069238" y="3083033"/>
            <a:ext cx="515938" cy="330200"/>
          </a:xfrm>
          <a:custGeom>
            <a:avLst/>
            <a:gdLst/>
            <a:ahLst/>
            <a:cxnLst>
              <a:cxn ang="0">
                <a:pos x="0" y="15"/>
              </a:cxn>
              <a:cxn ang="0">
                <a:pos x="68" y="44"/>
              </a:cxn>
              <a:cxn ang="0">
                <a:pos x="21" y="69"/>
              </a:cxn>
              <a:cxn ang="0">
                <a:pos x="0" y="89"/>
              </a:cxn>
              <a:cxn ang="0">
                <a:pos x="14" y="102"/>
              </a:cxn>
              <a:cxn ang="0">
                <a:pos x="322" y="102"/>
              </a:cxn>
              <a:cxn ang="0">
                <a:pos x="430" y="213"/>
              </a:cxn>
              <a:cxn ang="0">
                <a:pos x="300" y="222"/>
              </a:cxn>
              <a:cxn ang="0">
                <a:pos x="291" y="245"/>
              </a:cxn>
              <a:cxn ang="0">
                <a:pos x="282" y="266"/>
              </a:cxn>
              <a:cxn ang="0">
                <a:pos x="274" y="245"/>
              </a:cxn>
              <a:cxn ang="0">
                <a:pos x="265" y="222"/>
              </a:cxn>
              <a:cxn ang="0">
                <a:pos x="187" y="230"/>
              </a:cxn>
              <a:cxn ang="0">
                <a:pos x="195" y="254"/>
              </a:cxn>
              <a:cxn ang="0">
                <a:pos x="170" y="254"/>
              </a:cxn>
              <a:cxn ang="0">
                <a:pos x="177" y="230"/>
              </a:cxn>
              <a:cxn ang="0">
                <a:pos x="101" y="222"/>
              </a:cxn>
              <a:cxn ang="0">
                <a:pos x="92" y="245"/>
              </a:cxn>
              <a:cxn ang="0">
                <a:pos x="83" y="266"/>
              </a:cxn>
              <a:cxn ang="0">
                <a:pos x="75" y="245"/>
              </a:cxn>
              <a:cxn ang="0">
                <a:pos x="65" y="222"/>
              </a:cxn>
              <a:cxn ang="0">
                <a:pos x="0" y="235"/>
              </a:cxn>
              <a:cxn ang="0">
                <a:pos x="45" y="248"/>
              </a:cxn>
              <a:cxn ang="0">
                <a:pos x="83" y="293"/>
              </a:cxn>
              <a:cxn ang="0">
                <a:pos x="122" y="248"/>
              </a:cxn>
              <a:cxn ang="0">
                <a:pos x="143" y="254"/>
              </a:cxn>
              <a:cxn ang="0">
                <a:pos x="221" y="254"/>
              </a:cxn>
              <a:cxn ang="0">
                <a:pos x="244" y="248"/>
              </a:cxn>
              <a:cxn ang="0">
                <a:pos x="282" y="293"/>
              </a:cxn>
              <a:cxn ang="0">
                <a:pos x="321" y="248"/>
              </a:cxn>
              <a:cxn ang="0">
                <a:pos x="434" y="248"/>
              </a:cxn>
              <a:cxn ang="0">
                <a:pos x="409" y="120"/>
              </a:cxn>
              <a:cxn ang="0">
                <a:pos x="322" y="76"/>
              </a:cxn>
              <a:cxn ang="0">
                <a:pos x="64" y="76"/>
              </a:cxn>
              <a:cxn ang="0">
                <a:pos x="118" y="40"/>
              </a:cxn>
              <a:cxn ang="0">
                <a:pos x="108" y="27"/>
              </a:cxn>
              <a:cxn ang="0">
                <a:pos x="1" y="12"/>
              </a:cxn>
            </a:cxnLst>
            <a:rect l="0" t="0" r="r" b="b"/>
            <a:pathLst>
              <a:path w="459" h="293">
                <a:moveTo>
                  <a:pt x="1" y="12"/>
                </a:moveTo>
                <a:cubicBezTo>
                  <a:pt x="1" y="13"/>
                  <a:pt x="0" y="14"/>
                  <a:pt x="0" y="15"/>
                </a:cubicBezTo>
                <a:cubicBezTo>
                  <a:pt x="0" y="21"/>
                  <a:pt x="4" y="26"/>
                  <a:pt x="10" y="28"/>
                </a:cubicBezTo>
                <a:cubicBezTo>
                  <a:pt x="10" y="28"/>
                  <a:pt x="41" y="36"/>
                  <a:pt x="68" y="44"/>
                </a:cubicBezTo>
                <a:cubicBezTo>
                  <a:pt x="63" y="46"/>
                  <a:pt x="58" y="49"/>
                  <a:pt x="53" y="52"/>
                </a:cubicBezTo>
                <a:cubicBezTo>
                  <a:pt x="39" y="59"/>
                  <a:pt x="29" y="64"/>
                  <a:pt x="21" y="69"/>
                </a:cubicBezTo>
                <a:cubicBezTo>
                  <a:pt x="10" y="75"/>
                  <a:pt x="10" y="75"/>
                  <a:pt x="10" y="75"/>
                </a:cubicBezTo>
                <a:cubicBezTo>
                  <a:pt x="7" y="77"/>
                  <a:pt x="0" y="81"/>
                  <a:pt x="0" y="89"/>
                </a:cubicBezTo>
                <a:cubicBezTo>
                  <a:pt x="0" y="89"/>
                  <a:pt x="0" y="90"/>
                  <a:pt x="0" y="90"/>
                </a:cubicBezTo>
                <a:cubicBezTo>
                  <a:pt x="1" y="97"/>
                  <a:pt x="7" y="102"/>
                  <a:pt x="14" y="102"/>
                </a:cubicBezTo>
                <a:cubicBezTo>
                  <a:pt x="27" y="102"/>
                  <a:pt x="160" y="102"/>
                  <a:pt x="249" y="102"/>
                </a:cubicBezTo>
                <a:cubicBezTo>
                  <a:pt x="249" y="102"/>
                  <a:pt x="322" y="102"/>
                  <a:pt x="322" y="102"/>
                </a:cubicBezTo>
                <a:cubicBezTo>
                  <a:pt x="367" y="102"/>
                  <a:pt x="422" y="167"/>
                  <a:pt x="429" y="206"/>
                </a:cubicBezTo>
                <a:cubicBezTo>
                  <a:pt x="430" y="209"/>
                  <a:pt x="430" y="211"/>
                  <a:pt x="430" y="213"/>
                </a:cubicBezTo>
                <a:cubicBezTo>
                  <a:pt x="430" y="219"/>
                  <a:pt x="428" y="221"/>
                  <a:pt x="426" y="222"/>
                </a:cubicBezTo>
                <a:cubicBezTo>
                  <a:pt x="421" y="222"/>
                  <a:pt x="300" y="222"/>
                  <a:pt x="300" y="222"/>
                </a:cubicBezTo>
                <a:cubicBezTo>
                  <a:pt x="295" y="222"/>
                  <a:pt x="290" y="225"/>
                  <a:pt x="288" y="230"/>
                </a:cubicBezTo>
                <a:cubicBezTo>
                  <a:pt x="286" y="235"/>
                  <a:pt x="287" y="241"/>
                  <a:pt x="291" y="245"/>
                </a:cubicBezTo>
                <a:cubicBezTo>
                  <a:pt x="293" y="247"/>
                  <a:pt x="295" y="250"/>
                  <a:pt x="295" y="254"/>
                </a:cubicBezTo>
                <a:cubicBezTo>
                  <a:pt x="295" y="261"/>
                  <a:pt x="289" y="266"/>
                  <a:pt x="282" y="266"/>
                </a:cubicBezTo>
                <a:cubicBezTo>
                  <a:pt x="276" y="266"/>
                  <a:pt x="270" y="261"/>
                  <a:pt x="270" y="254"/>
                </a:cubicBezTo>
                <a:cubicBezTo>
                  <a:pt x="270" y="250"/>
                  <a:pt x="271" y="247"/>
                  <a:pt x="274" y="245"/>
                </a:cubicBezTo>
                <a:cubicBezTo>
                  <a:pt x="278" y="241"/>
                  <a:pt x="279" y="235"/>
                  <a:pt x="277" y="230"/>
                </a:cubicBezTo>
                <a:cubicBezTo>
                  <a:pt x="275" y="225"/>
                  <a:pt x="270" y="222"/>
                  <a:pt x="265" y="222"/>
                </a:cubicBezTo>
                <a:cubicBezTo>
                  <a:pt x="200" y="222"/>
                  <a:pt x="200" y="222"/>
                  <a:pt x="200" y="222"/>
                </a:cubicBezTo>
                <a:cubicBezTo>
                  <a:pt x="194" y="222"/>
                  <a:pt x="189" y="225"/>
                  <a:pt x="187" y="230"/>
                </a:cubicBezTo>
                <a:cubicBezTo>
                  <a:pt x="185" y="235"/>
                  <a:pt x="187" y="241"/>
                  <a:pt x="191" y="245"/>
                </a:cubicBezTo>
                <a:cubicBezTo>
                  <a:pt x="193" y="247"/>
                  <a:pt x="195" y="250"/>
                  <a:pt x="195" y="254"/>
                </a:cubicBezTo>
                <a:cubicBezTo>
                  <a:pt x="195" y="261"/>
                  <a:pt x="189" y="266"/>
                  <a:pt x="182" y="266"/>
                </a:cubicBezTo>
                <a:cubicBezTo>
                  <a:pt x="175" y="266"/>
                  <a:pt x="170" y="261"/>
                  <a:pt x="170" y="254"/>
                </a:cubicBezTo>
                <a:cubicBezTo>
                  <a:pt x="170" y="250"/>
                  <a:pt x="171" y="247"/>
                  <a:pt x="173" y="245"/>
                </a:cubicBezTo>
                <a:cubicBezTo>
                  <a:pt x="177" y="241"/>
                  <a:pt x="179" y="235"/>
                  <a:pt x="177" y="230"/>
                </a:cubicBezTo>
                <a:cubicBezTo>
                  <a:pt x="174" y="225"/>
                  <a:pt x="170" y="222"/>
                  <a:pt x="164" y="222"/>
                </a:cubicBezTo>
                <a:cubicBezTo>
                  <a:pt x="101" y="222"/>
                  <a:pt x="101" y="222"/>
                  <a:pt x="101" y="222"/>
                </a:cubicBezTo>
                <a:cubicBezTo>
                  <a:pt x="96" y="222"/>
                  <a:pt x="91" y="225"/>
                  <a:pt x="89" y="230"/>
                </a:cubicBezTo>
                <a:cubicBezTo>
                  <a:pt x="87" y="235"/>
                  <a:pt x="88" y="241"/>
                  <a:pt x="92" y="245"/>
                </a:cubicBezTo>
                <a:cubicBezTo>
                  <a:pt x="94" y="247"/>
                  <a:pt x="96" y="250"/>
                  <a:pt x="96" y="254"/>
                </a:cubicBezTo>
                <a:cubicBezTo>
                  <a:pt x="96" y="261"/>
                  <a:pt x="90" y="266"/>
                  <a:pt x="83" y="266"/>
                </a:cubicBezTo>
                <a:cubicBezTo>
                  <a:pt x="76" y="266"/>
                  <a:pt x="71" y="261"/>
                  <a:pt x="71" y="254"/>
                </a:cubicBezTo>
                <a:cubicBezTo>
                  <a:pt x="71" y="250"/>
                  <a:pt x="72" y="247"/>
                  <a:pt x="75" y="245"/>
                </a:cubicBezTo>
                <a:cubicBezTo>
                  <a:pt x="79" y="241"/>
                  <a:pt x="80" y="235"/>
                  <a:pt x="78" y="230"/>
                </a:cubicBezTo>
                <a:cubicBezTo>
                  <a:pt x="76" y="225"/>
                  <a:pt x="71" y="222"/>
                  <a:pt x="65" y="222"/>
                </a:cubicBezTo>
                <a:cubicBezTo>
                  <a:pt x="14" y="222"/>
                  <a:pt x="14" y="222"/>
                  <a:pt x="14" y="222"/>
                </a:cubicBezTo>
                <a:cubicBezTo>
                  <a:pt x="6" y="222"/>
                  <a:pt x="0" y="228"/>
                  <a:pt x="0" y="235"/>
                </a:cubicBezTo>
                <a:cubicBezTo>
                  <a:pt x="0" y="243"/>
                  <a:pt x="6" y="248"/>
                  <a:pt x="14" y="248"/>
                </a:cubicBezTo>
                <a:cubicBezTo>
                  <a:pt x="14" y="248"/>
                  <a:pt x="30" y="248"/>
                  <a:pt x="45" y="248"/>
                </a:cubicBezTo>
                <a:cubicBezTo>
                  <a:pt x="44" y="250"/>
                  <a:pt x="44" y="252"/>
                  <a:pt x="44" y="254"/>
                </a:cubicBezTo>
                <a:cubicBezTo>
                  <a:pt x="44" y="275"/>
                  <a:pt x="62" y="293"/>
                  <a:pt x="83" y="293"/>
                </a:cubicBezTo>
                <a:cubicBezTo>
                  <a:pt x="105" y="293"/>
                  <a:pt x="122" y="275"/>
                  <a:pt x="122" y="254"/>
                </a:cubicBezTo>
                <a:cubicBezTo>
                  <a:pt x="122" y="252"/>
                  <a:pt x="122" y="250"/>
                  <a:pt x="122" y="248"/>
                </a:cubicBezTo>
                <a:cubicBezTo>
                  <a:pt x="131" y="248"/>
                  <a:pt x="134" y="248"/>
                  <a:pt x="143" y="248"/>
                </a:cubicBezTo>
                <a:cubicBezTo>
                  <a:pt x="143" y="250"/>
                  <a:pt x="143" y="252"/>
                  <a:pt x="143" y="254"/>
                </a:cubicBezTo>
                <a:cubicBezTo>
                  <a:pt x="143" y="275"/>
                  <a:pt x="161" y="293"/>
                  <a:pt x="182" y="293"/>
                </a:cubicBezTo>
                <a:cubicBezTo>
                  <a:pt x="204" y="293"/>
                  <a:pt x="221" y="275"/>
                  <a:pt x="221" y="254"/>
                </a:cubicBezTo>
                <a:cubicBezTo>
                  <a:pt x="221" y="252"/>
                  <a:pt x="221" y="250"/>
                  <a:pt x="221" y="248"/>
                </a:cubicBezTo>
                <a:cubicBezTo>
                  <a:pt x="231" y="248"/>
                  <a:pt x="234" y="248"/>
                  <a:pt x="244" y="248"/>
                </a:cubicBezTo>
                <a:cubicBezTo>
                  <a:pt x="243" y="250"/>
                  <a:pt x="243" y="252"/>
                  <a:pt x="243" y="254"/>
                </a:cubicBezTo>
                <a:cubicBezTo>
                  <a:pt x="243" y="275"/>
                  <a:pt x="261" y="293"/>
                  <a:pt x="282" y="293"/>
                </a:cubicBezTo>
                <a:cubicBezTo>
                  <a:pt x="304" y="293"/>
                  <a:pt x="322" y="275"/>
                  <a:pt x="322" y="254"/>
                </a:cubicBezTo>
                <a:cubicBezTo>
                  <a:pt x="322" y="252"/>
                  <a:pt x="321" y="250"/>
                  <a:pt x="321" y="248"/>
                </a:cubicBezTo>
                <a:cubicBezTo>
                  <a:pt x="351" y="248"/>
                  <a:pt x="429" y="249"/>
                  <a:pt x="429" y="249"/>
                </a:cubicBezTo>
                <a:cubicBezTo>
                  <a:pt x="431" y="249"/>
                  <a:pt x="432" y="248"/>
                  <a:pt x="434" y="248"/>
                </a:cubicBezTo>
                <a:cubicBezTo>
                  <a:pt x="451" y="241"/>
                  <a:pt x="459" y="224"/>
                  <a:pt x="455" y="201"/>
                </a:cubicBezTo>
                <a:cubicBezTo>
                  <a:pt x="451" y="177"/>
                  <a:pt x="433" y="146"/>
                  <a:pt x="409" y="120"/>
                </a:cubicBezTo>
                <a:cubicBezTo>
                  <a:pt x="392" y="103"/>
                  <a:pt x="359" y="75"/>
                  <a:pt x="322" y="76"/>
                </a:cubicBezTo>
                <a:cubicBezTo>
                  <a:pt x="322" y="76"/>
                  <a:pt x="322" y="76"/>
                  <a:pt x="322" y="76"/>
                </a:cubicBezTo>
                <a:cubicBezTo>
                  <a:pt x="249" y="76"/>
                  <a:pt x="249" y="76"/>
                  <a:pt x="249" y="76"/>
                </a:cubicBezTo>
                <a:cubicBezTo>
                  <a:pt x="191" y="76"/>
                  <a:pt x="114" y="76"/>
                  <a:pt x="64" y="76"/>
                </a:cubicBezTo>
                <a:cubicBezTo>
                  <a:pt x="79" y="68"/>
                  <a:pt x="95" y="60"/>
                  <a:pt x="110" y="51"/>
                </a:cubicBezTo>
                <a:cubicBezTo>
                  <a:pt x="115" y="49"/>
                  <a:pt x="118" y="45"/>
                  <a:pt x="118" y="40"/>
                </a:cubicBezTo>
                <a:cubicBezTo>
                  <a:pt x="118" y="39"/>
                  <a:pt x="118" y="39"/>
                  <a:pt x="118" y="38"/>
                </a:cubicBezTo>
                <a:cubicBezTo>
                  <a:pt x="117" y="33"/>
                  <a:pt x="113" y="28"/>
                  <a:pt x="108" y="27"/>
                </a:cubicBezTo>
                <a:cubicBezTo>
                  <a:pt x="17" y="2"/>
                  <a:pt x="17" y="2"/>
                  <a:pt x="17" y="2"/>
                </a:cubicBezTo>
                <a:cubicBezTo>
                  <a:pt x="10" y="0"/>
                  <a:pt x="3" y="5"/>
                  <a:pt x="1" y="1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3" name="Freeform 349"/>
          <p:cNvSpPr>
            <a:spLocks/>
          </p:cNvSpPr>
          <p:nvPr userDrawn="1"/>
        </p:nvSpPr>
        <p:spPr bwMode="auto">
          <a:xfrm>
            <a:off x="5135913" y="4398455"/>
            <a:ext cx="382588" cy="525462"/>
          </a:xfrm>
          <a:custGeom>
            <a:avLst/>
            <a:gdLst/>
            <a:ahLst/>
            <a:cxnLst>
              <a:cxn ang="0">
                <a:pos x="299" y="75"/>
              </a:cxn>
              <a:cxn ang="0">
                <a:pos x="227" y="20"/>
              </a:cxn>
              <a:cxn ang="0">
                <a:pos x="170" y="0"/>
              </a:cxn>
              <a:cxn ang="0">
                <a:pos x="102" y="30"/>
              </a:cxn>
              <a:cxn ang="0">
                <a:pos x="56" y="67"/>
              </a:cxn>
              <a:cxn ang="0">
                <a:pos x="0" y="151"/>
              </a:cxn>
              <a:cxn ang="0">
                <a:pos x="35" y="222"/>
              </a:cxn>
              <a:cxn ang="0">
                <a:pos x="39" y="274"/>
              </a:cxn>
              <a:cxn ang="0">
                <a:pos x="116" y="325"/>
              </a:cxn>
              <a:cxn ang="0">
                <a:pos x="130" y="323"/>
              </a:cxn>
              <a:cxn ang="0">
                <a:pos x="95" y="440"/>
              </a:cxn>
              <a:cxn ang="0">
                <a:pos x="95" y="466"/>
              </a:cxn>
              <a:cxn ang="0">
                <a:pos x="152" y="462"/>
              </a:cxn>
              <a:cxn ang="0">
                <a:pos x="156" y="306"/>
              </a:cxn>
              <a:cxn ang="0">
                <a:pos x="139" y="293"/>
              </a:cxn>
              <a:cxn ang="0">
                <a:pos x="130" y="296"/>
              </a:cxn>
              <a:cxn ang="0">
                <a:pos x="118" y="298"/>
              </a:cxn>
              <a:cxn ang="0">
                <a:pos x="94" y="293"/>
              </a:cxn>
              <a:cxn ang="0">
                <a:pos x="59" y="241"/>
              </a:cxn>
              <a:cxn ang="0">
                <a:pos x="57" y="206"/>
              </a:cxn>
              <a:cxn ang="0">
                <a:pos x="27" y="151"/>
              </a:cxn>
              <a:cxn ang="0">
                <a:pos x="55" y="97"/>
              </a:cxn>
              <a:cxn ang="0">
                <a:pos x="93" y="86"/>
              </a:cxn>
              <a:cxn ang="0">
                <a:pos x="129" y="41"/>
              </a:cxn>
              <a:cxn ang="0">
                <a:pos x="170" y="26"/>
              </a:cxn>
              <a:cxn ang="0">
                <a:pos x="218" y="48"/>
              </a:cxn>
              <a:cxn ang="0">
                <a:pos x="246" y="86"/>
              </a:cxn>
              <a:cxn ang="0">
                <a:pos x="273" y="91"/>
              </a:cxn>
              <a:cxn ang="0">
                <a:pos x="313" y="151"/>
              </a:cxn>
              <a:cxn ang="0">
                <a:pos x="282" y="206"/>
              </a:cxn>
              <a:cxn ang="0">
                <a:pos x="280" y="241"/>
              </a:cxn>
              <a:cxn ang="0">
                <a:pos x="255" y="288"/>
              </a:cxn>
              <a:cxn ang="0">
                <a:pos x="221" y="298"/>
              </a:cxn>
              <a:cxn ang="0">
                <a:pos x="205" y="294"/>
              </a:cxn>
              <a:cxn ang="0">
                <a:pos x="201" y="293"/>
              </a:cxn>
              <a:cxn ang="0">
                <a:pos x="200" y="293"/>
              </a:cxn>
              <a:cxn ang="0">
                <a:pos x="189" y="296"/>
              </a:cxn>
              <a:cxn ang="0">
                <a:pos x="183" y="453"/>
              </a:cxn>
              <a:cxn ang="0">
                <a:pos x="197" y="466"/>
              </a:cxn>
              <a:cxn ang="0">
                <a:pos x="258" y="453"/>
              </a:cxn>
              <a:cxn ang="0">
                <a:pos x="210" y="440"/>
              </a:cxn>
              <a:cxn ang="0">
                <a:pos x="213" y="324"/>
              </a:cxn>
              <a:cxn ang="0">
                <a:pos x="224" y="324"/>
              </a:cxn>
              <a:cxn ang="0">
                <a:pos x="293" y="288"/>
              </a:cxn>
              <a:cxn ang="0">
                <a:pos x="305" y="222"/>
              </a:cxn>
              <a:cxn ang="0">
                <a:pos x="339" y="151"/>
              </a:cxn>
            </a:cxnLst>
            <a:rect l="0" t="0" r="r" b="b"/>
            <a:pathLst>
              <a:path w="339" h="466">
                <a:moveTo>
                  <a:pt x="332" y="115"/>
                </a:moveTo>
                <a:cubicBezTo>
                  <a:pt x="325" y="99"/>
                  <a:pt x="314" y="85"/>
                  <a:pt x="299" y="75"/>
                </a:cubicBezTo>
                <a:cubicBezTo>
                  <a:pt x="287" y="67"/>
                  <a:pt x="272" y="61"/>
                  <a:pt x="255" y="60"/>
                </a:cubicBezTo>
                <a:cubicBezTo>
                  <a:pt x="250" y="44"/>
                  <a:pt x="240" y="30"/>
                  <a:pt x="227" y="20"/>
                </a:cubicBezTo>
                <a:cubicBezTo>
                  <a:pt x="219" y="14"/>
                  <a:pt x="210" y="9"/>
                  <a:pt x="200" y="5"/>
                </a:cubicBezTo>
                <a:cubicBezTo>
                  <a:pt x="191" y="2"/>
                  <a:pt x="180" y="0"/>
                  <a:pt x="170" y="0"/>
                </a:cubicBezTo>
                <a:cubicBezTo>
                  <a:pt x="159" y="0"/>
                  <a:pt x="149" y="2"/>
                  <a:pt x="139" y="5"/>
                </a:cubicBezTo>
                <a:cubicBezTo>
                  <a:pt x="125" y="10"/>
                  <a:pt x="112" y="19"/>
                  <a:pt x="102" y="30"/>
                </a:cubicBezTo>
                <a:cubicBezTo>
                  <a:pt x="94" y="39"/>
                  <a:pt x="88" y="49"/>
                  <a:pt x="84" y="60"/>
                </a:cubicBezTo>
                <a:cubicBezTo>
                  <a:pt x="74" y="61"/>
                  <a:pt x="65" y="63"/>
                  <a:pt x="56" y="67"/>
                </a:cubicBezTo>
                <a:cubicBezTo>
                  <a:pt x="39" y="74"/>
                  <a:pt x="25" y="85"/>
                  <a:pt x="16" y="100"/>
                </a:cubicBezTo>
                <a:cubicBezTo>
                  <a:pt x="6" y="114"/>
                  <a:pt x="0" y="132"/>
                  <a:pt x="0" y="151"/>
                </a:cubicBezTo>
                <a:cubicBezTo>
                  <a:pt x="0" y="167"/>
                  <a:pt x="4" y="182"/>
                  <a:pt x="12" y="196"/>
                </a:cubicBezTo>
                <a:cubicBezTo>
                  <a:pt x="18" y="206"/>
                  <a:pt x="25" y="215"/>
                  <a:pt x="35" y="222"/>
                </a:cubicBezTo>
                <a:cubicBezTo>
                  <a:pt x="33" y="228"/>
                  <a:pt x="32" y="235"/>
                  <a:pt x="32" y="241"/>
                </a:cubicBezTo>
                <a:cubicBezTo>
                  <a:pt x="32" y="253"/>
                  <a:pt x="35" y="264"/>
                  <a:pt x="39" y="274"/>
                </a:cubicBezTo>
                <a:cubicBezTo>
                  <a:pt x="45" y="289"/>
                  <a:pt x="56" y="301"/>
                  <a:pt x="69" y="310"/>
                </a:cubicBezTo>
                <a:cubicBezTo>
                  <a:pt x="82" y="319"/>
                  <a:pt x="99" y="325"/>
                  <a:pt x="116" y="325"/>
                </a:cubicBezTo>
                <a:cubicBezTo>
                  <a:pt x="118" y="325"/>
                  <a:pt x="119" y="324"/>
                  <a:pt x="121" y="324"/>
                </a:cubicBezTo>
                <a:cubicBezTo>
                  <a:pt x="124" y="324"/>
                  <a:pt x="127" y="324"/>
                  <a:pt x="130" y="323"/>
                </a:cubicBezTo>
                <a:cubicBezTo>
                  <a:pt x="130" y="440"/>
                  <a:pt x="130" y="440"/>
                  <a:pt x="130" y="440"/>
                </a:cubicBezTo>
                <a:cubicBezTo>
                  <a:pt x="95" y="440"/>
                  <a:pt x="95" y="440"/>
                  <a:pt x="95" y="440"/>
                </a:cubicBezTo>
                <a:cubicBezTo>
                  <a:pt x="88" y="440"/>
                  <a:pt x="82" y="446"/>
                  <a:pt x="82" y="453"/>
                </a:cubicBezTo>
                <a:cubicBezTo>
                  <a:pt x="82" y="460"/>
                  <a:pt x="88" y="466"/>
                  <a:pt x="95" y="466"/>
                </a:cubicBezTo>
                <a:cubicBezTo>
                  <a:pt x="143" y="466"/>
                  <a:pt x="143" y="466"/>
                  <a:pt x="143" y="466"/>
                </a:cubicBezTo>
                <a:cubicBezTo>
                  <a:pt x="146" y="466"/>
                  <a:pt x="150" y="465"/>
                  <a:pt x="152" y="462"/>
                </a:cubicBezTo>
                <a:cubicBezTo>
                  <a:pt x="155" y="460"/>
                  <a:pt x="156" y="456"/>
                  <a:pt x="156" y="453"/>
                </a:cubicBezTo>
                <a:cubicBezTo>
                  <a:pt x="156" y="306"/>
                  <a:pt x="156" y="306"/>
                  <a:pt x="156" y="306"/>
                </a:cubicBezTo>
                <a:cubicBezTo>
                  <a:pt x="156" y="302"/>
                  <a:pt x="154" y="298"/>
                  <a:pt x="151" y="296"/>
                </a:cubicBezTo>
                <a:cubicBezTo>
                  <a:pt x="148" y="293"/>
                  <a:pt x="143" y="292"/>
                  <a:pt x="139" y="293"/>
                </a:cubicBezTo>
                <a:cubicBezTo>
                  <a:pt x="139" y="293"/>
                  <a:pt x="139" y="293"/>
                  <a:pt x="139" y="293"/>
                </a:cubicBezTo>
                <a:cubicBezTo>
                  <a:pt x="139" y="293"/>
                  <a:pt x="135" y="295"/>
                  <a:pt x="130" y="296"/>
                </a:cubicBezTo>
                <a:cubicBezTo>
                  <a:pt x="127" y="296"/>
                  <a:pt x="124" y="297"/>
                  <a:pt x="122" y="297"/>
                </a:cubicBezTo>
                <a:cubicBezTo>
                  <a:pt x="121" y="297"/>
                  <a:pt x="119" y="298"/>
                  <a:pt x="118" y="298"/>
                </a:cubicBezTo>
                <a:cubicBezTo>
                  <a:pt x="117" y="298"/>
                  <a:pt x="116" y="298"/>
                  <a:pt x="116" y="298"/>
                </a:cubicBezTo>
                <a:cubicBezTo>
                  <a:pt x="108" y="298"/>
                  <a:pt x="100" y="296"/>
                  <a:pt x="94" y="293"/>
                </a:cubicBezTo>
                <a:cubicBezTo>
                  <a:pt x="84" y="289"/>
                  <a:pt x="75" y="282"/>
                  <a:pt x="69" y="273"/>
                </a:cubicBezTo>
                <a:cubicBezTo>
                  <a:pt x="63" y="264"/>
                  <a:pt x="59" y="253"/>
                  <a:pt x="59" y="241"/>
                </a:cubicBezTo>
                <a:cubicBezTo>
                  <a:pt x="59" y="234"/>
                  <a:pt x="60" y="228"/>
                  <a:pt x="63" y="221"/>
                </a:cubicBezTo>
                <a:cubicBezTo>
                  <a:pt x="65" y="216"/>
                  <a:pt x="62" y="209"/>
                  <a:pt x="57" y="206"/>
                </a:cubicBezTo>
                <a:cubicBezTo>
                  <a:pt x="48" y="200"/>
                  <a:pt x="40" y="192"/>
                  <a:pt x="35" y="183"/>
                </a:cubicBezTo>
                <a:cubicBezTo>
                  <a:pt x="30" y="173"/>
                  <a:pt x="27" y="162"/>
                  <a:pt x="27" y="151"/>
                </a:cubicBezTo>
                <a:cubicBezTo>
                  <a:pt x="27" y="142"/>
                  <a:pt x="29" y="133"/>
                  <a:pt x="32" y="126"/>
                </a:cubicBezTo>
                <a:cubicBezTo>
                  <a:pt x="37" y="114"/>
                  <a:pt x="45" y="104"/>
                  <a:pt x="55" y="97"/>
                </a:cubicBezTo>
                <a:cubicBezTo>
                  <a:pt x="65" y="90"/>
                  <a:pt x="78" y="86"/>
                  <a:pt x="91" y="86"/>
                </a:cubicBezTo>
                <a:cubicBezTo>
                  <a:pt x="92" y="86"/>
                  <a:pt x="93" y="86"/>
                  <a:pt x="93" y="86"/>
                </a:cubicBezTo>
                <a:cubicBezTo>
                  <a:pt x="100" y="87"/>
                  <a:pt x="105" y="82"/>
                  <a:pt x="107" y="76"/>
                </a:cubicBezTo>
                <a:cubicBezTo>
                  <a:pt x="110" y="62"/>
                  <a:pt x="118" y="49"/>
                  <a:pt x="129" y="41"/>
                </a:cubicBezTo>
                <a:cubicBezTo>
                  <a:pt x="135" y="36"/>
                  <a:pt x="141" y="33"/>
                  <a:pt x="148" y="30"/>
                </a:cubicBezTo>
                <a:cubicBezTo>
                  <a:pt x="155" y="28"/>
                  <a:pt x="162" y="26"/>
                  <a:pt x="170" y="26"/>
                </a:cubicBezTo>
                <a:cubicBezTo>
                  <a:pt x="177" y="26"/>
                  <a:pt x="185" y="28"/>
                  <a:pt x="191" y="30"/>
                </a:cubicBezTo>
                <a:cubicBezTo>
                  <a:pt x="202" y="34"/>
                  <a:pt x="211" y="40"/>
                  <a:pt x="218" y="48"/>
                </a:cubicBezTo>
                <a:cubicBezTo>
                  <a:pt x="225" y="56"/>
                  <a:pt x="230" y="65"/>
                  <a:pt x="232" y="76"/>
                </a:cubicBezTo>
                <a:cubicBezTo>
                  <a:pt x="234" y="82"/>
                  <a:pt x="240" y="87"/>
                  <a:pt x="246" y="86"/>
                </a:cubicBezTo>
                <a:cubicBezTo>
                  <a:pt x="247" y="86"/>
                  <a:pt x="248" y="86"/>
                  <a:pt x="248" y="86"/>
                </a:cubicBezTo>
                <a:cubicBezTo>
                  <a:pt x="257" y="86"/>
                  <a:pt x="266" y="88"/>
                  <a:pt x="273" y="91"/>
                </a:cubicBezTo>
                <a:cubicBezTo>
                  <a:pt x="285" y="96"/>
                  <a:pt x="295" y="104"/>
                  <a:pt x="302" y="115"/>
                </a:cubicBezTo>
                <a:cubicBezTo>
                  <a:pt x="309" y="125"/>
                  <a:pt x="313" y="137"/>
                  <a:pt x="313" y="151"/>
                </a:cubicBezTo>
                <a:cubicBezTo>
                  <a:pt x="313" y="162"/>
                  <a:pt x="310" y="173"/>
                  <a:pt x="304" y="183"/>
                </a:cubicBezTo>
                <a:cubicBezTo>
                  <a:pt x="299" y="192"/>
                  <a:pt x="292" y="200"/>
                  <a:pt x="282" y="206"/>
                </a:cubicBezTo>
                <a:cubicBezTo>
                  <a:pt x="277" y="209"/>
                  <a:pt x="275" y="216"/>
                  <a:pt x="277" y="221"/>
                </a:cubicBezTo>
                <a:cubicBezTo>
                  <a:pt x="279" y="228"/>
                  <a:pt x="280" y="234"/>
                  <a:pt x="280" y="241"/>
                </a:cubicBezTo>
                <a:cubicBezTo>
                  <a:pt x="280" y="249"/>
                  <a:pt x="279" y="256"/>
                  <a:pt x="276" y="263"/>
                </a:cubicBezTo>
                <a:cubicBezTo>
                  <a:pt x="272" y="273"/>
                  <a:pt x="265" y="282"/>
                  <a:pt x="255" y="288"/>
                </a:cubicBezTo>
                <a:cubicBezTo>
                  <a:pt x="246" y="294"/>
                  <a:pt x="236" y="298"/>
                  <a:pt x="224" y="298"/>
                </a:cubicBezTo>
                <a:cubicBezTo>
                  <a:pt x="223" y="298"/>
                  <a:pt x="222" y="298"/>
                  <a:pt x="221" y="298"/>
                </a:cubicBezTo>
                <a:cubicBezTo>
                  <a:pt x="219" y="297"/>
                  <a:pt x="217" y="297"/>
                  <a:pt x="215" y="297"/>
                </a:cubicBezTo>
                <a:cubicBezTo>
                  <a:pt x="211" y="296"/>
                  <a:pt x="207" y="295"/>
                  <a:pt x="205" y="294"/>
                </a:cubicBezTo>
                <a:cubicBezTo>
                  <a:pt x="203" y="294"/>
                  <a:pt x="202" y="294"/>
                  <a:pt x="202" y="294"/>
                </a:cubicBezTo>
                <a:cubicBezTo>
                  <a:pt x="201" y="294"/>
                  <a:pt x="201" y="293"/>
                  <a:pt x="201" y="293"/>
                </a:cubicBezTo>
                <a:cubicBezTo>
                  <a:pt x="200" y="293"/>
                  <a:pt x="200" y="293"/>
                  <a:pt x="200" y="293"/>
                </a:cubicBezTo>
                <a:cubicBezTo>
                  <a:pt x="200" y="293"/>
                  <a:pt x="200" y="293"/>
                  <a:pt x="200" y="293"/>
                </a:cubicBezTo>
                <a:cubicBezTo>
                  <a:pt x="200" y="293"/>
                  <a:pt x="200" y="293"/>
                  <a:pt x="200" y="293"/>
                </a:cubicBezTo>
                <a:cubicBezTo>
                  <a:pt x="196" y="292"/>
                  <a:pt x="192" y="293"/>
                  <a:pt x="189" y="296"/>
                </a:cubicBezTo>
                <a:cubicBezTo>
                  <a:pt x="185" y="298"/>
                  <a:pt x="183" y="302"/>
                  <a:pt x="183" y="306"/>
                </a:cubicBezTo>
                <a:cubicBezTo>
                  <a:pt x="183" y="453"/>
                  <a:pt x="183" y="453"/>
                  <a:pt x="183" y="453"/>
                </a:cubicBezTo>
                <a:cubicBezTo>
                  <a:pt x="183" y="456"/>
                  <a:pt x="185" y="460"/>
                  <a:pt x="187" y="462"/>
                </a:cubicBezTo>
                <a:cubicBezTo>
                  <a:pt x="190" y="465"/>
                  <a:pt x="193" y="466"/>
                  <a:pt x="197" y="466"/>
                </a:cubicBezTo>
                <a:cubicBezTo>
                  <a:pt x="244" y="466"/>
                  <a:pt x="244" y="466"/>
                  <a:pt x="244" y="466"/>
                </a:cubicBezTo>
                <a:cubicBezTo>
                  <a:pt x="252" y="466"/>
                  <a:pt x="258" y="460"/>
                  <a:pt x="258" y="453"/>
                </a:cubicBezTo>
                <a:cubicBezTo>
                  <a:pt x="258" y="446"/>
                  <a:pt x="252" y="440"/>
                  <a:pt x="244" y="440"/>
                </a:cubicBezTo>
                <a:cubicBezTo>
                  <a:pt x="210" y="440"/>
                  <a:pt x="210" y="440"/>
                  <a:pt x="210" y="440"/>
                </a:cubicBezTo>
                <a:cubicBezTo>
                  <a:pt x="210" y="323"/>
                  <a:pt x="210" y="323"/>
                  <a:pt x="210" y="323"/>
                </a:cubicBezTo>
                <a:cubicBezTo>
                  <a:pt x="211" y="323"/>
                  <a:pt x="212" y="323"/>
                  <a:pt x="213" y="324"/>
                </a:cubicBezTo>
                <a:cubicBezTo>
                  <a:pt x="215" y="324"/>
                  <a:pt x="217" y="324"/>
                  <a:pt x="219" y="324"/>
                </a:cubicBezTo>
                <a:cubicBezTo>
                  <a:pt x="220" y="324"/>
                  <a:pt x="222" y="324"/>
                  <a:pt x="224" y="324"/>
                </a:cubicBezTo>
                <a:cubicBezTo>
                  <a:pt x="235" y="324"/>
                  <a:pt x="246" y="322"/>
                  <a:pt x="256" y="318"/>
                </a:cubicBezTo>
                <a:cubicBezTo>
                  <a:pt x="271" y="312"/>
                  <a:pt x="284" y="301"/>
                  <a:pt x="293" y="288"/>
                </a:cubicBezTo>
                <a:cubicBezTo>
                  <a:pt x="302" y="274"/>
                  <a:pt x="307" y="258"/>
                  <a:pt x="307" y="241"/>
                </a:cubicBezTo>
                <a:cubicBezTo>
                  <a:pt x="307" y="235"/>
                  <a:pt x="306" y="228"/>
                  <a:pt x="305" y="222"/>
                </a:cubicBezTo>
                <a:cubicBezTo>
                  <a:pt x="314" y="215"/>
                  <a:pt x="322" y="206"/>
                  <a:pt x="328" y="196"/>
                </a:cubicBezTo>
                <a:cubicBezTo>
                  <a:pt x="335" y="182"/>
                  <a:pt x="339" y="167"/>
                  <a:pt x="339" y="151"/>
                </a:cubicBezTo>
                <a:cubicBezTo>
                  <a:pt x="339" y="138"/>
                  <a:pt x="337" y="126"/>
                  <a:pt x="332" y="11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4" name="Freeform 369"/>
          <p:cNvSpPr>
            <a:spLocks/>
          </p:cNvSpPr>
          <p:nvPr userDrawn="1"/>
        </p:nvSpPr>
        <p:spPr bwMode="auto">
          <a:xfrm>
            <a:off x="5251007" y="2397342"/>
            <a:ext cx="152400" cy="488950"/>
          </a:xfrm>
          <a:custGeom>
            <a:avLst/>
            <a:gdLst/>
            <a:ahLst/>
            <a:cxnLst>
              <a:cxn ang="0">
                <a:pos x="80" y="356"/>
              </a:cxn>
              <a:cxn ang="0">
                <a:pos x="80" y="333"/>
              </a:cxn>
              <a:cxn ang="0">
                <a:pos x="131" y="280"/>
              </a:cxn>
              <a:cxn ang="0">
                <a:pos x="131" y="53"/>
              </a:cxn>
              <a:cxn ang="0">
                <a:pos x="78" y="0"/>
              </a:cxn>
              <a:cxn ang="0">
                <a:pos x="54" y="0"/>
              </a:cxn>
              <a:cxn ang="0">
                <a:pos x="0" y="53"/>
              </a:cxn>
              <a:cxn ang="0">
                <a:pos x="0" y="280"/>
              </a:cxn>
              <a:cxn ang="0">
                <a:pos x="16" y="318"/>
              </a:cxn>
              <a:cxn ang="0">
                <a:pos x="35" y="318"/>
              </a:cxn>
              <a:cxn ang="0">
                <a:pos x="35" y="299"/>
              </a:cxn>
              <a:cxn ang="0">
                <a:pos x="27" y="280"/>
              </a:cxn>
              <a:cxn ang="0">
                <a:pos x="27" y="255"/>
              </a:cxn>
              <a:cxn ang="0">
                <a:pos x="54" y="263"/>
              </a:cxn>
              <a:cxn ang="0">
                <a:pos x="77" y="263"/>
              </a:cxn>
              <a:cxn ang="0">
                <a:pos x="91" y="249"/>
              </a:cxn>
              <a:cxn ang="0">
                <a:pos x="77" y="236"/>
              </a:cxn>
              <a:cxn ang="0">
                <a:pos x="54" y="236"/>
              </a:cxn>
              <a:cxn ang="0">
                <a:pos x="35" y="228"/>
              </a:cxn>
              <a:cxn ang="0">
                <a:pos x="27" y="209"/>
              </a:cxn>
              <a:cxn ang="0">
                <a:pos x="27" y="206"/>
              </a:cxn>
              <a:cxn ang="0">
                <a:pos x="27" y="177"/>
              </a:cxn>
              <a:cxn ang="0">
                <a:pos x="54" y="184"/>
              </a:cxn>
              <a:cxn ang="0">
                <a:pos x="77" y="184"/>
              </a:cxn>
              <a:cxn ang="0">
                <a:pos x="91" y="171"/>
              </a:cxn>
              <a:cxn ang="0">
                <a:pos x="77" y="157"/>
              </a:cxn>
              <a:cxn ang="0">
                <a:pos x="54" y="157"/>
              </a:cxn>
              <a:cxn ang="0">
                <a:pos x="35" y="149"/>
              </a:cxn>
              <a:cxn ang="0">
                <a:pos x="27" y="131"/>
              </a:cxn>
              <a:cxn ang="0">
                <a:pos x="27" y="128"/>
              </a:cxn>
              <a:cxn ang="0">
                <a:pos x="27" y="97"/>
              </a:cxn>
              <a:cxn ang="0">
                <a:pos x="54" y="104"/>
              </a:cxn>
              <a:cxn ang="0">
                <a:pos x="77" y="104"/>
              </a:cxn>
              <a:cxn ang="0">
                <a:pos x="91" y="91"/>
              </a:cxn>
              <a:cxn ang="0">
                <a:pos x="77" y="77"/>
              </a:cxn>
              <a:cxn ang="0">
                <a:pos x="54" y="77"/>
              </a:cxn>
              <a:cxn ang="0">
                <a:pos x="35" y="69"/>
              </a:cxn>
              <a:cxn ang="0">
                <a:pos x="27" y="51"/>
              </a:cxn>
              <a:cxn ang="0">
                <a:pos x="27" y="50"/>
              </a:cxn>
              <a:cxn ang="0">
                <a:pos x="54" y="27"/>
              </a:cxn>
              <a:cxn ang="0">
                <a:pos x="78" y="27"/>
              </a:cxn>
              <a:cxn ang="0">
                <a:pos x="104" y="53"/>
              </a:cxn>
              <a:cxn ang="0">
                <a:pos x="104" y="280"/>
              </a:cxn>
              <a:cxn ang="0">
                <a:pos x="78" y="307"/>
              </a:cxn>
              <a:cxn ang="0">
                <a:pos x="71" y="307"/>
              </a:cxn>
              <a:cxn ang="0">
                <a:pos x="69" y="307"/>
              </a:cxn>
              <a:cxn ang="0">
                <a:pos x="67" y="307"/>
              </a:cxn>
              <a:cxn ang="0">
                <a:pos x="53" y="320"/>
              </a:cxn>
              <a:cxn ang="0">
                <a:pos x="53" y="368"/>
              </a:cxn>
              <a:cxn ang="0">
                <a:pos x="61" y="380"/>
              </a:cxn>
              <a:cxn ang="0">
                <a:pos x="68" y="382"/>
              </a:cxn>
              <a:cxn ang="0">
                <a:pos x="107" y="394"/>
              </a:cxn>
              <a:cxn ang="0">
                <a:pos x="68" y="406"/>
              </a:cxn>
              <a:cxn ang="0">
                <a:pos x="29" y="394"/>
              </a:cxn>
              <a:cxn ang="0">
                <a:pos x="39" y="387"/>
              </a:cxn>
              <a:cxn ang="0">
                <a:pos x="46" y="370"/>
              </a:cxn>
              <a:cxn ang="0">
                <a:pos x="29" y="362"/>
              </a:cxn>
              <a:cxn ang="0">
                <a:pos x="2" y="394"/>
              </a:cxn>
              <a:cxn ang="0">
                <a:pos x="68" y="433"/>
              </a:cxn>
              <a:cxn ang="0">
                <a:pos x="134" y="394"/>
              </a:cxn>
              <a:cxn ang="0">
                <a:pos x="80" y="356"/>
              </a:cxn>
            </a:cxnLst>
            <a:rect l="0" t="0" r="r" b="b"/>
            <a:pathLst>
              <a:path w="134" h="433">
                <a:moveTo>
                  <a:pt x="80" y="356"/>
                </a:moveTo>
                <a:cubicBezTo>
                  <a:pt x="80" y="333"/>
                  <a:pt x="80" y="333"/>
                  <a:pt x="80" y="333"/>
                </a:cubicBezTo>
                <a:cubicBezTo>
                  <a:pt x="108" y="332"/>
                  <a:pt x="131" y="309"/>
                  <a:pt x="131" y="280"/>
                </a:cubicBezTo>
                <a:cubicBezTo>
                  <a:pt x="131" y="53"/>
                  <a:pt x="131" y="53"/>
                  <a:pt x="131" y="53"/>
                </a:cubicBezTo>
                <a:cubicBezTo>
                  <a:pt x="131" y="24"/>
                  <a:pt x="107" y="0"/>
                  <a:pt x="78" y="0"/>
                </a:cubicBezTo>
                <a:cubicBezTo>
                  <a:pt x="54" y="0"/>
                  <a:pt x="54" y="0"/>
                  <a:pt x="54" y="0"/>
                </a:cubicBezTo>
                <a:cubicBezTo>
                  <a:pt x="24" y="0"/>
                  <a:pt x="0" y="24"/>
                  <a:pt x="0" y="53"/>
                </a:cubicBezTo>
                <a:cubicBezTo>
                  <a:pt x="0" y="280"/>
                  <a:pt x="0" y="280"/>
                  <a:pt x="0" y="280"/>
                </a:cubicBezTo>
                <a:cubicBezTo>
                  <a:pt x="0" y="294"/>
                  <a:pt x="6" y="308"/>
                  <a:pt x="16" y="318"/>
                </a:cubicBezTo>
                <a:cubicBezTo>
                  <a:pt x="21" y="323"/>
                  <a:pt x="30" y="323"/>
                  <a:pt x="35" y="318"/>
                </a:cubicBezTo>
                <a:cubicBezTo>
                  <a:pt x="40" y="313"/>
                  <a:pt x="40" y="304"/>
                  <a:pt x="35" y="299"/>
                </a:cubicBezTo>
                <a:cubicBezTo>
                  <a:pt x="29" y="294"/>
                  <a:pt x="27" y="287"/>
                  <a:pt x="27" y="280"/>
                </a:cubicBezTo>
                <a:cubicBezTo>
                  <a:pt x="27" y="255"/>
                  <a:pt x="27" y="255"/>
                  <a:pt x="27" y="255"/>
                </a:cubicBezTo>
                <a:cubicBezTo>
                  <a:pt x="35" y="260"/>
                  <a:pt x="44" y="263"/>
                  <a:pt x="54" y="263"/>
                </a:cubicBezTo>
                <a:cubicBezTo>
                  <a:pt x="77" y="263"/>
                  <a:pt x="77" y="263"/>
                  <a:pt x="77" y="263"/>
                </a:cubicBezTo>
                <a:cubicBezTo>
                  <a:pt x="85" y="263"/>
                  <a:pt x="91" y="257"/>
                  <a:pt x="91" y="249"/>
                </a:cubicBezTo>
                <a:cubicBezTo>
                  <a:pt x="91" y="242"/>
                  <a:pt x="85" y="236"/>
                  <a:pt x="77" y="236"/>
                </a:cubicBezTo>
                <a:cubicBezTo>
                  <a:pt x="54" y="236"/>
                  <a:pt x="54" y="236"/>
                  <a:pt x="54" y="236"/>
                </a:cubicBezTo>
                <a:cubicBezTo>
                  <a:pt x="47" y="236"/>
                  <a:pt x="40" y="233"/>
                  <a:pt x="35" y="228"/>
                </a:cubicBezTo>
                <a:cubicBezTo>
                  <a:pt x="30" y="223"/>
                  <a:pt x="27" y="216"/>
                  <a:pt x="27" y="209"/>
                </a:cubicBezTo>
                <a:cubicBezTo>
                  <a:pt x="27" y="208"/>
                  <a:pt x="27" y="207"/>
                  <a:pt x="27" y="206"/>
                </a:cubicBezTo>
                <a:cubicBezTo>
                  <a:pt x="27" y="177"/>
                  <a:pt x="27" y="177"/>
                  <a:pt x="27" y="177"/>
                </a:cubicBezTo>
                <a:cubicBezTo>
                  <a:pt x="35" y="181"/>
                  <a:pt x="44" y="184"/>
                  <a:pt x="54" y="184"/>
                </a:cubicBezTo>
                <a:cubicBezTo>
                  <a:pt x="77" y="184"/>
                  <a:pt x="77" y="184"/>
                  <a:pt x="77" y="184"/>
                </a:cubicBezTo>
                <a:cubicBezTo>
                  <a:pt x="85" y="184"/>
                  <a:pt x="91" y="178"/>
                  <a:pt x="91" y="171"/>
                </a:cubicBezTo>
                <a:cubicBezTo>
                  <a:pt x="91" y="163"/>
                  <a:pt x="85" y="157"/>
                  <a:pt x="77" y="157"/>
                </a:cubicBezTo>
                <a:cubicBezTo>
                  <a:pt x="54" y="157"/>
                  <a:pt x="54" y="157"/>
                  <a:pt x="54" y="157"/>
                </a:cubicBezTo>
                <a:cubicBezTo>
                  <a:pt x="47" y="157"/>
                  <a:pt x="40" y="155"/>
                  <a:pt x="35" y="149"/>
                </a:cubicBezTo>
                <a:cubicBezTo>
                  <a:pt x="30" y="144"/>
                  <a:pt x="27" y="138"/>
                  <a:pt x="27" y="131"/>
                </a:cubicBezTo>
                <a:cubicBezTo>
                  <a:pt x="27" y="130"/>
                  <a:pt x="27" y="129"/>
                  <a:pt x="27" y="128"/>
                </a:cubicBezTo>
                <a:cubicBezTo>
                  <a:pt x="27" y="97"/>
                  <a:pt x="27" y="97"/>
                  <a:pt x="27" y="97"/>
                </a:cubicBezTo>
                <a:cubicBezTo>
                  <a:pt x="35" y="101"/>
                  <a:pt x="44" y="104"/>
                  <a:pt x="54" y="104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5" y="104"/>
                  <a:pt x="91" y="98"/>
                  <a:pt x="91" y="91"/>
                </a:cubicBezTo>
                <a:cubicBezTo>
                  <a:pt x="91" y="83"/>
                  <a:pt x="85" y="77"/>
                  <a:pt x="77" y="77"/>
                </a:cubicBezTo>
                <a:cubicBezTo>
                  <a:pt x="54" y="77"/>
                  <a:pt x="54" y="77"/>
                  <a:pt x="54" y="77"/>
                </a:cubicBezTo>
                <a:cubicBezTo>
                  <a:pt x="47" y="77"/>
                  <a:pt x="40" y="75"/>
                  <a:pt x="35" y="69"/>
                </a:cubicBezTo>
                <a:cubicBezTo>
                  <a:pt x="30" y="64"/>
                  <a:pt x="27" y="58"/>
                  <a:pt x="27" y="51"/>
                </a:cubicBezTo>
                <a:cubicBezTo>
                  <a:pt x="27" y="50"/>
                  <a:pt x="27" y="50"/>
                  <a:pt x="27" y="50"/>
                </a:cubicBezTo>
                <a:cubicBezTo>
                  <a:pt x="29" y="37"/>
                  <a:pt x="40" y="27"/>
                  <a:pt x="54" y="27"/>
                </a:cubicBezTo>
                <a:cubicBezTo>
                  <a:pt x="78" y="27"/>
                  <a:pt x="78" y="27"/>
                  <a:pt x="78" y="27"/>
                </a:cubicBezTo>
                <a:cubicBezTo>
                  <a:pt x="93" y="27"/>
                  <a:pt x="104" y="38"/>
                  <a:pt x="104" y="53"/>
                </a:cubicBezTo>
                <a:cubicBezTo>
                  <a:pt x="104" y="280"/>
                  <a:pt x="104" y="280"/>
                  <a:pt x="104" y="280"/>
                </a:cubicBezTo>
                <a:cubicBezTo>
                  <a:pt x="104" y="295"/>
                  <a:pt x="93" y="307"/>
                  <a:pt x="78" y="307"/>
                </a:cubicBezTo>
                <a:cubicBezTo>
                  <a:pt x="71" y="307"/>
                  <a:pt x="71" y="307"/>
                  <a:pt x="71" y="307"/>
                </a:cubicBezTo>
                <a:cubicBezTo>
                  <a:pt x="70" y="307"/>
                  <a:pt x="69" y="307"/>
                  <a:pt x="69" y="307"/>
                </a:cubicBezTo>
                <a:cubicBezTo>
                  <a:pt x="68" y="307"/>
                  <a:pt x="67" y="307"/>
                  <a:pt x="67" y="307"/>
                </a:cubicBezTo>
                <a:cubicBezTo>
                  <a:pt x="59" y="307"/>
                  <a:pt x="53" y="313"/>
                  <a:pt x="53" y="320"/>
                </a:cubicBezTo>
                <a:cubicBezTo>
                  <a:pt x="53" y="368"/>
                  <a:pt x="53" y="368"/>
                  <a:pt x="53" y="368"/>
                </a:cubicBezTo>
                <a:cubicBezTo>
                  <a:pt x="53" y="374"/>
                  <a:pt x="57" y="378"/>
                  <a:pt x="61" y="380"/>
                </a:cubicBezTo>
                <a:cubicBezTo>
                  <a:pt x="63" y="381"/>
                  <a:pt x="66" y="382"/>
                  <a:pt x="68" y="382"/>
                </a:cubicBezTo>
                <a:cubicBezTo>
                  <a:pt x="92" y="382"/>
                  <a:pt x="106" y="391"/>
                  <a:pt x="107" y="394"/>
                </a:cubicBezTo>
                <a:cubicBezTo>
                  <a:pt x="106" y="397"/>
                  <a:pt x="92" y="406"/>
                  <a:pt x="68" y="406"/>
                </a:cubicBezTo>
                <a:cubicBezTo>
                  <a:pt x="44" y="406"/>
                  <a:pt x="30" y="398"/>
                  <a:pt x="29" y="394"/>
                </a:cubicBezTo>
                <a:cubicBezTo>
                  <a:pt x="29" y="393"/>
                  <a:pt x="32" y="390"/>
                  <a:pt x="39" y="387"/>
                </a:cubicBezTo>
                <a:cubicBezTo>
                  <a:pt x="46" y="384"/>
                  <a:pt x="49" y="376"/>
                  <a:pt x="46" y="370"/>
                </a:cubicBezTo>
                <a:cubicBezTo>
                  <a:pt x="43" y="363"/>
                  <a:pt x="36" y="360"/>
                  <a:pt x="29" y="362"/>
                </a:cubicBezTo>
                <a:cubicBezTo>
                  <a:pt x="12" y="369"/>
                  <a:pt x="2" y="381"/>
                  <a:pt x="2" y="394"/>
                </a:cubicBezTo>
                <a:cubicBezTo>
                  <a:pt x="2" y="416"/>
                  <a:pt x="30" y="433"/>
                  <a:pt x="68" y="433"/>
                </a:cubicBezTo>
                <a:cubicBezTo>
                  <a:pt x="106" y="433"/>
                  <a:pt x="134" y="416"/>
                  <a:pt x="134" y="394"/>
                </a:cubicBezTo>
                <a:cubicBezTo>
                  <a:pt x="134" y="374"/>
                  <a:pt x="112" y="359"/>
                  <a:pt x="80" y="35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34" name="Group 54"/>
          <p:cNvGrpSpPr/>
          <p:nvPr userDrawn="1"/>
        </p:nvGrpSpPr>
        <p:grpSpPr>
          <a:xfrm>
            <a:off x="5093845" y="5090521"/>
            <a:ext cx="466725" cy="465138"/>
            <a:chOff x="5486401" y="5233988"/>
            <a:chExt cx="466725" cy="465138"/>
          </a:xfrm>
          <a:noFill/>
        </p:grpSpPr>
        <p:sp>
          <p:nvSpPr>
            <p:cNvPr id="56" name="Line 401"/>
            <p:cNvSpPr>
              <a:spLocks noChangeShapeType="1"/>
            </p:cNvSpPr>
            <p:nvPr/>
          </p:nvSpPr>
          <p:spPr bwMode="auto">
            <a:xfrm flipV="1">
              <a:off x="5943601" y="5319713"/>
              <a:ext cx="4763" cy="63500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7" name="Line 402"/>
            <p:cNvSpPr>
              <a:spLocks noChangeShapeType="1"/>
            </p:cNvSpPr>
            <p:nvPr/>
          </p:nvSpPr>
          <p:spPr bwMode="auto">
            <a:xfrm flipH="1" flipV="1">
              <a:off x="5884863" y="5362576"/>
              <a:ext cx="58738" cy="20638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8" name="Freeform 403"/>
            <p:cNvSpPr>
              <a:spLocks/>
            </p:cNvSpPr>
            <p:nvPr/>
          </p:nvSpPr>
          <p:spPr bwMode="auto">
            <a:xfrm>
              <a:off x="5486401" y="5233988"/>
              <a:ext cx="466725" cy="465138"/>
            </a:xfrm>
            <a:custGeom>
              <a:avLst/>
              <a:gdLst/>
              <a:ahLst/>
              <a:cxnLst>
                <a:cxn ang="0">
                  <a:pos x="20" y="297"/>
                </a:cxn>
                <a:cxn ang="0">
                  <a:pos x="207" y="414"/>
                </a:cxn>
                <a:cxn ang="0">
                  <a:pos x="414" y="208"/>
                </a:cxn>
                <a:cxn ang="0">
                  <a:pos x="332" y="208"/>
                </a:cxn>
                <a:cxn ang="0">
                  <a:pos x="274" y="304"/>
                </a:cxn>
                <a:cxn ang="0">
                  <a:pos x="209" y="208"/>
                </a:cxn>
                <a:cxn ang="0">
                  <a:pos x="144" y="96"/>
                </a:cxn>
                <a:cxn ang="0">
                  <a:pos x="82" y="208"/>
                </a:cxn>
                <a:cxn ang="0">
                  <a:pos x="0" y="208"/>
                </a:cxn>
                <a:cxn ang="0">
                  <a:pos x="0" y="207"/>
                </a:cxn>
                <a:cxn ang="0">
                  <a:pos x="207" y="0"/>
                </a:cxn>
                <a:cxn ang="0">
                  <a:pos x="393" y="117"/>
                </a:cxn>
              </a:cxnLst>
              <a:rect l="0" t="0" r="r" b="b"/>
              <a:pathLst>
                <a:path w="414" h="414">
                  <a:moveTo>
                    <a:pt x="20" y="297"/>
                  </a:moveTo>
                  <a:cubicBezTo>
                    <a:pt x="54" y="366"/>
                    <a:pt x="125" y="414"/>
                    <a:pt x="207" y="414"/>
                  </a:cubicBezTo>
                  <a:cubicBezTo>
                    <a:pt x="321" y="414"/>
                    <a:pt x="414" y="322"/>
                    <a:pt x="414" y="208"/>
                  </a:cubicBezTo>
                  <a:cubicBezTo>
                    <a:pt x="332" y="208"/>
                    <a:pt x="332" y="208"/>
                    <a:pt x="332" y="208"/>
                  </a:cubicBezTo>
                  <a:cubicBezTo>
                    <a:pt x="332" y="208"/>
                    <a:pt x="314" y="304"/>
                    <a:pt x="274" y="304"/>
                  </a:cubicBezTo>
                  <a:cubicBezTo>
                    <a:pt x="234" y="304"/>
                    <a:pt x="218" y="242"/>
                    <a:pt x="209" y="208"/>
                  </a:cubicBezTo>
                  <a:cubicBezTo>
                    <a:pt x="199" y="173"/>
                    <a:pt x="185" y="96"/>
                    <a:pt x="144" y="96"/>
                  </a:cubicBezTo>
                  <a:cubicBezTo>
                    <a:pt x="104" y="97"/>
                    <a:pt x="82" y="208"/>
                    <a:pt x="82" y="208"/>
                  </a:cubicBezTo>
                  <a:cubicBezTo>
                    <a:pt x="0" y="208"/>
                    <a:pt x="0" y="208"/>
                    <a:pt x="0" y="208"/>
                  </a:cubicBezTo>
                  <a:cubicBezTo>
                    <a:pt x="0" y="207"/>
                    <a:pt x="0" y="207"/>
                    <a:pt x="0" y="207"/>
                  </a:cubicBezTo>
                  <a:cubicBezTo>
                    <a:pt x="0" y="93"/>
                    <a:pt x="93" y="0"/>
                    <a:pt x="207" y="0"/>
                  </a:cubicBezTo>
                  <a:cubicBezTo>
                    <a:pt x="289" y="0"/>
                    <a:pt x="360" y="48"/>
                    <a:pt x="393" y="117"/>
                  </a:cubicBezTo>
                </a:path>
              </a:pathLst>
            </a:cu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9" name="Line 404"/>
            <p:cNvSpPr>
              <a:spLocks noChangeShapeType="1"/>
            </p:cNvSpPr>
            <p:nvPr/>
          </p:nvSpPr>
          <p:spPr bwMode="auto">
            <a:xfrm flipH="1">
              <a:off x="5492751" y="5551488"/>
              <a:ext cx="7938" cy="63500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0" name="Line 405"/>
            <p:cNvSpPr>
              <a:spLocks noChangeShapeType="1"/>
            </p:cNvSpPr>
            <p:nvPr/>
          </p:nvSpPr>
          <p:spPr bwMode="auto">
            <a:xfrm>
              <a:off x="5500688" y="5551488"/>
              <a:ext cx="57150" cy="25400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61" name="Freeform 441"/>
          <p:cNvSpPr>
            <a:spLocks/>
          </p:cNvSpPr>
          <p:nvPr userDrawn="1"/>
        </p:nvSpPr>
        <p:spPr bwMode="auto">
          <a:xfrm>
            <a:off x="5182745" y="1746154"/>
            <a:ext cx="288925" cy="515938"/>
          </a:xfrm>
          <a:custGeom>
            <a:avLst/>
            <a:gdLst/>
            <a:ahLst/>
            <a:cxnLst>
              <a:cxn ang="0">
                <a:pos x="109" y="15"/>
              </a:cxn>
              <a:cxn ang="0">
                <a:pos x="84" y="49"/>
              </a:cxn>
              <a:cxn ang="0">
                <a:pos x="3" y="118"/>
              </a:cxn>
              <a:cxn ang="0">
                <a:pos x="0" y="142"/>
              </a:cxn>
              <a:cxn ang="0">
                <a:pos x="13" y="189"/>
              </a:cxn>
              <a:cxn ang="0">
                <a:pos x="65" y="230"/>
              </a:cxn>
              <a:cxn ang="0">
                <a:pos x="77" y="274"/>
              </a:cxn>
              <a:cxn ang="0">
                <a:pos x="77" y="283"/>
              </a:cxn>
              <a:cxn ang="0">
                <a:pos x="31" y="439"/>
              </a:cxn>
              <a:cxn ang="0">
                <a:pos x="30" y="445"/>
              </a:cxn>
              <a:cxn ang="0">
                <a:pos x="32" y="452"/>
              </a:cxn>
              <a:cxn ang="0">
                <a:pos x="43" y="458"/>
              </a:cxn>
              <a:cxn ang="0">
                <a:pos x="241" y="458"/>
              </a:cxn>
              <a:cxn ang="0">
                <a:pos x="252" y="452"/>
              </a:cxn>
              <a:cxn ang="0">
                <a:pos x="253" y="439"/>
              </a:cxn>
              <a:cxn ang="0">
                <a:pos x="221" y="226"/>
              </a:cxn>
              <a:cxn ang="0">
                <a:pos x="223" y="216"/>
              </a:cxn>
              <a:cxn ang="0">
                <a:pos x="217" y="208"/>
              </a:cxn>
              <a:cxn ang="0">
                <a:pos x="107" y="195"/>
              </a:cxn>
              <a:cxn ang="0">
                <a:pos x="97" y="210"/>
              </a:cxn>
              <a:cxn ang="0">
                <a:pos x="112" y="221"/>
              </a:cxn>
              <a:cxn ang="0">
                <a:pos x="192" y="225"/>
              </a:cxn>
              <a:cxn ang="0">
                <a:pos x="180" y="283"/>
              </a:cxn>
              <a:cxn ang="0">
                <a:pos x="219" y="432"/>
              </a:cxn>
              <a:cxn ang="0">
                <a:pos x="64" y="432"/>
              </a:cxn>
              <a:cxn ang="0">
                <a:pos x="104" y="284"/>
              </a:cxn>
              <a:cxn ang="0">
                <a:pos x="103" y="268"/>
              </a:cxn>
              <a:cxn ang="0">
                <a:pos x="85" y="213"/>
              </a:cxn>
              <a:cxn ang="0">
                <a:pos x="77" y="206"/>
              </a:cxn>
              <a:cxn ang="0">
                <a:pos x="36" y="175"/>
              </a:cxn>
              <a:cxn ang="0">
                <a:pos x="27" y="142"/>
              </a:cxn>
              <a:cxn ang="0">
                <a:pos x="29" y="125"/>
              </a:cxn>
              <a:cxn ang="0">
                <a:pos x="94" y="75"/>
              </a:cxn>
              <a:cxn ang="0">
                <a:pos x="98" y="75"/>
              </a:cxn>
              <a:cxn ang="0">
                <a:pos x="98" y="75"/>
              </a:cxn>
              <a:cxn ang="0">
                <a:pos x="108" y="64"/>
              </a:cxn>
              <a:cxn ang="0">
                <a:pos x="125" y="37"/>
              </a:cxn>
              <a:cxn ang="0">
                <a:pos x="156" y="30"/>
              </a:cxn>
              <a:cxn ang="0">
                <a:pos x="184" y="47"/>
              </a:cxn>
              <a:cxn ang="0">
                <a:pos x="191" y="78"/>
              </a:cxn>
              <a:cxn ang="0">
                <a:pos x="202" y="93"/>
              </a:cxn>
              <a:cxn ang="0">
                <a:pos x="217" y="83"/>
              </a:cxn>
              <a:cxn ang="0">
                <a:pos x="205" y="31"/>
              </a:cxn>
              <a:cxn ang="0">
                <a:pos x="161" y="3"/>
              </a:cxn>
              <a:cxn ang="0">
                <a:pos x="109" y="15"/>
              </a:cxn>
            </a:cxnLst>
            <a:rect l="0" t="0" r="r" b="b"/>
            <a:pathLst>
              <a:path w="255" h="458">
                <a:moveTo>
                  <a:pt x="109" y="15"/>
                </a:moveTo>
                <a:cubicBezTo>
                  <a:pt x="97" y="23"/>
                  <a:pt x="89" y="35"/>
                  <a:pt x="84" y="49"/>
                </a:cubicBezTo>
                <a:cubicBezTo>
                  <a:pt x="46" y="53"/>
                  <a:pt x="13" y="80"/>
                  <a:pt x="3" y="118"/>
                </a:cubicBezTo>
                <a:cubicBezTo>
                  <a:pt x="1" y="126"/>
                  <a:pt x="0" y="134"/>
                  <a:pt x="0" y="142"/>
                </a:cubicBezTo>
                <a:cubicBezTo>
                  <a:pt x="0" y="158"/>
                  <a:pt x="5" y="174"/>
                  <a:pt x="13" y="189"/>
                </a:cubicBezTo>
                <a:cubicBezTo>
                  <a:pt x="25" y="209"/>
                  <a:pt x="43" y="223"/>
                  <a:pt x="65" y="230"/>
                </a:cubicBezTo>
                <a:cubicBezTo>
                  <a:pt x="68" y="235"/>
                  <a:pt x="75" y="249"/>
                  <a:pt x="77" y="274"/>
                </a:cubicBezTo>
                <a:cubicBezTo>
                  <a:pt x="77" y="277"/>
                  <a:pt x="77" y="280"/>
                  <a:pt x="77" y="283"/>
                </a:cubicBezTo>
                <a:cubicBezTo>
                  <a:pt x="77" y="315"/>
                  <a:pt x="68" y="366"/>
                  <a:pt x="31" y="439"/>
                </a:cubicBezTo>
                <a:cubicBezTo>
                  <a:pt x="30" y="441"/>
                  <a:pt x="30" y="443"/>
                  <a:pt x="30" y="445"/>
                </a:cubicBezTo>
                <a:cubicBezTo>
                  <a:pt x="30" y="448"/>
                  <a:pt x="30" y="450"/>
                  <a:pt x="32" y="452"/>
                </a:cubicBezTo>
                <a:cubicBezTo>
                  <a:pt x="34" y="456"/>
                  <a:pt x="38" y="458"/>
                  <a:pt x="43" y="458"/>
                </a:cubicBezTo>
                <a:cubicBezTo>
                  <a:pt x="241" y="458"/>
                  <a:pt x="241" y="458"/>
                  <a:pt x="241" y="458"/>
                </a:cubicBezTo>
                <a:cubicBezTo>
                  <a:pt x="246" y="458"/>
                  <a:pt x="250" y="456"/>
                  <a:pt x="252" y="452"/>
                </a:cubicBezTo>
                <a:cubicBezTo>
                  <a:pt x="255" y="448"/>
                  <a:pt x="255" y="443"/>
                  <a:pt x="253" y="439"/>
                </a:cubicBezTo>
                <a:cubicBezTo>
                  <a:pt x="252" y="437"/>
                  <a:pt x="176" y="295"/>
                  <a:pt x="221" y="226"/>
                </a:cubicBezTo>
                <a:cubicBezTo>
                  <a:pt x="223" y="223"/>
                  <a:pt x="224" y="220"/>
                  <a:pt x="223" y="216"/>
                </a:cubicBezTo>
                <a:cubicBezTo>
                  <a:pt x="222" y="213"/>
                  <a:pt x="220" y="210"/>
                  <a:pt x="217" y="208"/>
                </a:cubicBezTo>
                <a:cubicBezTo>
                  <a:pt x="215" y="207"/>
                  <a:pt x="175" y="181"/>
                  <a:pt x="107" y="195"/>
                </a:cubicBezTo>
                <a:cubicBezTo>
                  <a:pt x="100" y="196"/>
                  <a:pt x="95" y="203"/>
                  <a:pt x="97" y="210"/>
                </a:cubicBezTo>
                <a:cubicBezTo>
                  <a:pt x="98" y="217"/>
                  <a:pt x="105" y="222"/>
                  <a:pt x="112" y="221"/>
                </a:cubicBezTo>
                <a:cubicBezTo>
                  <a:pt x="150" y="213"/>
                  <a:pt x="177" y="220"/>
                  <a:pt x="192" y="225"/>
                </a:cubicBezTo>
                <a:cubicBezTo>
                  <a:pt x="184" y="243"/>
                  <a:pt x="180" y="262"/>
                  <a:pt x="180" y="283"/>
                </a:cubicBezTo>
                <a:cubicBezTo>
                  <a:pt x="180" y="339"/>
                  <a:pt x="205" y="401"/>
                  <a:pt x="219" y="432"/>
                </a:cubicBezTo>
                <a:cubicBezTo>
                  <a:pt x="189" y="432"/>
                  <a:pt x="94" y="432"/>
                  <a:pt x="64" y="432"/>
                </a:cubicBezTo>
                <a:cubicBezTo>
                  <a:pt x="91" y="376"/>
                  <a:pt x="104" y="326"/>
                  <a:pt x="104" y="284"/>
                </a:cubicBezTo>
                <a:cubicBezTo>
                  <a:pt x="104" y="279"/>
                  <a:pt x="104" y="273"/>
                  <a:pt x="103" y="268"/>
                </a:cubicBezTo>
                <a:cubicBezTo>
                  <a:pt x="100" y="237"/>
                  <a:pt x="90" y="219"/>
                  <a:pt x="85" y="213"/>
                </a:cubicBezTo>
                <a:cubicBezTo>
                  <a:pt x="84" y="210"/>
                  <a:pt x="81" y="207"/>
                  <a:pt x="77" y="206"/>
                </a:cubicBezTo>
                <a:cubicBezTo>
                  <a:pt x="60" y="202"/>
                  <a:pt x="45" y="191"/>
                  <a:pt x="36" y="175"/>
                </a:cubicBezTo>
                <a:cubicBezTo>
                  <a:pt x="30" y="165"/>
                  <a:pt x="27" y="154"/>
                  <a:pt x="27" y="142"/>
                </a:cubicBezTo>
                <a:cubicBezTo>
                  <a:pt x="27" y="136"/>
                  <a:pt x="28" y="131"/>
                  <a:pt x="29" y="125"/>
                </a:cubicBezTo>
                <a:cubicBezTo>
                  <a:pt x="37" y="95"/>
                  <a:pt x="64" y="75"/>
                  <a:pt x="94" y="75"/>
                </a:cubicBezTo>
                <a:cubicBezTo>
                  <a:pt x="95" y="75"/>
                  <a:pt x="97" y="75"/>
                  <a:pt x="98" y="75"/>
                </a:cubicBezTo>
                <a:cubicBezTo>
                  <a:pt x="98" y="75"/>
                  <a:pt x="98" y="75"/>
                  <a:pt x="98" y="75"/>
                </a:cubicBezTo>
                <a:cubicBezTo>
                  <a:pt x="103" y="73"/>
                  <a:pt x="107" y="69"/>
                  <a:pt x="108" y="64"/>
                </a:cubicBezTo>
                <a:cubicBezTo>
                  <a:pt x="110" y="53"/>
                  <a:pt x="116" y="43"/>
                  <a:pt x="125" y="37"/>
                </a:cubicBezTo>
                <a:cubicBezTo>
                  <a:pt x="134" y="30"/>
                  <a:pt x="145" y="28"/>
                  <a:pt x="156" y="30"/>
                </a:cubicBezTo>
                <a:cubicBezTo>
                  <a:pt x="167" y="31"/>
                  <a:pt x="177" y="37"/>
                  <a:pt x="184" y="47"/>
                </a:cubicBezTo>
                <a:cubicBezTo>
                  <a:pt x="190" y="56"/>
                  <a:pt x="193" y="67"/>
                  <a:pt x="191" y="78"/>
                </a:cubicBezTo>
                <a:cubicBezTo>
                  <a:pt x="189" y="85"/>
                  <a:pt x="194" y="92"/>
                  <a:pt x="202" y="93"/>
                </a:cubicBezTo>
                <a:cubicBezTo>
                  <a:pt x="209" y="95"/>
                  <a:pt x="216" y="90"/>
                  <a:pt x="217" y="83"/>
                </a:cubicBezTo>
                <a:cubicBezTo>
                  <a:pt x="220" y="64"/>
                  <a:pt x="216" y="46"/>
                  <a:pt x="205" y="31"/>
                </a:cubicBezTo>
                <a:cubicBezTo>
                  <a:pt x="195" y="16"/>
                  <a:pt x="179" y="6"/>
                  <a:pt x="161" y="3"/>
                </a:cubicBezTo>
                <a:cubicBezTo>
                  <a:pt x="143" y="0"/>
                  <a:pt x="124" y="4"/>
                  <a:pt x="109" y="1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2" name="Freeform 497"/>
          <p:cNvSpPr>
            <a:spLocks noEditPoints="1"/>
          </p:cNvSpPr>
          <p:nvPr userDrawn="1"/>
        </p:nvSpPr>
        <p:spPr bwMode="auto">
          <a:xfrm>
            <a:off x="5073207" y="3772354"/>
            <a:ext cx="508000" cy="328613"/>
          </a:xfrm>
          <a:custGeom>
            <a:avLst/>
            <a:gdLst/>
            <a:ahLst/>
            <a:cxnLst>
              <a:cxn ang="0">
                <a:pos x="25" y="33"/>
              </a:cxn>
              <a:cxn ang="0">
                <a:pos x="0" y="87"/>
              </a:cxn>
              <a:cxn ang="0">
                <a:pos x="51" y="166"/>
              </a:cxn>
              <a:cxn ang="0">
                <a:pos x="12" y="178"/>
              </a:cxn>
              <a:cxn ang="0">
                <a:pos x="24" y="231"/>
              </a:cxn>
              <a:cxn ang="0">
                <a:pos x="32" y="241"/>
              </a:cxn>
              <a:cxn ang="0">
                <a:pos x="131" y="241"/>
              </a:cxn>
              <a:cxn ang="0">
                <a:pos x="140" y="231"/>
              </a:cxn>
              <a:cxn ang="0">
                <a:pos x="188" y="290"/>
              </a:cxn>
              <a:cxn ang="0">
                <a:pos x="205" y="194"/>
              </a:cxn>
              <a:cxn ang="0">
                <a:pos x="189" y="202"/>
              </a:cxn>
              <a:cxn ang="0">
                <a:pos x="213" y="241"/>
              </a:cxn>
              <a:cxn ang="0">
                <a:pos x="163" y="241"/>
              </a:cxn>
              <a:cxn ang="0">
                <a:pos x="169" y="213"/>
              </a:cxn>
              <a:cxn ang="0">
                <a:pos x="111" y="207"/>
              </a:cxn>
              <a:cxn ang="0">
                <a:pos x="101" y="226"/>
              </a:cxn>
              <a:cxn ang="0">
                <a:pos x="81" y="266"/>
              </a:cxn>
              <a:cxn ang="0">
                <a:pos x="61" y="226"/>
              </a:cxn>
              <a:cxn ang="0">
                <a:pos x="51" y="206"/>
              </a:cxn>
              <a:cxn ang="0">
                <a:pos x="36" y="207"/>
              </a:cxn>
              <a:cxn ang="0">
                <a:pos x="78" y="190"/>
              </a:cxn>
              <a:cxn ang="0">
                <a:pos x="89" y="183"/>
              </a:cxn>
              <a:cxn ang="0">
                <a:pos x="87" y="168"/>
              </a:cxn>
              <a:cxn ang="0">
                <a:pos x="44" y="49"/>
              </a:cxn>
              <a:cxn ang="0">
                <a:pos x="230" y="88"/>
              </a:cxn>
              <a:cxn ang="0">
                <a:pos x="229" y="138"/>
              </a:cxn>
              <a:cxn ang="0">
                <a:pos x="211" y="170"/>
              </a:cxn>
              <a:cxn ang="0">
                <a:pos x="220" y="190"/>
              </a:cxn>
              <a:cxn ang="0">
                <a:pos x="302" y="178"/>
              </a:cxn>
              <a:cxn ang="0">
                <a:pos x="339" y="105"/>
              </a:cxn>
              <a:cxn ang="0">
                <a:pos x="364" y="153"/>
              </a:cxn>
              <a:cxn ang="0">
                <a:pos x="425" y="207"/>
              </a:cxn>
              <a:cxn ang="0">
                <a:pos x="391" y="207"/>
              </a:cxn>
              <a:cxn ang="0">
                <a:pos x="378" y="213"/>
              </a:cxn>
              <a:cxn ang="0">
                <a:pos x="384" y="241"/>
              </a:cxn>
              <a:cxn ang="0">
                <a:pos x="334" y="241"/>
              </a:cxn>
              <a:cxn ang="0">
                <a:pos x="357" y="211"/>
              </a:cxn>
              <a:cxn ang="0">
                <a:pos x="351" y="195"/>
              </a:cxn>
              <a:cxn ang="0">
                <a:pos x="309" y="241"/>
              </a:cxn>
              <a:cxn ang="0">
                <a:pos x="408" y="241"/>
              </a:cxn>
              <a:cxn ang="0">
                <a:pos x="437" y="231"/>
              </a:cxn>
              <a:cxn ang="0">
                <a:pos x="449" y="157"/>
              </a:cxn>
              <a:cxn ang="0">
                <a:pos x="376" y="131"/>
              </a:cxn>
              <a:cxn ang="0">
                <a:pos x="348" y="81"/>
              </a:cxn>
              <a:cxn ang="0">
                <a:pos x="278" y="93"/>
              </a:cxn>
              <a:cxn ang="0">
                <a:pos x="243" y="166"/>
              </a:cxn>
              <a:cxn ang="0">
                <a:pos x="252" y="147"/>
              </a:cxn>
              <a:cxn ang="0">
                <a:pos x="260" y="105"/>
              </a:cxn>
              <a:cxn ang="0">
                <a:pos x="247" y="71"/>
              </a:cxn>
              <a:cxn ang="0">
                <a:pos x="33" y="26"/>
              </a:cxn>
              <a:cxn ang="0">
                <a:pos x="33" y="26"/>
              </a:cxn>
            </a:cxnLst>
            <a:rect l="0" t="0" r="r" b="b"/>
            <a:pathLst>
              <a:path w="449" h="290">
                <a:moveTo>
                  <a:pt x="33" y="26"/>
                </a:moveTo>
                <a:cubicBezTo>
                  <a:pt x="30" y="27"/>
                  <a:pt x="26" y="30"/>
                  <a:pt x="25" y="33"/>
                </a:cubicBezTo>
                <a:cubicBezTo>
                  <a:pt x="1" y="82"/>
                  <a:pt x="1" y="82"/>
                  <a:pt x="1" y="82"/>
                </a:cubicBezTo>
                <a:cubicBezTo>
                  <a:pt x="0" y="84"/>
                  <a:pt x="0" y="85"/>
                  <a:pt x="0" y="87"/>
                </a:cubicBezTo>
                <a:cubicBezTo>
                  <a:pt x="0" y="89"/>
                  <a:pt x="0" y="91"/>
                  <a:pt x="1" y="93"/>
                </a:cubicBezTo>
                <a:cubicBezTo>
                  <a:pt x="2" y="95"/>
                  <a:pt x="23" y="133"/>
                  <a:pt x="51" y="166"/>
                </a:cubicBezTo>
                <a:cubicBezTo>
                  <a:pt x="45" y="166"/>
                  <a:pt x="24" y="166"/>
                  <a:pt x="24" y="166"/>
                </a:cubicBezTo>
                <a:cubicBezTo>
                  <a:pt x="17" y="166"/>
                  <a:pt x="12" y="171"/>
                  <a:pt x="12" y="178"/>
                </a:cubicBezTo>
                <a:cubicBezTo>
                  <a:pt x="12" y="219"/>
                  <a:pt x="12" y="219"/>
                  <a:pt x="12" y="219"/>
                </a:cubicBezTo>
                <a:cubicBezTo>
                  <a:pt x="12" y="226"/>
                  <a:pt x="17" y="231"/>
                  <a:pt x="24" y="231"/>
                </a:cubicBezTo>
                <a:cubicBezTo>
                  <a:pt x="24" y="231"/>
                  <a:pt x="30" y="231"/>
                  <a:pt x="33" y="231"/>
                </a:cubicBezTo>
                <a:cubicBezTo>
                  <a:pt x="32" y="234"/>
                  <a:pt x="32" y="238"/>
                  <a:pt x="32" y="241"/>
                </a:cubicBezTo>
                <a:cubicBezTo>
                  <a:pt x="32" y="268"/>
                  <a:pt x="54" y="290"/>
                  <a:pt x="81" y="290"/>
                </a:cubicBezTo>
                <a:cubicBezTo>
                  <a:pt x="108" y="290"/>
                  <a:pt x="131" y="268"/>
                  <a:pt x="131" y="241"/>
                </a:cubicBezTo>
                <a:cubicBezTo>
                  <a:pt x="131" y="238"/>
                  <a:pt x="130" y="234"/>
                  <a:pt x="129" y="231"/>
                </a:cubicBezTo>
                <a:cubicBezTo>
                  <a:pt x="131" y="231"/>
                  <a:pt x="137" y="231"/>
                  <a:pt x="140" y="231"/>
                </a:cubicBezTo>
                <a:cubicBezTo>
                  <a:pt x="139" y="234"/>
                  <a:pt x="139" y="238"/>
                  <a:pt x="139" y="241"/>
                </a:cubicBezTo>
                <a:cubicBezTo>
                  <a:pt x="139" y="268"/>
                  <a:pt x="161" y="290"/>
                  <a:pt x="188" y="290"/>
                </a:cubicBezTo>
                <a:cubicBezTo>
                  <a:pt x="215" y="290"/>
                  <a:pt x="237" y="268"/>
                  <a:pt x="237" y="241"/>
                </a:cubicBezTo>
                <a:cubicBezTo>
                  <a:pt x="237" y="220"/>
                  <a:pt x="224" y="201"/>
                  <a:pt x="205" y="194"/>
                </a:cubicBezTo>
                <a:cubicBezTo>
                  <a:pt x="201" y="193"/>
                  <a:pt x="198" y="194"/>
                  <a:pt x="195" y="195"/>
                </a:cubicBezTo>
                <a:cubicBezTo>
                  <a:pt x="192" y="196"/>
                  <a:pt x="190" y="199"/>
                  <a:pt x="189" y="202"/>
                </a:cubicBezTo>
                <a:cubicBezTo>
                  <a:pt x="187" y="208"/>
                  <a:pt x="190" y="215"/>
                  <a:pt x="196" y="217"/>
                </a:cubicBezTo>
                <a:cubicBezTo>
                  <a:pt x="206" y="221"/>
                  <a:pt x="213" y="230"/>
                  <a:pt x="213" y="241"/>
                </a:cubicBezTo>
                <a:cubicBezTo>
                  <a:pt x="213" y="255"/>
                  <a:pt x="202" y="266"/>
                  <a:pt x="188" y="266"/>
                </a:cubicBezTo>
                <a:cubicBezTo>
                  <a:pt x="174" y="266"/>
                  <a:pt x="163" y="255"/>
                  <a:pt x="163" y="241"/>
                </a:cubicBezTo>
                <a:cubicBezTo>
                  <a:pt x="163" y="235"/>
                  <a:pt x="165" y="230"/>
                  <a:pt x="168" y="226"/>
                </a:cubicBezTo>
                <a:cubicBezTo>
                  <a:pt x="170" y="222"/>
                  <a:pt x="171" y="217"/>
                  <a:pt x="169" y="213"/>
                </a:cubicBezTo>
                <a:cubicBezTo>
                  <a:pt x="167" y="209"/>
                  <a:pt x="163" y="207"/>
                  <a:pt x="158" y="207"/>
                </a:cubicBezTo>
                <a:cubicBezTo>
                  <a:pt x="111" y="207"/>
                  <a:pt x="111" y="207"/>
                  <a:pt x="111" y="207"/>
                </a:cubicBezTo>
                <a:cubicBezTo>
                  <a:pt x="107" y="207"/>
                  <a:pt x="102" y="209"/>
                  <a:pt x="100" y="213"/>
                </a:cubicBezTo>
                <a:cubicBezTo>
                  <a:pt x="98" y="217"/>
                  <a:pt x="99" y="222"/>
                  <a:pt x="101" y="226"/>
                </a:cubicBezTo>
                <a:cubicBezTo>
                  <a:pt x="105" y="230"/>
                  <a:pt x="106" y="235"/>
                  <a:pt x="106" y="241"/>
                </a:cubicBezTo>
                <a:cubicBezTo>
                  <a:pt x="106" y="255"/>
                  <a:pt x="95" y="266"/>
                  <a:pt x="81" y="266"/>
                </a:cubicBezTo>
                <a:cubicBezTo>
                  <a:pt x="67" y="266"/>
                  <a:pt x="56" y="255"/>
                  <a:pt x="56" y="241"/>
                </a:cubicBezTo>
                <a:cubicBezTo>
                  <a:pt x="56" y="235"/>
                  <a:pt x="58" y="230"/>
                  <a:pt x="61" y="226"/>
                </a:cubicBezTo>
                <a:cubicBezTo>
                  <a:pt x="64" y="222"/>
                  <a:pt x="64" y="217"/>
                  <a:pt x="62" y="213"/>
                </a:cubicBezTo>
                <a:cubicBezTo>
                  <a:pt x="60" y="209"/>
                  <a:pt x="56" y="206"/>
                  <a:pt x="51" y="206"/>
                </a:cubicBezTo>
                <a:cubicBezTo>
                  <a:pt x="43" y="207"/>
                  <a:pt x="43" y="207"/>
                  <a:pt x="43" y="207"/>
                </a:cubicBezTo>
                <a:cubicBezTo>
                  <a:pt x="43" y="207"/>
                  <a:pt x="38" y="207"/>
                  <a:pt x="36" y="207"/>
                </a:cubicBezTo>
                <a:cubicBezTo>
                  <a:pt x="36" y="204"/>
                  <a:pt x="36" y="193"/>
                  <a:pt x="36" y="190"/>
                </a:cubicBezTo>
                <a:cubicBezTo>
                  <a:pt x="40" y="190"/>
                  <a:pt x="78" y="190"/>
                  <a:pt x="78" y="190"/>
                </a:cubicBezTo>
                <a:cubicBezTo>
                  <a:pt x="83" y="190"/>
                  <a:pt x="86" y="188"/>
                  <a:pt x="89" y="184"/>
                </a:cubicBezTo>
                <a:cubicBezTo>
                  <a:pt x="89" y="184"/>
                  <a:pt x="89" y="183"/>
                  <a:pt x="89" y="183"/>
                </a:cubicBezTo>
                <a:cubicBezTo>
                  <a:pt x="90" y="181"/>
                  <a:pt x="91" y="179"/>
                  <a:pt x="91" y="177"/>
                </a:cubicBezTo>
                <a:cubicBezTo>
                  <a:pt x="91" y="174"/>
                  <a:pt x="90" y="170"/>
                  <a:pt x="87" y="168"/>
                </a:cubicBezTo>
                <a:cubicBezTo>
                  <a:pt x="59" y="143"/>
                  <a:pt x="33" y="101"/>
                  <a:pt x="25" y="87"/>
                </a:cubicBezTo>
                <a:cubicBezTo>
                  <a:pt x="26" y="85"/>
                  <a:pt x="43" y="51"/>
                  <a:pt x="44" y="49"/>
                </a:cubicBezTo>
                <a:cubicBezTo>
                  <a:pt x="109" y="39"/>
                  <a:pt x="156" y="49"/>
                  <a:pt x="183" y="60"/>
                </a:cubicBezTo>
                <a:cubicBezTo>
                  <a:pt x="214" y="72"/>
                  <a:pt x="230" y="88"/>
                  <a:pt x="230" y="88"/>
                </a:cubicBezTo>
                <a:cubicBezTo>
                  <a:pt x="230" y="88"/>
                  <a:pt x="231" y="89"/>
                  <a:pt x="231" y="89"/>
                </a:cubicBezTo>
                <a:cubicBezTo>
                  <a:pt x="239" y="96"/>
                  <a:pt x="235" y="122"/>
                  <a:pt x="229" y="138"/>
                </a:cubicBezTo>
                <a:cubicBezTo>
                  <a:pt x="229" y="137"/>
                  <a:pt x="229" y="139"/>
                  <a:pt x="229" y="139"/>
                </a:cubicBezTo>
                <a:cubicBezTo>
                  <a:pt x="229" y="140"/>
                  <a:pt x="222" y="158"/>
                  <a:pt x="211" y="170"/>
                </a:cubicBezTo>
                <a:cubicBezTo>
                  <a:pt x="208" y="174"/>
                  <a:pt x="207" y="179"/>
                  <a:pt x="209" y="183"/>
                </a:cubicBezTo>
                <a:cubicBezTo>
                  <a:pt x="211" y="187"/>
                  <a:pt x="216" y="190"/>
                  <a:pt x="220" y="190"/>
                </a:cubicBezTo>
                <a:cubicBezTo>
                  <a:pt x="290" y="190"/>
                  <a:pt x="290" y="190"/>
                  <a:pt x="290" y="190"/>
                </a:cubicBezTo>
                <a:cubicBezTo>
                  <a:pt x="297" y="190"/>
                  <a:pt x="302" y="185"/>
                  <a:pt x="302" y="178"/>
                </a:cubicBezTo>
                <a:cubicBezTo>
                  <a:pt x="302" y="178"/>
                  <a:pt x="302" y="109"/>
                  <a:pt x="302" y="105"/>
                </a:cubicBezTo>
                <a:cubicBezTo>
                  <a:pt x="306" y="105"/>
                  <a:pt x="337" y="105"/>
                  <a:pt x="339" y="105"/>
                </a:cubicBezTo>
                <a:cubicBezTo>
                  <a:pt x="340" y="108"/>
                  <a:pt x="356" y="146"/>
                  <a:pt x="356" y="146"/>
                </a:cubicBezTo>
                <a:cubicBezTo>
                  <a:pt x="357" y="150"/>
                  <a:pt x="360" y="152"/>
                  <a:pt x="364" y="153"/>
                </a:cubicBezTo>
                <a:cubicBezTo>
                  <a:pt x="364" y="153"/>
                  <a:pt x="415" y="165"/>
                  <a:pt x="425" y="167"/>
                </a:cubicBezTo>
                <a:cubicBezTo>
                  <a:pt x="425" y="170"/>
                  <a:pt x="425" y="203"/>
                  <a:pt x="425" y="207"/>
                </a:cubicBezTo>
                <a:cubicBezTo>
                  <a:pt x="421" y="207"/>
                  <a:pt x="391" y="207"/>
                  <a:pt x="391" y="207"/>
                </a:cubicBezTo>
                <a:cubicBezTo>
                  <a:pt x="391" y="207"/>
                  <a:pt x="391" y="207"/>
                  <a:pt x="391" y="207"/>
                </a:cubicBezTo>
                <a:cubicBezTo>
                  <a:pt x="391" y="207"/>
                  <a:pt x="390" y="207"/>
                  <a:pt x="389" y="207"/>
                </a:cubicBezTo>
                <a:cubicBezTo>
                  <a:pt x="384" y="207"/>
                  <a:pt x="380" y="209"/>
                  <a:pt x="378" y="213"/>
                </a:cubicBezTo>
                <a:cubicBezTo>
                  <a:pt x="376" y="217"/>
                  <a:pt x="376" y="222"/>
                  <a:pt x="379" y="226"/>
                </a:cubicBezTo>
                <a:cubicBezTo>
                  <a:pt x="382" y="230"/>
                  <a:pt x="384" y="236"/>
                  <a:pt x="384" y="241"/>
                </a:cubicBezTo>
                <a:cubicBezTo>
                  <a:pt x="384" y="255"/>
                  <a:pt x="373" y="266"/>
                  <a:pt x="359" y="266"/>
                </a:cubicBezTo>
                <a:cubicBezTo>
                  <a:pt x="345" y="266"/>
                  <a:pt x="334" y="255"/>
                  <a:pt x="334" y="241"/>
                </a:cubicBezTo>
                <a:cubicBezTo>
                  <a:pt x="334" y="230"/>
                  <a:pt x="340" y="221"/>
                  <a:pt x="350" y="217"/>
                </a:cubicBezTo>
                <a:cubicBezTo>
                  <a:pt x="353" y="216"/>
                  <a:pt x="355" y="214"/>
                  <a:pt x="357" y="211"/>
                </a:cubicBezTo>
                <a:cubicBezTo>
                  <a:pt x="358" y="208"/>
                  <a:pt x="358" y="205"/>
                  <a:pt x="357" y="202"/>
                </a:cubicBezTo>
                <a:cubicBezTo>
                  <a:pt x="356" y="199"/>
                  <a:pt x="354" y="196"/>
                  <a:pt x="351" y="195"/>
                </a:cubicBezTo>
                <a:cubicBezTo>
                  <a:pt x="348" y="194"/>
                  <a:pt x="345" y="194"/>
                  <a:pt x="342" y="195"/>
                </a:cubicBezTo>
                <a:cubicBezTo>
                  <a:pt x="322" y="202"/>
                  <a:pt x="309" y="220"/>
                  <a:pt x="309" y="241"/>
                </a:cubicBezTo>
                <a:cubicBezTo>
                  <a:pt x="309" y="268"/>
                  <a:pt x="332" y="290"/>
                  <a:pt x="359" y="290"/>
                </a:cubicBezTo>
                <a:cubicBezTo>
                  <a:pt x="386" y="290"/>
                  <a:pt x="408" y="268"/>
                  <a:pt x="408" y="241"/>
                </a:cubicBezTo>
                <a:cubicBezTo>
                  <a:pt x="408" y="238"/>
                  <a:pt x="408" y="234"/>
                  <a:pt x="407" y="231"/>
                </a:cubicBezTo>
                <a:cubicBezTo>
                  <a:pt x="411" y="231"/>
                  <a:pt x="437" y="231"/>
                  <a:pt x="437" y="231"/>
                </a:cubicBezTo>
                <a:cubicBezTo>
                  <a:pt x="444" y="231"/>
                  <a:pt x="449" y="226"/>
                  <a:pt x="449" y="219"/>
                </a:cubicBezTo>
                <a:cubicBezTo>
                  <a:pt x="449" y="157"/>
                  <a:pt x="449" y="157"/>
                  <a:pt x="449" y="157"/>
                </a:cubicBezTo>
                <a:cubicBezTo>
                  <a:pt x="449" y="152"/>
                  <a:pt x="445" y="147"/>
                  <a:pt x="440" y="146"/>
                </a:cubicBezTo>
                <a:cubicBezTo>
                  <a:pt x="440" y="146"/>
                  <a:pt x="378" y="132"/>
                  <a:pt x="376" y="131"/>
                </a:cubicBezTo>
                <a:cubicBezTo>
                  <a:pt x="375" y="129"/>
                  <a:pt x="359" y="89"/>
                  <a:pt x="359" y="89"/>
                </a:cubicBezTo>
                <a:cubicBezTo>
                  <a:pt x="357" y="84"/>
                  <a:pt x="353" y="81"/>
                  <a:pt x="348" y="81"/>
                </a:cubicBezTo>
                <a:cubicBezTo>
                  <a:pt x="290" y="81"/>
                  <a:pt x="290" y="81"/>
                  <a:pt x="290" y="81"/>
                </a:cubicBezTo>
                <a:cubicBezTo>
                  <a:pt x="283" y="81"/>
                  <a:pt x="278" y="87"/>
                  <a:pt x="278" y="93"/>
                </a:cubicBezTo>
                <a:cubicBezTo>
                  <a:pt x="278" y="93"/>
                  <a:pt x="278" y="162"/>
                  <a:pt x="278" y="166"/>
                </a:cubicBezTo>
                <a:cubicBezTo>
                  <a:pt x="275" y="166"/>
                  <a:pt x="248" y="166"/>
                  <a:pt x="243" y="166"/>
                </a:cubicBezTo>
                <a:cubicBezTo>
                  <a:pt x="249" y="156"/>
                  <a:pt x="252" y="147"/>
                  <a:pt x="252" y="147"/>
                </a:cubicBezTo>
                <a:cubicBezTo>
                  <a:pt x="252" y="147"/>
                  <a:pt x="252" y="147"/>
                  <a:pt x="252" y="147"/>
                </a:cubicBezTo>
                <a:cubicBezTo>
                  <a:pt x="252" y="147"/>
                  <a:pt x="252" y="146"/>
                  <a:pt x="252" y="146"/>
                </a:cubicBezTo>
                <a:cubicBezTo>
                  <a:pt x="253" y="142"/>
                  <a:pt x="260" y="124"/>
                  <a:pt x="260" y="105"/>
                </a:cubicBezTo>
                <a:cubicBezTo>
                  <a:pt x="260" y="93"/>
                  <a:pt x="257" y="80"/>
                  <a:pt x="247" y="71"/>
                </a:cubicBezTo>
                <a:cubicBezTo>
                  <a:pt x="247" y="71"/>
                  <a:pt x="247" y="71"/>
                  <a:pt x="247" y="71"/>
                </a:cubicBezTo>
                <a:cubicBezTo>
                  <a:pt x="247" y="71"/>
                  <a:pt x="247" y="71"/>
                  <a:pt x="247" y="71"/>
                </a:cubicBezTo>
                <a:cubicBezTo>
                  <a:pt x="244" y="68"/>
                  <a:pt x="176" y="0"/>
                  <a:pt x="33" y="26"/>
                </a:cubicBezTo>
                <a:moveTo>
                  <a:pt x="33" y="26"/>
                </a:moveTo>
                <a:cubicBezTo>
                  <a:pt x="33" y="26"/>
                  <a:pt x="33" y="26"/>
                  <a:pt x="33" y="2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3" name="Freeform 263"/>
          <p:cNvSpPr>
            <a:spLocks/>
          </p:cNvSpPr>
          <p:nvPr userDrawn="1"/>
        </p:nvSpPr>
        <p:spPr bwMode="auto">
          <a:xfrm>
            <a:off x="5732770" y="1160862"/>
            <a:ext cx="409575" cy="522288"/>
          </a:xfrm>
          <a:custGeom>
            <a:avLst/>
            <a:gdLst/>
            <a:ahLst/>
            <a:cxnLst>
              <a:cxn ang="0">
                <a:pos x="269" y="4"/>
              </a:cxn>
              <a:cxn ang="0">
                <a:pos x="259" y="0"/>
              </a:cxn>
              <a:cxn ang="0">
                <a:pos x="250" y="4"/>
              </a:cxn>
              <a:cxn ang="0">
                <a:pos x="184" y="70"/>
              </a:cxn>
              <a:cxn ang="0">
                <a:pos x="180" y="80"/>
              </a:cxn>
              <a:cxn ang="0">
                <a:pos x="184" y="89"/>
              </a:cxn>
              <a:cxn ang="0">
                <a:pos x="243" y="231"/>
              </a:cxn>
              <a:cxn ang="0">
                <a:pos x="193" y="362"/>
              </a:cxn>
              <a:cxn ang="0">
                <a:pos x="148" y="316"/>
              </a:cxn>
              <a:cxn ang="0">
                <a:pos x="178" y="230"/>
              </a:cxn>
              <a:cxn ang="0">
                <a:pos x="139" y="135"/>
              </a:cxn>
              <a:cxn ang="0">
                <a:pos x="120" y="134"/>
              </a:cxn>
              <a:cxn ang="0">
                <a:pos x="54" y="195"/>
              </a:cxn>
              <a:cxn ang="0">
                <a:pos x="44" y="193"/>
              </a:cxn>
              <a:cxn ang="0">
                <a:pos x="15" y="202"/>
              </a:cxn>
              <a:cxn ang="0">
                <a:pos x="2" y="229"/>
              </a:cxn>
              <a:cxn ang="0">
                <a:pos x="37" y="271"/>
              </a:cxn>
              <a:cxn ang="0">
                <a:pos x="66" y="262"/>
              </a:cxn>
              <a:cxn ang="0">
                <a:pos x="80" y="236"/>
              </a:cxn>
              <a:cxn ang="0">
                <a:pos x="74" y="213"/>
              </a:cxn>
              <a:cxn ang="0">
                <a:pos x="128" y="163"/>
              </a:cxn>
              <a:cxn ang="0">
                <a:pos x="152" y="230"/>
              </a:cxn>
              <a:cxn ang="0">
                <a:pos x="120" y="307"/>
              </a:cxn>
              <a:cxn ang="0">
                <a:pos x="116" y="317"/>
              </a:cxn>
              <a:cxn ang="0">
                <a:pos x="120" y="326"/>
              </a:cxn>
              <a:cxn ang="0">
                <a:pos x="184" y="391"/>
              </a:cxn>
              <a:cxn ang="0">
                <a:pos x="193" y="395"/>
              </a:cxn>
              <a:cxn ang="0">
                <a:pos x="203" y="391"/>
              </a:cxn>
              <a:cxn ang="0">
                <a:pos x="269" y="231"/>
              </a:cxn>
              <a:cxn ang="0">
                <a:pos x="269" y="231"/>
              </a:cxn>
              <a:cxn ang="0">
                <a:pos x="212" y="80"/>
              </a:cxn>
              <a:cxn ang="0">
                <a:pos x="259" y="32"/>
              </a:cxn>
              <a:cxn ang="0">
                <a:pos x="336" y="230"/>
              </a:cxn>
              <a:cxn ang="0">
                <a:pos x="336" y="230"/>
              </a:cxn>
              <a:cxn ang="0">
                <a:pos x="250" y="438"/>
              </a:cxn>
              <a:cxn ang="0">
                <a:pos x="246" y="448"/>
              </a:cxn>
              <a:cxn ang="0">
                <a:pos x="250" y="457"/>
              </a:cxn>
              <a:cxn ang="0">
                <a:pos x="269" y="457"/>
              </a:cxn>
              <a:cxn ang="0">
                <a:pos x="363" y="230"/>
              </a:cxn>
              <a:cxn ang="0">
                <a:pos x="269" y="4"/>
              </a:cxn>
            </a:cxnLst>
            <a:rect l="0" t="0" r="r" b="b"/>
            <a:pathLst>
              <a:path w="363" h="462">
                <a:moveTo>
                  <a:pt x="269" y="4"/>
                </a:moveTo>
                <a:cubicBezTo>
                  <a:pt x="266" y="1"/>
                  <a:pt x="263" y="0"/>
                  <a:pt x="259" y="0"/>
                </a:cubicBezTo>
                <a:cubicBezTo>
                  <a:pt x="255" y="0"/>
                  <a:pt x="252" y="1"/>
                  <a:pt x="250" y="4"/>
                </a:cubicBezTo>
                <a:cubicBezTo>
                  <a:pt x="184" y="70"/>
                  <a:pt x="184" y="70"/>
                  <a:pt x="184" y="70"/>
                </a:cubicBezTo>
                <a:cubicBezTo>
                  <a:pt x="181" y="73"/>
                  <a:pt x="180" y="76"/>
                  <a:pt x="180" y="80"/>
                </a:cubicBezTo>
                <a:cubicBezTo>
                  <a:pt x="180" y="83"/>
                  <a:pt x="181" y="87"/>
                  <a:pt x="184" y="89"/>
                </a:cubicBezTo>
                <a:cubicBezTo>
                  <a:pt x="222" y="127"/>
                  <a:pt x="243" y="177"/>
                  <a:pt x="243" y="231"/>
                </a:cubicBezTo>
                <a:cubicBezTo>
                  <a:pt x="243" y="280"/>
                  <a:pt x="225" y="326"/>
                  <a:pt x="193" y="362"/>
                </a:cubicBezTo>
                <a:cubicBezTo>
                  <a:pt x="181" y="350"/>
                  <a:pt x="158" y="327"/>
                  <a:pt x="148" y="316"/>
                </a:cubicBezTo>
                <a:cubicBezTo>
                  <a:pt x="168" y="291"/>
                  <a:pt x="178" y="261"/>
                  <a:pt x="178" y="230"/>
                </a:cubicBezTo>
                <a:cubicBezTo>
                  <a:pt x="178" y="196"/>
                  <a:pt x="165" y="161"/>
                  <a:pt x="139" y="135"/>
                </a:cubicBezTo>
                <a:cubicBezTo>
                  <a:pt x="134" y="130"/>
                  <a:pt x="126" y="129"/>
                  <a:pt x="120" y="134"/>
                </a:cubicBezTo>
                <a:cubicBezTo>
                  <a:pt x="54" y="195"/>
                  <a:pt x="54" y="195"/>
                  <a:pt x="54" y="195"/>
                </a:cubicBezTo>
                <a:cubicBezTo>
                  <a:pt x="51" y="194"/>
                  <a:pt x="48" y="193"/>
                  <a:pt x="44" y="193"/>
                </a:cubicBezTo>
                <a:cubicBezTo>
                  <a:pt x="33" y="193"/>
                  <a:pt x="24" y="195"/>
                  <a:pt x="15" y="202"/>
                </a:cubicBezTo>
                <a:cubicBezTo>
                  <a:pt x="8" y="209"/>
                  <a:pt x="3" y="218"/>
                  <a:pt x="2" y="229"/>
                </a:cubicBezTo>
                <a:cubicBezTo>
                  <a:pt x="0" y="248"/>
                  <a:pt x="16" y="271"/>
                  <a:pt x="37" y="271"/>
                </a:cubicBezTo>
                <a:cubicBezTo>
                  <a:pt x="48" y="271"/>
                  <a:pt x="57" y="269"/>
                  <a:pt x="66" y="262"/>
                </a:cubicBezTo>
                <a:cubicBezTo>
                  <a:pt x="74" y="256"/>
                  <a:pt x="79" y="246"/>
                  <a:pt x="80" y="236"/>
                </a:cubicBezTo>
                <a:cubicBezTo>
                  <a:pt x="80" y="228"/>
                  <a:pt x="78" y="220"/>
                  <a:pt x="74" y="213"/>
                </a:cubicBezTo>
                <a:cubicBezTo>
                  <a:pt x="84" y="203"/>
                  <a:pt x="116" y="174"/>
                  <a:pt x="128" y="163"/>
                </a:cubicBezTo>
                <a:cubicBezTo>
                  <a:pt x="144" y="183"/>
                  <a:pt x="152" y="207"/>
                  <a:pt x="152" y="230"/>
                </a:cubicBezTo>
                <a:cubicBezTo>
                  <a:pt x="152" y="258"/>
                  <a:pt x="141" y="286"/>
                  <a:pt x="120" y="307"/>
                </a:cubicBezTo>
                <a:cubicBezTo>
                  <a:pt x="117" y="310"/>
                  <a:pt x="116" y="313"/>
                  <a:pt x="116" y="317"/>
                </a:cubicBezTo>
                <a:cubicBezTo>
                  <a:pt x="116" y="320"/>
                  <a:pt x="117" y="323"/>
                  <a:pt x="120" y="326"/>
                </a:cubicBezTo>
                <a:cubicBezTo>
                  <a:pt x="184" y="391"/>
                  <a:pt x="184" y="391"/>
                  <a:pt x="184" y="391"/>
                </a:cubicBezTo>
                <a:cubicBezTo>
                  <a:pt x="186" y="394"/>
                  <a:pt x="190" y="395"/>
                  <a:pt x="193" y="395"/>
                </a:cubicBezTo>
                <a:cubicBezTo>
                  <a:pt x="197" y="395"/>
                  <a:pt x="200" y="394"/>
                  <a:pt x="203" y="391"/>
                </a:cubicBezTo>
                <a:cubicBezTo>
                  <a:pt x="246" y="348"/>
                  <a:pt x="269" y="291"/>
                  <a:pt x="269" y="231"/>
                </a:cubicBezTo>
                <a:cubicBezTo>
                  <a:pt x="269" y="231"/>
                  <a:pt x="269" y="231"/>
                  <a:pt x="269" y="231"/>
                </a:cubicBezTo>
                <a:cubicBezTo>
                  <a:pt x="269" y="175"/>
                  <a:pt x="249" y="122"/>
                  <a:pt x="212" y="80"/>
                </a:cubicBezTo>
                <a:cubicBezTo>
                  <a:pt x="223" y="69"/>
                  <a:pt x="247" y="44"/>
                  <a:pt x="259" y="32"/>
                </a:cubicBezTo>
                <a:cubicBezTo>
                  <a:pt x="309" y="86"/>
                  <a:pt x="336" y="156"/>
                  <a:pt x="336" y="230"/>
                </a:cubicBezTo>
                <a:cubicBezTo>
                  <a:pt x="336" y="230"/>
                  <a:pt x="336" y="230"/>
                  <a:pt x="336" y="230"/>
                </a:cubicBezTo>
                <a:cubicBezTo>
                  <a:pt x="336" y="309"/>
                  <a:pt x="305" y="383"/>
                  <a:pt x="250" y="438"/>
                </a:cubicBezTo>
                <a:cubicBezTo>
                  <a:pt x="247" y="441"/>
                  <a:pt x="246" y="444"/>
                  <a:pt x="246" y="448"/>
                </a:cubicBezTo>
                <a:cubicBezTo>
                  <a:pt x="246" y="451"/>
                  <a:pt x="247" y="454"/>
                  <a:pt x="250" y="457"/>
                </a:cubicBezTo>
                <a:cubicBezTo>
                  <a:pt x="255" y="462"/>
                  <a:pt x="263" y="462"/>
                  <a:pt x="269" y="457"/>
                </a:cubicBezTo>
                <a:cubicBezTo>
                  <a:pt x="329" y="396"/>
                  <a:pt x="363" y="316"/>
                  <a:pt x="363" y="230"/>
                </a:cubicBezTo>
                <a:cubicBezTo>
                  <a:pt x="363" y="145"/>
                  <a:pt x="329" y="64"/>
                  <a:pt x="269" y="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4" name="Freeform 357"/>
          <p:cNvSpPr>
            <a:spLocks/>
          </p:cNvSpPr>
          <p:nvPr userDrawn="1"/>
        </p:nvSpPr>
        <p:spPr bwMode="auto">
          <a:xfrm>
            <a:off x="5670857" y="4389724"/>
            <a:ext cx="533400" cy="542925"/>
          </a:xfrm>
          <a:custGeom>
            <a:avLst/>
            <a:gdLst/>
            <a:ahLst/>
            <a:cxnLst>
              <a:cxn ang="0">
                <a:pos x="470" y="225"/>
              </a:cxn>
              <a:cxn ang="0">
                <a:pos x="376" y="221"/>
              </a:cxn>
              <a:cxn ang="0">
                <a:pos x="392" y="271"/>
              </a:cxn>
              <a:cxn ang="0">
                <a:pos x="404" y="280"/>
              </a:cxn>
              <a:cxn ang="0">
                <a:pos x="362" y="365"/>
              </a:cxn>
              <a:cxn ang="0">
                <a:pos x="349" y="345"/>
              </a:cxn>
              <a:cxn ang="0">
                <a:pos x="302" y="280"/>
              </a:cxn>
              <a:cxn ang="0">
                <a:pos x="320" y="245"/>
              </a:cxn>
              <a:cxn ang="0">
                <a:pos x="361" y="188"/>
              </a:cxn>
              <a:cxn ang="0">
                <a:pos x="293" y="188"/>
              </a:cxn>
              <a:cxn ang="0">
                <a:pos x="320" y="146"/>
              </a:cxn>
              <a:cxn ang="0">
                <a:pos x="362" y="161"/>
              </a:cxn>
              <a:cxn ang="0">
                <a:pos x="404" y="143"/>
              </a:cxn>
              <a:cxn ang="0">
                <a:pos x="377" y="138"/>
              </a:cxn>
              <a:cxn ang="0">
                <a:pos x="354" y="129"/>
              </a:cxn>
              <a:cxn ang="0">
                <a:pos x="266" y="187"/>
              </a:cxn>
              <a:cxn ang="0">
                <a:pos x="340" y="205"/>
              </a:cxn>
              <a:cxn ang="0">
                <a:pos x="336" y="218"/>
              </a:cxn>
              <a:cxn ang="0">
                <a:pos x="261" y="260"/>
              </a:cxn>
              <a:cxn ang="0">
                <a:pos x="321" y="338"/>
              </a:cxn>
              <a:cxn ang="0">
                <a:pos x="353" y="394"/>
              </a:cxn>
              <a:cxn ang="0">
                <a:pos x="427" y="295"/>
              </a:cxn>
              <a:cxn ang="0">
                <a:pos x="409" y="251"/>
              </a:cxn>
              <a:cxn ang="0">
                <a:pos x="440" y="221"/>
              </a:cxn>
              <a:cxn ang="0">
                <a:pos x="445" y="245"/>
              </a:cxn>
              <a:cxn ang="0">
                <a:pos x="215" y="448"/>
              </a:cxn>
              <a:cxn ang="0">
                <a:pos x="266" y="335"/>
              </a:cxn>
              <a:cxn ang="0">
                <a:pos x="191" y="271"/>
              </a:cxn>
              <a:cxn ang="0">
                <a:pos x="148" y="236"/>
              </a:cxn>
              <a:cxn ang="0">
                <a:pos x="216" y="176"/>
              </a:cxn>
              <a:cxn ang="0">
                <a:pos x="102" y="117"/>
              </a:cxn>
              <a:cxn ang="0">
                <a:pos x="55" y="221"/>
              </a:cxn>
              <a:cxn ang="0">
                <a:pos x="126" y="313"/>
              </a:cxn>
              <a:cxn ang="0">
                <a:pos x="133" y="366"/>
              </a:cxn>
              <a:cxn ang="0">
                <a:pos x="127" y="416"/>
              </a:cxn>
              <a:cxn ang="0">
                <a:pos x="266" y="42"/>
              </a:cxn>
              <a:cxn ang="0">
                <a:pos x="316" y="86"/>
              </a:cxn>
              <a:cxn ang="0">
                <a:pos x="383" y="90"/>
              </a:cxn>
              <a:cxn ang="0">
                <a:pos x="384" y="24"/>
              </a:cxn>
              <a:cxn ang="0">
                <a:pos x="358" y="29"/>
              </a:cxn>
              <a:cxn ang="0">
                <a:pos x="269" y="16"/>
              </a:cxn>
              <a:cxn ang="0">
                <a:pos x="138" y="443"/>
              </a:cxn>
              <a:cxn ang="0">
                <a:pos x="144" y="334"/>
              </a:cxn>
              <a:cxn ang="0">
                <a:pos x="142" y="292"/>
              </a:cxn>
              <a:cxn ang="0">
                <a:pos x="85" y="194"/>
              </a:cxn>
              <a:cxn ang="0">
                <a:pos x="131" y="142"/>
              </a:cxn>
              <a:cxn ang="0">
                <a:pos x="186" y="188"/>
              </a:cxn>
              <a:cxn ang="0">
                <a:pos x="112" y="230"/>
              </a:cxn>
              <a:cxn ang="0">
                <a:pos x="176" y="294"/>
              </a:cxn>
              <a:cxn ang="0">
                <a:pos x="239" y="334"/>
              </a:cxn>
              <a:cxn ang="0">
                <a:pos x="184" y="393"/>
              </a:cxn>
              <a:cxn ang="0">
                <a:pos x="164" y="463"/>
              </a:cxn>
              <a:cxn ang="0">
                <a:pos x="470" y="274"/>
              </a:cxn>
            </a:cxnLst>
            <a:rect l="0" t="0" r="r" b="b"/>
            <a:pathLst>
              <a:path w="472" h="481">
                <a:moveTo>
                  <a:pt x="471" y="235"/>
                </a:moveTo>
                <a:cubicBezTo>
                  <a:pt x="471" y="234"/>
                  <a:pt x="471" y="234"/>
                  <a:pt x="471" y="234"/>
                </a:cubicBezTo>
                <a:cubicBezTo>
                  <a:pt x="470" y="225"/>
                  <a:pt x="470" y="225"/>
                  <a:pt x="470" y="225"/>
                </a:cubicBezTo>
                <a:cubicBezTo>
                  <a:pt x="470" y="224"/>
                  <a:pt x="470" y="224"/>
                  <a:pt x="470" y="224"/>
                </a:cubicBezTo>
                <a:cubicBezTo>
                  <a:pt x="467" y="207"/>
                  <a:pt x="458" y="200"/>
                  <a:pt x="450" y="197"/>
                </a:cubicBezTo>
                <a:cubicBezTo>
                  <a:pt x="426" y="187"/>
                  <a:pt x="390" y="210"/>
                  <a:pt x="376" y="221"/>
                </a:cubicBezTo>
                <a:cubicBezTo>
                  <a:pt x="370" y="225"/>
                  <a:pt x="367" y="231"/>
                  <a:pt x="367" y="238"/>
                </a:cubicBezTo>
                <a:cubicBezTo>
                  <a:pt x="367" y="238"/>
                  <a:pt x="367" y="238"/>
                  <a:pt x="367" y="238"/>
                </a:cubicBezTo>
                <a:cubicBezTo>
                  <a:pt x="367" y="252"/>
                  <a:pt x="380" y="262"/>
                  <a:pt x="392" y="271"/>
                </a:cubicBezTo>
                <a:cubicBezTo>
                  <a:pt x="393" y="272"/>
                  <a:pt x="393" y="272"/>
                  <a:pt x="393" y="272"/>
                </a:cubicBezTo>
                <a:cubicBezTo>
                  <a:pt x="393" y="272"/>
                  <a:pt x="400" y="277"/>
                  <a:pt x="400" y="277"/>
                </a:cubicBezTo>
                <a:cubicBezTo>
                  <a:pt x="401" y="278"/>
                  <a:pt x="403" y="279"/>
                  <a:pt x="404" y="280"/>
                </a:cubicBezTo>
                <a:cubicBezTo>
                  <a:pt x="404" y="280"/>
                  <a:pt x="404" y="281"/>
                  <a:pt x="403" y="282"/>
                </a:cubicBezTo>
                <a:cubicBezTo>
                  <a:pt x="397" y="293"/>
                  <a:pt x="393" y="305"/>
                  <a:pt x="388" y="316"/>
                </a:cubicBezTo>
                <a:cubicBezTo>
                  <a:pt x="381" y="334"/>
                  <a:pt x="374" y="352"/>
                  <a:pt x="362" y="365"/>
                </a:cubicBezTo>
                <a:cubicBezTo>
                  <a:pt x="360" y="367"/>
                  <a:pt x="357" y="368"/>
                  <a:pt x="356" y="368"/>
                </a:cubicBezTo>
                <a:cubicBezTo>
                  <a:pt x="355" y="368"/>
                  <a:pt x="355" y="367"/>
                  <a:pt x="354" y="366"/>
                </a:cubicBezTo>
                <a:cubicBezTo>
                  <a:pt x="351" y="361"/>
                  <a:pt x="350" y="353"/>
                  <a:pt x="349" y="345"/>
                </a:cubicBezTo>
                <a:cubicBezTo>
                  <a:pt x="348" y="341"/>
                  <a:pt x="348" y="337"/>
                  <a:pt x="347" y="333"/>
                </a:cubicBezTo>
                <a:cubicBezTo>
                  <a:pt x="342" y="305"/>
                  <a:pt x="323" y="294"/>
                  <a:pt x="305" y="282"/>
                </a:cubicBezTo>
                <a:cubicBezTo>
                  <a:pt x="302" y="280"/>
                  <a:pt x="302" y="280"/>
                  <a:pt x="302" y="280"/>
                </a:cubicBezTo>
                <a:cubicBezTo>
                  <a:pt x="294" y="275"/>
                  <a:pt x="288" y="266"/>
                  <a:pt x="287" y="259"/>
                </a:cubicBezTo>
                <a:cubicBezTo>
                  <a:pt x="287" y="255"/>
                  <a:pt x="289" y="252"/>
                  <a:pt x="292" y="250"/>
                </a:cubicBezTo>
                <a:cubicBezTo>
                  <a:pt x="299" y="245"/>
                  <a:pt x="307" y="245"/>
                  <a:pt x="320" y="245"/>
                </a:cubicBezTo>
                <a:cubicBezTo>
                  <a:pt x="326" y="245"/>
                  <a:pt x="333" y="245"/>
                  <a:pt x="340" y="245"/>
                </a:cubicBezTo>
                <a:cubicBezTo>
                  <a:pt x="350" y="243"/>
                  <a:pt x="359" y="235"/>
                  <a:pt x="364" y="224"/>
                </a:cubicBezTo>
                <a:cubicBezTo>
                  <a:pt x="370" y="211"/>
                  <a:pt x="368" y="197"/>
                  <a:pt x="361" y="188"/>
                </a:cubicBezTo>
                <a:cubicBezTo>
                  <a:pt x="349" y="172"/>
                  <a:pt x="327" y="179"/>
                  <a:pt x="312" y="184"/>
                </a:cubicBezTo>
                <a:cubicBezTo>
                  <a:pt x="306" y="186"/>
                  <a:pt x="298" y="188"/>
                  <a:pt x="296" y="188"/>
                </a:cubicBezTo>
                <a:cubicBezTo>
                  <a:pt x="294" y="188"/>
                  <a:pt x="293" y="188"/>
                  <a:pt x="293" y="188"/>
                </a:cubicBezTo>
                <a:cubicBezTo>
                  <a:pt x="293" y="187"/>
                  <a:pt x="293" y="187"/>
                  <a:pt x="293" y="186"/>
                </a:cubicBezTo>
                <a:cubicBezTo>
                  <a:pt x="293" y="184"/>
                  <a:pt x="294" y="179"/>
                  <a:pt x="297" y="173"/>
                </a:cubicBezTo>
                <a:cubicBezTo>
                  <a:pt x="304" y="158"/>
                  <a:pt x="316" y="147"/>
                  <a:pt x="320" y="146"/>
                </a:cubicBezTo>
                <a:cubicBezTo>
                  <a:pt x="325" y="145"/>
                  <a:pt x="332" y="148"/>
                  <a:pt x="339" y="152"/>
                </a:cubicBezTo>
                <a:cubicBezTo>
                  <a:pt x="342" y="153"/>
                  <a:pt x="342" y="153"/>
                  <a:pt x="342" y="153"/>
                </a:cubicBezTo>
                <a:cubicBezTo>
                  <a:pt x="348" y="156"/>
                  <a:pt x="355" y="159"/>
                  <a:pt x="362" y="161"/>
                </a:cubicBezTo>
                <a:cubicBezTo>
                  <a:pt x="362" y="161"/>
                  <a:pt x="365" y="162"/>
                  <a:pt x="365" y="162"/>
                </a:cubicBezTo>
                <a:cubicBezTo>
                  <a:pt x="371" y="164"/>
                  <a:pt x="382" y="168"/>
                  <a:pt x="391" y="162"/>
                </a:cubicBezTo>
                <a:cubicBezTo>
                  <a:pt x="398" y="157"/>
                  <a:pt x="401" y="150"/>
                  <a:pt x="404" y="143"/>
                </a:cubicBezTo>
                <a:cubicBezTo>
                  <a:pt x="406" y="136"/>
                  <a:pt x="403" y="129"/>
                  <a:pt x="396" y="126"/>
                </a:cubicBezTo>
                <a:cubicBezTo>
                  <a:pt x="389" y="123"/>
                  <a:pt x="381" y="127"/>
                  <a:pt x="379" y="134"/>
                </a:cubicBezTo>
                <a:cubicBezTo>
                  <a:pt x="378" y="136"/>
                  <a:pt x="377" y="137"/>
                  <a:pt x="377" y="138"/>
                </a:cubicBezTo>
                <a:cubicBezTo>
                  <a:pt x="376" y="138"/>
                  <a:pt x="375" y="137"/>
                  <a:pt x="374" y="137"/>
                </a:cubicBezTo>
                <a:cubicBezTo>
                  <a:pt x="371" y="136"/>
                  <a:pt x="371" y="136"/>
                  <a:pt x="371" y="136"/>
                </a:cubicBezTo>
                <a:cubicBezTo>
                  <a:pt x="364" y="134"/>
                  <a:pt x="359" y="131"/>
                  <a:pt x="354" y="129"/>
                </a:cubicBezTo>
                <a:cubicBezTo>
                  <a:pt x="350" y="128"/>
                  <a:pt x="350" y="128"/>
                  <a:pt x="350" y="128"/>
                </a:cubicBezTo>
                <a:cubicBezTo>
                  <a:pt x="341" y="123"/>
                  <a:pt x="329" y="117"/>
                  <a:pt x="314" y="120"/>
                </a:cubicBezTo>
                <a:cubicBezTo>
                  <a:pt x="293" y="125"/>
                  <a:pt x="266" y="162"/>
                  <a:pt x="266" y="187"/>
                </a:cubicBezTo>
                <a:cubicBezTo>
                  <a:pt x="267" y="202"/>
                  <a:pt x="276" y="212"/>
                  <a:pt x="292" y="215"/>
                </a:cubicBezTo>
                <a:cubicBezTo>
                  <a:pt x="300" y="216"/>
                  <a:pt x="310" y="213"/>
                  <a:pt x="320" y="209"/>
                </a:cubicBezTo>
                <a:cubicBezTo>
                  <a:pt x="326" y="208"/>
                  <a:pt x="337" y="204"/>
                  <a:pt x="340" y="205"/>
                </a:cubicBezTo>
                <a:cubicBezTo>
                  <a:pt x="341" y="205"/>
                  <a:pt x="341" y="206"/>
                  <a:pt x="341" y="207"/>
                </a:cubicBezTo>
                <a:cubicBezTo>
                  <a:pt x="341" y="209"/>
                  <a:pt x="341" y="212"/>
                  <a:pt x="340" y="214"/>
                </a:cubicBezTo>
                <a:cubicBezTo>
                  <a:pt x="338" y="217"/>
                  <a:pt x="337" y="218"/>
                  <a:pt x="336" y="218"/>
                </a:cubicBezTo>
                <a:cubicBezTo>
                  <a:pt x="332" y="219"/>
                  <a:pt x="326" y="218"/>
                  <a:pt x="321" y="218"/>
                </a:cubicBezTo>
                <a:cubicBezTo>
                  <a:pt x="307" y="218"/>
                  <a:pt x="290" y="217"/>
                  <a:pt x="276" y="229"/>
                </a:cubicBezTo>
                <a:cubicBezTo>
                  <a:pt x="265" y="237"/>
                  <a:pt x="260" y="248"/>
                  <a:pt x="261" y="260"/>
                </a:cubicBezTo>
                <a:cubicBezTo>
                  <a:pt x="262" y="279"/>
                  <a:pt x="275" y="295"/>
                  <a:pt x="288" y="303"/>
                </a:cubicBezTo>
                <a:cubicBezTo>
                  <a:pt x="290" y="305"/>
                  <a:pt x="290" y="305"/>
                  <a:pt x="290" y="305"/>
                </a:cubicBezTo>
                <a:cubicBezTo>
                  <a:pt x="308" y="316"/>
                  <a:pt x="318" y="323"/>
                  <a:pt x="321" y="338"/>
                </a:cubicBezTo>
                <a:cubicBezTo>
                  <a:pt x="321" y="341"/>
                  <a:pt x="322" y="345"/>
                  <a:pt x="322" y="348"/>
                </a:cubicBezTo>
                <a:cubicBezTo>
                  <a:pt x="324" y="358"/>
                  <a:pt x="325" y="370"/>
                  <a:pt x="331" y="380"/>
                </a:cubicBezTo>
                <a:cubicBezTo>
                  <a:pt x="336" y="388"/>
                  <a:pt x="344" y="393"/>
                  <a:pt x="353" y="394"/>
                </a:cubicBezTo>
                <a:cubicBezTo>
                  <a:pt x="363" y="395"/>
                  <a:pt x="374" y="391"/>
                  <a:pt x="381" y="383"/>
                </a:cubicBezTo>
                <a:cubicBezTo>
                  <a:pt x="397" y="366"/>
                  <a:pt x="405" y="345"/>
                  <a:pt x="413" y="325"/>
                </a:cubicBezTo>
                <a:cubicBezTo>
                  <a:pt x="418" y="315"/>
                  <a:pt x="422" y="304"/>
                  <a:pt x="427" y="295"/>
                </a:cubicBezTo>
                <a:cubicBezTo>
                  <a:pt x="430" y="288"/>
                  <a:pt x="432" y="283"/>
                  <a:pt x="432" y="279"/>
                </a:cubicBezTo>
                <a:cubicBezTo>
                  <a:pt x="432" y="266"/>
                  <a:pt x="421" y="259"/>
                  <a:pt x="415" y="254"/>
                </a:cubicBezTo>
                <a:cubicBezTo>
                  <a:pt x="409" y="251"/>
                  <a:pt x="409" y="251"/>
                  <a:pt x="409" y="251"/>
                </a:cubicBezTo>
                <a:cubicBezTo>
                  <a:pt x="407" y="249"/>
                  <a:pt x="407" y="249"/>
                  <a:pt x="407" y="249"/>
                </a:cubicBezTo>
                <a:cubicBezTo>
                  <a:pt x="401" y="245"/>
                  <a:pt x="398" y="242"/>
                  <a:pt x="396" y="240"/>
                </a:cubicBezTo>
                <a:cubicBezTo>
                  <a:pt x="414" y="227"/>
                  <a:pt x="434" y="219"/>
                  <a:pt x="440" y="221"/>
                </a:cubicBezTo>
                <a:cubicBezTo>
                  <a:pt x="442" y="222"/>
                  <a:pt x="443" y="225"/>
                  <a:pt x="444" y="228"/>
                </a:cubicBezTo>
                <a:cubicBezTo>
                  <a:pt x="444" y="229"/>
                  <a:pt x="445" y="235"/>
                  <a:pt x="445" y="236"/>
                </a:cubicBezTo>
                <a:cubicBezTo>
                  <a:pt x="445" y="239"/>
                  <a:pt x="445" y="242"/>
                  <a:pt x="445" y="245"/>
                </a:cubicBezTo>
                <a:cubicBezTo>
                  <a:pt x="445" y="254"/>
                  <a:pt x="444" y="262"/>
                  <a:pt x="443" y="271"/>
                </a:cubicBezTo>
                <a:cubicBezTo>
                  <a:pt x="436" y="325"/>
                  <a:pt x="409" y="373"/>
                  <a:pt x="366" y="406"/>
                </a:cubicBezTo>
                <a:cubicBezTo>
                  <a:pt x="323" y="439"/>
                  <a:pt x="269" y="454"/>
                  <a:pt x="215" y="448"/>
                </a:cubicBezTo>
                <a:cubicBezTo>
                  <a:pt x="201" y="447"/>
                  <a:pt x="188" y="443"/>
                  <a:pt x="180" y="440"/>
                </a:cubicBezTo>
                <a:cubicBezTo>
                  <a:pt x="185" y="431"/>
                  <a:pt x="203" y="409"/>
                  <a:pt x="246" y="372"/>
                </a:cubicBezTo>
                <a:cubicBezTo>
                  <a:pt x="259" y="360"/>
                  <a:pt x="266" y="347"/>
                  <a:pt x="266" y="335"/>
                </a:cubicBezTo>
                <a:cubicBezTo>
                  <a:pt x="266" y="333"/>
                  <a:pt x="266" y="332"/>
                  <a:pt x="266" y="330"/>
                </a:cubicBezTo>
                <a:cubicBezTo>
                  <a:pt x="262" y="304"/>
                  <a:pt x="229" y="289"/>
                  <a:pt x="202" y="276"/>
                </a:cubicBezTo>
                <a:cubicBezTo>
                  <a:pt x="191" y="271"/>
                  <a:pt x="191" y="271"/>
                  <a:pt x="191" y="271"/>
                </a:cubicBezTo>
                <a:cubicBezTo>
                  <a:pt x="185" y="269"/>
                  <a:pt x="185" y="269"/>
                  <a:pt x="185" y="269"/>
                </a:cubicBezTo>
                <a:cubicBezTo>
                  <a:pt x="147" y="255"/>
                  <a:pt x="137" y="247"/>
                  <a:pt x="135" y="244"/>
                </a:cubicBezTo>
                <a:cubicBezTo>
                  <a:pt x="137" y="242"/>
                  <a:pt x="140" y="239"/>
                  <a:pt x="148" y="236"/>
                </a:cubicBezTo>
                <a:cubicBezTo>
                  <a:pt x="152" y="235"/>
                  <a:pt x="157" y="233"/>
                  <a:pt x="161" y="232"/>
                </a:cubicBezTo>
                <a:cubicBezTo>
                  <a:pt x="178" y="227"/>
                  <a:pt x="199" y="220"/>
                  <a:pt x="210" y="200"/>
                </a:cubicBezTo>
                <a:cubicBezTo>
                  <a:pt x="214" y="192"/>
                  <a:pt x="216" y="184"/>
                  <a:pt x="216" y="176"/>
                </a:cubicBezTo>
                <a:cubicBezTo>
                  <a:pt x="216" y="161"/>
                  <a:pt x="209" y="147"/>
                  <a:pt x="196" y="138"/>
                </a:cubicBezTo>
                <a:cubicBezTo>
                  <a:pt x="178" y="126"/>
                  <a:pt x="157" y="118"/>
                  <a:pt x="134" y="115"/>
                </a:cubicBezTo>
                <a:cubicBezTo>
                  <a:pt x="122" y="114"/>
                  <a:pt x="111" y="114"/>
                  <a:pt x="102" y="117"/>
                </a:cubicBezTo>
                <a:cubicBezTo>
                  <a:pt x="74" y="123"/>
                  <a:pt x="65" y="161"/>
                  <a:pt x="60" y="184"/>
                </a:cubicBezTo>
                <a:cubicBezTo>
                  <a:pt x="59" y="188"/>
                  <a:pt x="59" y="188"/>
                  <a:pt x="59" y="188"/>
                </a:cubicBezTo>
                <a:cubicBezTo>
                  <a:pt x="56" y="200"/>
                  <a:pt x="55" y="211"/>
                  <a:pt x="55" y="221"/>
                </a:cubicBezTo>
                <a:cubicBezTo>
                  <a:pt x="55" y="237"/>
                  <a:pt x="58" y="250"/>
                  <a:pt x="65" y="261"/>
                </a:cubicBezTo>
                <a:cubicBezTo>
                  <a:pt x="77" y="281"/>
                  <a:pt x="97" y="294"/>
                  <a:pt x="114" y="306"/>
                </a:cubicBezTo>
                <a:cubicBezTo>
                  <a:pt x="114" y="306"/>
                  <a:pt x="125" y="313"/>
                  <a:pt x="126" y="313"/>
                </a:cubicBezTo>
                <a:cubicBezTo>
                  <a:pt x="122" y="318"/>
                  <a:pt x="118" y="324"/>
                  <a:pt x="118" y="334"/>
                </a:cubicBezTo>
                <a:cubicBezTo>
                  <a:pt x="118" y="334"/>
                  <a:pt x="118" y="334"/>
                  <a:pt x="118" y="335"/>
                </a:cubicBezTo>
                <a:cubicBezTo>
                  <a:pt x="118" y="349"/>
                  <a:pt x="126" y="358"/>
                  <a:pt x="133" y="366"/>
                </a:cubicBezTo>
                <a:cubicBezTo>
                  <a:pt x="139" y="373"/>
                  <a:pt x="142" y="377"/>
                  <a:pt x="142" y="384"/>
                </a:cubicBezTo>
                <a:cubicBezTo>
                  <a:pt x="142" y="385"/>
                  <a:pt x="142" y="385"/>
                  <a:pt x="142" y="386"/>
                </a:cubicBezTo>
                <a:cubicBezTo>
                  <a:pt x="142" y="397"/>
                  <a:pt x="134" y="408"/>
                  <a:pt x="127" y="416"/>
                </a:cubicBezTo>
                <a:cubicBezTo>
                  <a:pt x="70" y="377"/>
                  <a:pt x="36" y="313"/>
                  <a:pt x="36" y="245"/>
                </a:cubicBezTo>
                <a:cubicBezTo>
                  <a:pt x="36" y="237"/>
                  <a:pt x="36" y="228"/>
                  <a:pt x="37" y="220"/>
                </a:cubicBezTo>
                <a:cubicBezTo>
                  <a:pt x="52" y="108"/>
                  <a:pt x="154" y="28"/>
                  <a:pt x="266" y="42"/>
                </a:cubicBezTo>
                <a:cubicBezTo>
                  <a:pt x="294" y="46"/>
                  <a:pt x="321" y="55"/>
                  <a:pt x="345" y="70"/>
                </a:cubicBezTo>
                <a:cubicBezTo>
                  <a:pt x="335" y="72"/>
                  <a:pt x="327" y="73"/>
                  <a:pt x="327" y="73"/>
                </a:cubicBezTo>
                <a:cubicBezTo>
                  <a:pt x="320" y="74"/>
                  <a:pt x="316" y="80"/>
                  <a:pt x="316" y="86"/>
                </a:cubicBezTo>
                <a:cubicBezTo>
                  <a:pt x="316" y="87"/>
                  <a:pt x="316" y="88"/>
                  <a:pt x="316" y="89"/>
                </a:cubicBezTo>
                <a:cubicBezTo>
                  <a:pt x="317" y="96"/>
                  <a:pt x="324" y="101"/>
                  <a:pt x="332" y="99"/>
                </a:cubicBezTo>
                <a:cubicBezTo>
                  <a:pt x="383" y="90"/>
                  <a:pt x="383" y="90"/>
                  <a:pt x="383" y="90"/>
                </a:cubicBezTo>
                <a:cubicBezTo>
                  <a:pt x="386" y="89"/>
                  <a:pt x="389" y="87"/>
                  <a:pt x="391" y="84"/>
                </a:cubicBezTo>
                <a:cubicBezTo>
                  <a:pt x="393" y="81"/>
                  <a:pt x="394" y="78"/>
                  <a:pt x="394" y="74"/>
                </a:cubicBezTo>
                <a:cubicBezTo>
                  <a:pt x="384" y="24"/>
                  <a:pt x="384" y="24"/>
                  <a:pt x="384" y="24"/>
                </a:cubicBezTo>
                <a:cubicBezTo>
                  <a:pt x="383" y="16"/>
                  <a:pt x="376" y="12"/>
                  <a:pt x="368" y="13"/>
                </a:cubicBezTo>
                <a:cubicBezTo>
                  <a:pt x="362" y="14"/>
                  <a:pt x="357" y="20"/>
                  <a:pt x="357" y="26"/>
                </a:cubicBezTo>
                <a:cubicBezTo>
                  <a:pt x="357" y="27"/>
                  <a:pt x="358" y="28"/>
                  <a:pt x="358" y="29"/>
                </a:cubicBezTo>
                <a:cubicBezTo>
                  <a:pt x="358" y="29"/>
                  <a:pt x="360" y="38"/>
                  <a:pt x="362" y="48"/>
                </a:cubicBezTo>
                <a:cubicBezTo>
                  <a:pt x="361" y="48"/>
                  <a:pt x="361" y="48"/>
                  <a:pt x="361" y="48"/>
                </a:cubicBezTo>
                <a:cubicBezTo>
                  <a:pt x="333" y="31"/>
                  <a:pt x="302" y="20"/>
                  <a:pt x="269" y="16"/>
                </a:cubicBezTo>
                <a:cubicBezTo>
                  <a:pt x="143" y="0"/>
                  <a:pt x="27" y="90"/>
                  <a:pt x="11" y="216"/>
                </a:cubicBezTo>
                <a:cubicBezTo>
                  <a:pt x="0" y="307"/>
                  <a:pt x="43" y="397"/>
                  <a:pt x="122" y="444"/>
                </a:cubicBezTo>
                <a:cubicBezTo>
                  <a:pt x="127" y="447"/>
                  <a:pt x="133" y="447"/>
                  <a:pt x="138" y="443"/>
                </a:cubicBezTo>
                <a:cubicBezTo>
                  <a:pt x="141" y="440"/>
                  <a:pt x="167" y="417"/>
                  <a:pt x="169" y="388"/>
                </a:cubicBezTo>
                <a:cubicBezTo>
                  <a:pt x="171" y="368"/>
                  <a:pt x="160" y="356"/>
                  <a:pt x="153" y="348"/>
                </a:cubicBezTo>
                <a:cubicBezTo>
                  <a:pt x="147" y="342"/>
                  <a:pt x="144" y="339"/>
                  <a:pt x="144" y="334"/>
                </a:cubicBezTo>
                <a:cubicBezTo>
                  <a:pt x="144" y="333"/>
                  <a:pt x="145" y="332"/>
                  <a:pt x="148" y="329"/>
                </a:cubicBezTo>
                <a:cubicBezTo>
                  <a:pt x="151" y="325"/>
                  <a:pt x="156" y="319"/>
                  <a:pt x="155" y="310"/>
                </a:cubicBezTo>
                <a:cubicBezTo>
                  <a:pt x="154" y="302"/>
                  <a:pt x="147" y="296"/>
                  <a:pt x="142" y="292"/>
                </a:cubicBezTo>
                <a:cubicBezTo>
                  <a:pt x="142" y="292"/>
                  <a:pt x="129" y="283"/>
                  <a:pt x="129" y="283"/>
                </a:cubicBezTo>
                <a:cubicBezTo>
                  <a:pt x="113" y="273"/>
                  <a:pt x="97" y="262"/>
                  <a:pt x="88" y="248"/>
                </a:cubicBezTo>
                <a:cubicBezTo>
                  <a:pt x="81" y="235"/>
                  <a:pt x="80" y="218"/>
                  <a:pt x="85" y="194"/>
                </a:cubicBezTo>
                <a:cubicBezTo>
                  <a:pt x="86" y="190"/>
                  <a:pt x="86" y="190"/>
                  <a:pt x="86" y="190"/>
                </a:cubicBezTo>
                <a:cubicBezTo>
                  <a:pt x="89" y="178"/>
                  <a:pt x="96" y="145"/>
                  <a:pt x="108" y="142"/>
                </a:cubicBezTo>
                <a:cubicBezTo>
                  <a:pt x="115" y="141"/>
                  <a:pt x="122" y="141"/>
                  <a:pt x="131" y="142"/>
                </a:cubicBezTo>
                <a:cubicBezTo>
                  <a:pt x="150" y="144"/>
                  <a:pt x="166" y="150"/>
                  <a:pt x="181" y="160"/>
                </a:cubicBezTo>
                <a:cubicBezTo>
                  <a:pt x="188" y="165"/>
                  <a:pt x="190" y="170"/>
                  <a:pt x="190" y="175"/>
                </a:cubicBezTo>
                <a:cubicBezTo>
                  <a:pt x="190" y="180"/>
                  <a:pt x="188" y="185"/>
                  <a:pt x="186" y="188"/>
                </a:cubicBezTo>
                <a:cubicBezTo>
                  <a:pt x="181" y="198"/>
                  <a:pt x="168" y="202"/>
                  <a:pt x="153" y="206"/>
                </a:cubicBezTo>
                <a:cubicBezTo>
                  <a:pt x="148" y="208"/>
                  <a:pt x="143" y="210"/>
                  <a:pt x="138" y="211"/>
                </a:cubicBezTo>
                <a:cubicBezTo>
                  <a:pt x="125" y="217"/>
                  <a:pt x="117" y="222"/>
                  <a:pt x="112" y="230"/>
                </a:cubicBezTo>
                <a:cubicBezTo>
                  <a:pt x="109" y="234"/>
                  <a:pt x="108" y="239"/>
                  <a:pt x="108" y="243"/>
                </a:cubicBezTo>
                <a:cubicBezTo>
                  <a:pt x="108" y="246"/>
                  <a:pt x="108" y="248"/>
                  <a:pt x="109" y="251"/>
                </a:cubicBezTo>
                <a:cubicBezTo>
                  <a:pt x="114" y="266"/>
                  <a:pt x="134" y="279"/>
                  <a:pt x="176" y="294"/>
                </a:cubicBezTo>
                <a:cubicBezTo>
                  <a:pt x="176" y="294"/>
                  <a:pt x="179" y="295"/>
                  <a:pt x="179" y="295"/>
                </a:cubicBezTo>
                <a:cubicBezTo>
                  <a:pt x="181" y="296"/>
                  <a:pt x="191" y="301"/>
                  <a:pt x="191" y="301"/>
                </a:cubicBezTo>
                <a:cubicBezTo>
                  <a:pt x="208" y="309"/>
                  <a:pt x="238" y="322"/>
                  <a:pt x="239" y="334"/>
                </a:cubicBezTo>
                <a:cubicBezTo>
                  <a:pt x="239" y="334"/>
                  <a:pt x="239" y="335"/>
                  <a:pt x="239" y="335"/>
                </a:cubicBezTo>
                <a:cubicBezTo>
                  <a:pt x="239" y="339"/>
                  <a:pt x="235" y="345"/>
                  <a:pt x="228" y="352"/>
                </a:cubicBezTo>
                <a:cubicBezTo>
                  <a:pt x="211" y="367"/>
                  <a:pt x="196" y="381"/>
                  <a:pt x="184" y="393"/>
                </a:cubicBezTo>
                <a:cubicBezTo>
                  <a:pt x="157" y="422"/>
                  <a:pt x="151" y="435"/>
                  <a:pt x="151" y="444"/>
                </a:cubicBezTo>
                <a:cubicBezTo>
                  <a:pt x="151" y="446"/>
                  <a:pt x="151" y="447"/>
                  <a:pt x="151" y="448"/>
                </a:cubicBezTo>
                <a:cubicBezTo>
                  <a:pt x="152" y="455"/>
                  <a:pt x="157" y="461"/>
                  <a:pt x="164" y="463"/>
                </a:cubicBezTo>
                <a:cubicBezTo>
                  <a:pt x="165" y="464"/>
                  <a:pt x="189" y="472"/>
                  <a:pt x="212" y="475"/>
                </a:cubicBezTo>
                <a:cubicBezTo>
                  <a:pt x="273" y="481"/>
                  <a:pt x="334" y="464"/>
                  <a:pt x="382" y="427"/>
                </a:cubicBezTo>
                <a:cubicBezTo>
                  <a:pt x="431" y="389"/>
                  <a:pt x="462" y="335"/>
                  <a:pt x="470" y="274"/>
                </a:cubicBezTo>
                <a:cubicBezTo>
                  <a:pt x="471" y="261"/>
                  <a:pt x="472" y="248"/>
                  <a:pt x="471" y="23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5" name="Freeform 373"/>
          <p:cNvSpPr>
            <a:spLocks/>
          </p:cNvSpPr>
          <p:nvPr userDrawn="1"/>
        </p:nvSpPr>
        <p:spPr bwMode="auto">
          <a:xfrm>
            <a:off x="5751820" y="2381467"/>
            <a:ext cx="371475" cy="520700"/>
          </a:xfrm>
          <a:custGeom>
            <a:avLst/>
            <a:gdLst/>
            <a:ahLst/>
            <a:cxnLst>
              <a:cxn ang="0">
                <a:pos x="162" y="17"/>
              </a:cxn>
              <a:cxn ang="0">
                <a:pos x="162" y="19"/>
              </a:cxn>
              <a:cxn ang="0">
                <a:pos x="150" y="136"/>
              </a:cxn>
              <a:cxn ang="0">
                <a:pos x="47" y="205"/>
              </a:cxn>
              <a:cxn ang="0">
                <a:pos x="45" y="207"/>
              </a:cxn>
              <a:cxn ang="0">
                <a:pos x="38" y="223"/>
              </a:cxn>
              <a:cxn ang="0">
                <a:pos x="41" y="234"/>
              </a:cxn>
              <a:cxn ang="0">
                <a:pos x="67" y="244"/>
              </a:cxn>
              <a:cxn ang="0">
                <a:pos x="68" y="243"/>
              </a:cxn>
              <a:cxn ang="0">
                <a:pos x="152" y="210"/>
              </a:cxn>
              <a:cxn ang="0">
                <a:pos x="142" y="391"/>
              </a:cxn>
              <a:cxn ang="0">
                <a:pos x="142" y="392"/>
              </a:cxn>
              <a:cxn ang="0">
                <a:pos x="155" y="405"/>
              </a:cxn>
              <a:cxn ang="0">
                <a:pos x="169" y="393"/>
              </a:cxn>
              <a:cxn ang="0">
                <a:pos x="179" y="190"/>
              </a:cxn>
              <a:cxn ang="0">
                <a:pos x="174" y="179"/>
              </a:cxn>
              <a:cxn ang="0">
                <a:pos x="161" y="177"/>
              </a:cxn>
              <a:cxn ang="0">
                <a:pos x="99" y="202"/>
              </a:cxn>
              <a:cxn ang="0">
                <a:pos x="170" y="154"/>
              </a:cxn>
              <a:cxn ang="0">
                <a:pos x="176" y="145"/>
              </a:cxn>
              <a:cxn ang="0">
                <a:pos x="183" y="68"/>
              </a:cxn>
              <a:cxn ang="0">
                <a:pos x="191" y="144"/>
              </a:cxn>
              <a:cxn ang="0">
                <a:pos x="197" y="154"/>
              </a:cxn>
              <a:cxn ang="0">
                <a:pos x="268" y="203"/>
              </a:cxn>
              <a:cxn ang="0">
                <a:pos x="207" y="178"/>
              </a:cxn>
              <a:cxn ang="0">
                <a:pos x="194" y="179"/>
              </a:cxn>
              <a:cxn ang="0">
                <a:pos x="189" y="190"/>
              </a:cxn>
              <a:cxn ang="0">
                <a:pos x="189" y="191"/>
              </a:cxn>
              <a:cxn ang="0">
                <a:pos x="204" y="418"/>
              </a:cxn>
              <a:cxn ang="0">
                <a:pos x="42" y="418"/>
              </a:cxn>
              <a:cxn ang="0">
                <a:pos x="36" y="420"/>
              </a:cxn>
              <a:cxn ang="0">
                <a:pos x="7" y="434"/>
              </a:cxn>
              <a:cxn ang="0">
                <a:pos x="0" y="446"/>
              </a:cxn>
              <a:cxn ang="0">
                <a:pos x="1" y="451"/>
              </a:cxn>
              <a:cxn ang="0">
                <a:pos x="19" y="457"/>
              </a:cxn>
              <a:cxn ang="0">
                <a:pos x="45" y="445"/>
              </a:cxn>
              <a:cxn ang="0">
                <a:pos x="219" y="445"/>
              </a:cxn>
              <a:cxn ang="0">
                <a:pos x="228" y="440"/>
              </a:cxn>
              <a:cxn ang="0">
                <a:pos x="232" y="431"/>
              </a:cxn>
              <a:cxn ang="0">
                <a:pos x="232" y="430"/>
              </a:cxn>
              <a:cxn ang="0">
                <a:pos x="217" y="211"/>
              </a:cxn>
              <a:cxn ang="0">
                <a:pos x="299" y="245"/>
              </a:cxn>
              <a:cxn ang="0">
                <a:pos x="300" y="245"/>
              </a:cxn>
              <a:cxn ang="0">
                <a:pos x="326" y="235"/>
              </a:cxn>
              <a:cxn ang="0">
                <a:pos x="329" y="224"/>
              </a:cxn>
              <a:cxn ang="0">
                <a:pos x="322" y="208"/>
              </a:cxn>
              <a:cxn ang="0">
                <a:pos x="320" y="207"/>
              </a:cxn>
              <a:cxn ang="0">
                <a:pos x="217" y="135"/>
              </a:cxn>
              <a:cxn ang="0">
                <a:pos x="205" y="19"/>
              </a:cxn>
              <a:cxn ang="0">
                <a:pos x="205" y="17"/>
              </a:cxn>
              <a:cxn ang="0">
                <a:pos x="183" y="0"/>
              </a:cxn>
              <a:cxn ang="0">
                <a:pos x="162" y="17"/>
              </a:cxn>
            </a:cxnLst>
            <a:rect l="0" t="0" r="r" b="b"/>
            <a:pathLst>
              <a:path w="329" h="461">
                <a:moveTo>
                  <a:pt x="162" y="17"/>
                </a:moveTo>
                <a:cubicBezTo>
                  <a:pt x="162" y="18"/>
                  <a:pt x="162" y="18"/>
                  <a:pt x="162" y="19"/>
                </a:cubicBezTo>
                <a:cubicBezTo>
                  <a:pt x="162" y="19"/>
                  <a:pt x="151" y="124"/>
                  <a:pt x="150" y="136"/>
                </a:cubicBezTo>
                <a:cubicBezTo>
                  <a:pt x="140" y="142"/>
                  <a:pt x="47" y="205"/>
                  <a:pt x="47" y="205"/>
                </a:cubicBezTo>
                <a:cubicBezTo>
                  <a:pt x="46" y="206"/>
                  <a:pt x="46" y="206"/>
                  <a:pt x="45" y="207"/>
                </a:cubicBezTo>
                <a:cubicBezTo>
                  <a:pt x="41" y="210"/>
                  <a:pt x="38" y="216"/>
                  <a:pt x="38" y="223"/>
                </a:cubicBezTo>
                <a:cubicBezTo>
                  <a:pt x="38" y="226"/>
                  <a:pt x="39" y="230"/>
                  <a:pt x="41" y="234"/>
                </a:cubicBezTo>
                <a:cubicBezTo>
                  <a:pt x="47" y="244"/>
                  <a:pt x="59" y="246"/>
                  <a:pt x="67" y="244"/>
                </a:cubicBezTo>
                <a:cubicBezTo>
                  <a:pt x="67" y="243"/>
                  <a:pt x="68" y="243"/>
                  <a:pt x="68" y="243"/>
                </a:cubicBezTo>
                <a:cubicBezTo>
                  <a:pt x="68" y="243"/>
                  <a:pt x="126" y="220"/>
                  <a:pt x="152" y="210"/>
                </a:cubicBezTo>
                <a:cubicBezTo>
                  <a:pt x="150" y="243"/>
                  <a:pt x="142" y="391"/>
                  <a:pt x="142" y="391"/>
                </a:cubicBezTo>
                <a:cubicBezTo>
                  <a:pt x="142" y="391"/>
                  <a:pt x="142" y="392"/>
                  <a:pt x="142" y="392"/>
                </a:cubicBezTo>
                <a:cubicBezTo>
                  <a:pt x="142" y="399"/>
                  <a:pt x="148" y="405"/>
                  <a:pt x="155" y="405"/>
                </a:cubicBezTo>
                <a:cubicBezTo>
                  <a:pt x="162" y="406"/>
                  <a:pt x="168" y="400"/>
                  <a:pt x="169" y="393"/>
                </a:cubicBezTo>
                <a:cubicBezTo>
                  <a:pt x="179" y="190"/>
                  <a:pt x="179" y="190"/>
                  <a:pt x="179" y="190"/>
                </a:cubicBezTo>
                <a:cubicBezTo>
                  <a:pt x="180" y="186"/>
                  <a:pt x="178" y="181"/>
                  <a:pt x="174" y="179"/>
                </a:cubicBezTo>
                <a:cubicBezTo>
                  <a:pt x="170" y="176"/>
                  <a:pt x="165" y="176"/>
                  <a:pt x="161" y="177"/>
                </a:cubicBezTo>
                <a:cubicBezTo>
                  <a:pt x="161" y="177"/>
                  <a:pt x="129" y="190"/>
                  <a:pt x="99" y="202"/>
                </a:cubicBezTo>
                <a:cubicBezTo>
                  <a:pt x="131" y="181"/>
                  <a:pt x="170" y="154"/>
                  <a:pt x="170" y="154"/>
                </a:cubicBezTo>
                <a:cubicBezTo>
                  <a:pt x="173" y="152"/>
                  <a:pt x="175" y="148"/>
                  <a:pt x="176" y="145"/>
                </a:cubicBezTo>
                <a:cubicBezTo>
                  <a:pt x="176" y="145"/>
                  <a:pt x="180" y="104"/>
                  <a:pt x="183" y="68"/>
                </a:cubicBezTo>
                <a:cubicBezTo>
                  <a:pt x="187" y="104"/>
                  <a:pt x="191" y="144"/>
                  <a:pt x="191" y="144"/>
                </a:cubicBezTo>
                <a:cubicBezTo>
                  <a:pt x="192" y="148"/>
                  <a:pt x="194" y="152"/>
                  <a:pt x="197" y="154"/>
                </a:cubicBezTo>
                <a:cubicBezTo>
                  <a:pt x="197" y="154"/>
                  <a:pt x="236" y="181"/>
                  <a:pt x="268" y="203"/>
                </a:cubicBezTo>
                <a:cubicBezTo>
                  <a:pt x="239" y="191"/>
                  <a:pt x="207" y="178"/>
                  <a:pt x="207" y="178"/>
                </a:cubicBezTo>
                <a:cubicBezTo>
                  <a:pt x="203" y="176"/>
                  <a:pt x="198" y="177"/>
                  <a:pt x="194" y="179"/>
                </a:cubicBezTo>
                <a:cubicBezTo>
                  <a:pt x="191" y="182"/>
                  <a:pt x="189" y="186"/>
                  <a:pt x="189" y="190"/>
                </a:cubicBezTo>
                <a:cubicBezTo>
                  <a:pt x="189" y="191"/>
                  <a:pt x="189" y="191"/>
                  <a:pt x="189" y="191"/>
                </a:cubicBezTo>
                <a:cubicBezTo>
                  <a:pt x="189" y="191"/>
                  <a:pt x="203" y="393"/>
                  <a:pt x="204" y="418"/>
                </a:cubicBezTo>
                <a:cubicBezTo>
                  <a:pt x="180" y="418"/>
                  <a:pt x="42" y="418"/>
                  <a:pt x="42" y="418"/>
                </a:cubicBezTo>
                <a:cubicBezTo>
                  <a:pt x="40" y="418"/>
                  <a:pt x="38" y="419"/>
                  <a:pt x="36" y="420"/>
                </a:cubicBezTo>
                <a:cubicBezTo>
                  <a:pt x="7" y="434"/>
                  <a:pt x="7" y="434"/>
                  <a:pt x="7" y="434"/>
                </a:cubicBezTo>
                <a:cubicBezTo>
                  <a:pt x="3" y="436"/>
                  <a:pt x="0" y="441"/>
                  <a:pt x="0" y="446"/>
                </a:cubicBezTo>
                <a:cubicBezTo>
                  <a:pt x="0" y="447"/>
                  <a:pt x="0" y="449"/>
                  <a:pt x="1" y="451"/>
                </a:cubicBezTo>
                <a:cubicBezTo>
                  <a:pt x="4" y="458"/>
                  <a:pt x="12" y="461"/>
                  <a:pt x="19" y="457"/>
                </a:cubicBezTo>
                <a:cubicBezTo>
                  <a:pt x="19" y="457"/>
                  <a:pt x="40" y="447"/>
                  <a:pt x="45" y="445"/>
                </a:cubicBezTo>
                <a:cubicBezTo>
                  <a:pt x="51" y="445"/>
                  <a:pt x="219" y="445"/>
                  <a:pt x="219" y="445"/>
                </a:cubicBezTo>
                <a:cubicBezTo>
                  <a:pt x="222" y="445"/>
                  <a:pt x="226" y="443"/>
                  <a:pt x="228" y="440"/>
                </a:cubicBezTo>
                <a:cubicBezTo>
                  <a:pt x="231" y="438"/>
                  <a:pt x="232" y="435"/>
                  <a:pt x="232" y="431"/>
                </a:cubicBezTo>
                <a:cubicBezTo>
                  <a:pt x="232" y="431"/>
                  <a:pt x="232" y="431"/>
                  <a:pt x="232" y="430"/>
                </a:cubicBezTo>
                <a:cubicBezTo>
                  <a:pt x="232" y="430"/>
                  <a:pt x="219" y="246"/>
                  <a:pt x="217" y="211"/>
                </a:cubicBezTo>
                <a:cubicBezTo>
                  <a:pt x="243" y="221"/>
                  <a:pt x="299" y="245"/>
                  <a:pt x="299" y="245"/>
                </a:cubicBezTo>
                <a:cubicBezTo>
                  <a:pt x="299" y="245"/>
                  <a:pt x="300" y="245"/>
                  <a:pt x="300" y="245"/>
                </a:cubicBezTo>
                <a:cubicBezTo>
                  <a:pt x="308" y="248"/>
                  <a:pt x="320" y="246"/>
                  <a:pt x="326" y="235"/>
                </a:cubicBezTo>
                <a:cubicBezTo>
                  <a:pt x="328" y="232"/>
                  <a:pt x="329" y="228"/>
                  <a:pt x="329" y="224"/>
                </a:cubicBezTo>
                <a:cubicBezTo>
                  <a:pt x="329" y="218"/>
                  <a:pt x="326" y="212"/>
                  <a:pt x="322" y="208"/>
                </a:cubicBezTo>
                <a:cubicBezTo>
                  <a:pt x="321" y="208"/>
                  <a:pt x="321" y="207"/>
                  <a:pt x="320" y="207"/>
                </a:cubicBezTo>
                <a:cubicBezTo>
                  <a:pt x="320" y="207"/>
                  <a:pt x="226" y="142"/>
                  <a:pt x="217" y="135"/>
                </a:cubicBezTo>
                <a:cubicBezTo>
                  <a:pt x="216" y="124"/>
                  <a:pt x="205" y="19"/>
                  <a:pt x="205" y="19"/>
                </a:cubicBezTo>
                <a:cubicBezTo>
                  <a:pt x="205" y="18"/>
                  <a:pt x="205" y="17"/>
                  <a:pt x="205" y="17"/>
                </a:cubicBezTo>
                <a:cubicBezTo>
                  <a:pt x="203" y="9"/>
                  <a:pt x="195" y="0"/>
                  <a:pt x="183" y="0"/>
                </a:cubicBezTo>
                <a:cubicBezTo>
                  <a:pt x="171" y="0"/>
                  <a:pt x="164" y="9"/>
                  <a:pt x="162" y="1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6" name="Freeform 429"/>
          <p:cNvSpPr>
            <a:spLocks/>
          </p:cNvSpPr>
          <p:nvPr userDrawn="1"/>
        </p:nvSpPr>
        <p:spPr bwMode="auto">
          <a:xfrm>
            <a:off x="5722451" y="3090971"/>
            <a:ext cx="430213" cy="314325"/>
          </a:xfrm>
          <a:custGeom>
            <a:avLst/>
            <a:gdLst/>
            <a:ahLst/>
            <a:cxnLst>
              <a:cxn ang="0">
                <a:pos x="72" y="39"/>
              </a:cxn>
              <a:cxn ang="0">
                <a:pos x="3" y="134"/>
              </a:cxn>
              <a:cxn ang="0">
                <a:pos x="47" y="230"/>
              </a:cxn>
              <a:cxn ang="0">
                <a:pos x="172" y="276"/>
              </a:cxn>
              <a:cxn ang="0">
                <a:pos x="307" y="247"/>
              </a:cxn>
              <a:cxn ang="0">
                <a:pos x="365" y="188"/>
              </a:cxn>
              <a:cxn ang="0">
                <a:pos x="371" y="115"/>
              </a:cxn>
              <a:cxn ang="0">
                <a:pos x="356" y="106"/>
              </a:cxn>
              <a:cxn ang="0">
                <a:pos x="347" y="122"/>
              </a:cxn>
              <a:cxn ang="0">
                <a:pos x="294" y="225"/>
              </a:cxn>
              <a:cxn ang="0">
                <a:pos x="64" y="211"/>
              </a:cxn>
              <a:cxn ang="0">
                <a:pos x="28" y="137"/>
              </a:cxn>
              <a:cxn ang="0">
                <a:pos x="84" y="61"/>
              </a:cxn>
              <a:cxn ang="0">
                <a:pos x="297" y="63"/>
              </a:cxn>
              <a:cxn ang="0">
                <a:pos x="297" y="63"/>
              </a:cxn>
              <a:cxn ang="0">
                <a:pos x="311" y="64"/>
              </a:cxn>
              <a:cxn ang="0">
                <a:pos x="334" y="51"/>
              </a:cxn>
              <a:cxn ang="0">
                <a:pos x="346" y="61"/>
              </a:cxn>
              <a:cxn ang="0">
                <a:pos x="237" y="124"/>
              </a:cxn>
              <a:cxn ang="0">
                <a:pos x="230" y="135"/>
              </a:cxn>
              <a:cxn ang="0">
                <a:pos x="231" y="139"/>
              </a:cxn>
              <a:cxn ang="0">
                <a:pos x="232" y="143"/>
              </a:cxn>
              <a:cxn ang="0">
                <a:pos x="218" y="162"/>
              </a:cxn>
              <a:cxn ang="0">
                <a:pos x="171" y="166"/>
              </a:cxn>
              <a:cxn ang="0">
                <a:pos x="162" y="168"/>
              </a:cxn>
              <a:cxn ang="0">
                <a:pos x="154" y="172"/>
              </a:cxn>
              <a:cxn ang="0">
                <a:pos x="142" y="161"/>
              </a:cxn>
              <a:cxn ang="0">
                <a:pos x="148" y="151"/>
              </a:cxn>
              <a:cxn ang="0">
                <a:pos x="147" y="147"/>
              </a:cxn>
              <a:cxn ang="0">
                <a:pos x="147" y="143"/>
              </a:cxn>
              <a:cxn ang="0">
                <a:pos x="160" y="124"/>
              </a:cxn>
              <a:cxn ang="0">
                <a:pos x="206" y="120"/>
              </a:cxn>
              <a:cxn ang="0">
                <a:pos x="216" y="119"/>
              </a:cxn>
              <a:cxn ang="0">
                <a:pos x="241" y="104"/>
              </a:cxn>
              <a:cxn ang="0">
                <a:pos x="246" y="87"/>
              </a:cxn>
              <a:cxn ang="0">
                <a:pos x="228" y="82"/>
              </a:cxn>
              <a:cxn ang="0">
                <a:pos x="208" y="94"/>
              </a:cxn>
              <a:cxn ang="0">
                <a:pos x="148" y="103"/>
              </a:cxn>
              <a:cxn ang="0">
                <a:pos x="121" y="143"/>
              </a:cxn>
              <a:cxn ang="0">
                <a:pos x="121" y="144"/>
              </a:cxn>
              <a:cxn ang="0">
                <a:pos x="114" y="149"/>
              </a:cxn>
              <a:cxn ang="0">
                <a:pos x="107" y="158"/>
              </a:cxn>
              <a:cxn ang="0">
                <a:pos x="107" y="159"/>
              </a:cxn>
              <a:cxn ang="0">
                <a:pos x="112" y="169"/>
              </a:cxn>
              <a:cxn ang="0">
                <a:pos x="145" y="197"/>
              </a:cxn>
              <a:cxn ang="0">
                <a:pos x="159" y="198"/>
              </a:cxn>
              <a:cxn ang="0">
                <a:pos x="170" y="192"/>
              </a:cxn>
              <a:cxn ang="0">
                <a:pos x="231" y="184"/>
              </a:cxn>
              <a:cxn ang="0">
                <a:pos x="257" y="143"/>
              </a:cxn>
              <a:cxn ang="0">
                <a:pos x="257" y="142"/>
              </a:cxn>
              <a:cxn ang="0">
                <a:pos x="375" y="74"/>
              </a:cxn>
              <a:cxn ang="0">
                <a:pos x="381" y="64"/>
              </a:cxn>
              <a:cxn ang="0">
                <a:pos x="381" y="63"/>
              </a:cxn>
              <a:cxn ang="0">
                <a:pos x="376" y="53"/>
              </a:cxn>
              <a:cxn ang="0">
                <a:pos x="344" y="25"/>
              </a:cxn>
              <a:cxn ang="0">
                <a:pos x="329" y="24"/>
              </a:cxn>
              <a:cxn ang="0">
                <a:pos x="305" y="38"/>
              </a:cxn>
              <a:cxn ang="0">
                <a:pos x="72" y="39"/>
              </a:cxn>
            </a:cxnLst>
            <a:rect l="0" t="0" r="r" b="b"/>
            <a:pathLst>
              <a:path w="381" h="279">
                <a:moveTo>
                  <a:pt x="72" y="39"/>
                </a:moveTo>
                <a:cubicBezTo>
                  <a:pt x="31" y="62"/>
                  <a:pt x="6" y="97"/>
                  <a:pt x="3" y="134"/>
                </a:cubicBezTo>
                <a:cubicBezTo>
                  <a:pt x="0" y="169"/>
                  <a:pt x="16" y="203"/>
                  <a:pt x="47" y="230"/>
                </a:cubicBezTo>
                <a:cubicBezTo>
                  <a:pt x="79" y="257"/>
                  <a:pt x="123" y="273"/>
                  <a:pt x="172" y="276"/>
                </a:cubicBezTo>
                <a:cubicBezTo>
                  <a:pt x="221" y="279"/>
                  <a:pt x="269" y="269"/>
                  <a:pt x="307" y="247"/>
                </a:cubicBezTo>
                <a:cubicBezTo>
                  <a:pt x="334" y="232"/>
                  <a:pt x="354" y="211"/>
                  <a:pt x="365" y="188"/>
                </a:cubicBezTo>
                <a:cubicBezTo>
                  <a:pt x="377" y="164"/>
                  <a:pt x="379" y="139"/>
                  <a:pt x="371" y="115"/>
                </a:cubicBezTo>
                <a:cubicBezTo>
                  <a:pt x="369" y="108"/>
                  <a:pt x="362" y="104"/>
                  <a:pt x="356" y="106"/>
                </a:cubicBezTo>
                <a:cubicBezTo>
                  <a:pt x="349" y="108"/>
                  <a:pt x="345" y="115"/>
                  <a:pt x="347" y="122"/>
                </a:cubicBezTo>
                <a:cubicBezTo>
                  <a:pt x="359" y="160"/>
                  <a:pt x="338" y="200"/>
                  <a:pt x="294" y="225"/>
                </a:cubicBezTo>
                <a:cubicBezTo>
                  <a:pt x="224" y="266"/>
                  <a:pt x="121" y="259"/>
                  <a:pt x="64" y="211"/>
                </a:cubicBezTo>
                <a:cubicBezTo>
                  <a:pt x="38" y="190"/>
                  <a:pt x="26" y="163"/>
                  <a:pt x="28" y="137"/>
                </a:cubicBezTo>
                <a:cubicBezTo>
                  <a:pt x="31" y="107"/>
                  <a:pt x="51" y="80"/>
                  <a:pt x="84" y="61"/>
                </a:cubicBezTo>
                <a:cubicBezTo>
                  <a:pt x="146" y="25"/>
                  <a:pt x="237" y="26"/>
                  <a:pt x="297" y="63"/>
                </a:cubicBezTo>
                <a:cubicBezTo>
                  <a:pt x="297" y="63"/>
                  <a:pt x="297" y="63"/>
                  <a:pt x="297" y="63"/>
                </a:cubicBezTo>
                <a:cubicBezTo>
                  <a:pt x="301" y="66"/>
                  <a:pt x="307" y="66"/>
                  <a:pt x="311" y="64"/>
                </a:cubicBezTo>
                <a:cubicBezTo>
                  <a:pt x="311" y="64"/>
                  <a:pt x="325" y="56"/>
                  <a:pt x="334" y="51"/>
                </a:cubicBezTo>
                <a:cubicBezTo>
                  <a:pt x="338" y="54"/>
                  <a:pt x="340" y="56"/>
                  <a:pt x="346" y="61"/>
                </a:cubicBezTo>
                <a:cubicBezTo>
                  <a:pt x="322" y="75"/>
                  <a:pt x="237" y="124"/>
                  <a:pt x="237" y="124"/>
                </a:cubicBezTo>
                <a:cubicBezTo>
                  <a:pt x="233" y="126"/>
                  <a:pt x="230" y="131"/>
                  <a:pt x="230" y="135"/>
                </a:cubicBezTo>
                <a:cubicBezTo>
                  <a:pt x="230" y="136"/>
                  <a:pt x="231" y="138"/>
                  <a:pt x="231" y="139"/>
                </a:cubicBezTo>
                <a:cubicBezTo>
                  <a:pt x="231" y="140"/>
                  <a:pt x="232" y="142"/>
                  <a:pt x="232" y="143"/>
                </a:cubicBezTo>
                <a:cubicBezTo>
                  <a:pt x="232" y="150"/>
                  <a:pt x="227" y="157"/>
                  <a:pt x="218" y="162"/>
                </a:cubicBezTo>
                <a:cubicBezTo>
                  <a:pt x="205" y="169"/>
                  <a:pt x="187" y="171"/>
                  <a:pt x="171" y="166"/>
                </a:cubicBezTo>
                <a:cubicBezTo>
                  <a:pt x="168" y="165"/>
                  <a:pt x="165" y="166"/>
                  <a:pt x="162" y="168"/>
                </a:cubicBezTo>
                <a:cubicBezTo>
                  <a:pt x="162" y="168"/>
                  <a:pt x="158" y="170"/>
                  <a:pt x="154" y="172"/>
                </a:cubicBezTo>
                <a:cubicBezTo>
                  <a:pt x="150" y="168"/>
                  <a:pt x="148" y="166"/>
                  <a:pt x="142" y="161"/>
                </a:cubicBezTo>
                <a:cubicBezTo>
                  <a:pt x="146" y="159"/>
                  <a:pt x="148" y="155"/>
                  <a:pt x="148" y="151"/>
                </a:cubicBezTo>
                <a:cubicBezTo>
                  <a:pt x="148" y="150"/>
                  <a:pt x="148" y="148"/>
                  <a:pt x="147" y="147"/>
                </a:cubicBezTo>
                <a:cubicBezTo>
                  <a:pt x="147" y="146"/>
                  <a:pt x="147" y="144"/>
                  <a:pt x="147" y="143"/>
                </a:cubicBezTo>
                <a:cubicBezTo>
                  <a:pt x="147" y="136"/>
                  <a:pt x="152" y="130"/>
                  <a:pt x="160" y="124"/>
                </a:cubicBezTo>
                <a:cubicBezTo>
                  <a:pt x="173" y="117"/>
                  <a:pt x="191" y="115"/>
                  <a:pt x="206" y="120"/>
                </a:cubicBezTo>
                <a:cubicBezTo>
                  <a:pt x="210" y="121"/>
                  <a:pt x="213" y="120"/>
                  <a:pt x="216" y="119"/>
                </a:cubicBezTo>
                <a:cubicBezTo>
                  <a:pt x="241" y="104"/>
                  <a:pt x="241" y="104"/>
                  <a:pt x="241" y="104"/>
                </a:cubicBezTo>
                <a:cubicBezTo>
                  <a:pt x="247" y="101"/>
                  <a:pt x="249" y="93"/>
                  <a:pt x="246" y="87"/>
                </a:cubicBezTo>
                <a:cubicBezTo>
                  <a:pt x="242" y="81"/>
                  <a:pt x="234" y="79"/>
                  <a:pt x="228" y="82"/>
                </a:cubicBezTo>
                <a:cubicBezTo>
                  <a:pt x="228" y="82"/>
                  <a:pt x="214" y="91"/>
                  <a:pt x="208" y="94"/>
                </a:cubicBezTo>
                <a:cubicBezTo>
                  <a:pt x="187" y="90"/>
                  <a:pt x="165" y="93"/>
                  <a:pt x="148" y="103"/>
                </a:cubicBezTo>
                <a:cubicBezTo>
                  <a:pt x="131" y="112"/>
                  <a:pt x="121" y="127"/>
                  <a:pt x="121" y="143"/>
                </a:cubicBezTo>
                <a:cubicBezTo>
                  <a:pt x="121" y="143"/>
                  <a:pt x="121" y="144"/>
                  <a:pt x="121" y="144"/>
                </a:cubicBezTo>
                <a:cubicBezTo>
                  <a:pt x="118" y="146"/>
                  <a:pt x="114" y="149"/>
                  <a:pt x="114" y="149"/>
                </a:cubicBezTo>
                <a:cubicBezTo>
                  <a:pt x="110" y="151"/>
                  <a:pt x="108" y="154"/>
                  <a:pt x="107" y="158"/>
                </a:cubicBezTo>
                <a:cubicBezTo>
                  <a:pt x="107" y="159"/>
                  <a:pt x="107" y="159"/>
                  <a:pt x="107" y="159"/>
                </a:cubicBezTo>
                <a:cubicBezTo>
                  <a:pt x="107" y="163"/>
                  <a:pt x="109" y="167"/>
                  <a:pt x="112" y="169"/>
                </a:cubicBezTo>
                <a:cubicBezTo>
                  <a:pt x="145" y="197"/>
                  <a:pt x="145" y="197"/>
                  <a:pt x="145" y="197"/>
                </a:cubicBezTo>
                <a:cubicBezTo>
                  <a:pt x="149" y="200"/>
                  <a:pt x="155" y="201"/>
                  <a:pt x="159" y="198"/>
                </a:cubicBezTo>
                <a:cubicBezTo>
                  <a:pt x="159" y="198"/>
                  <a:pt x="165" y="195"/>
                  <a:pt x="170" y="192"/>
                </a:cubicBezTo>
                <a:cubicBezTo>
                  <a:pt x="191" y="197"/>
                  <a:pt x="214" y="194"/>
                  <a:pt x="231" y="184"/>
                </a:cubicBezTo>
                <a:cubicBezTo>
                  <a:pt x="247" y="174"/>
                  <a:pt x="257" y="159"/>
                  <a:pt x="257" y="143"/>
                </a:cubicBezTo>
                <a:cubicBezTo>
                  <a:pt x="257" y="143"/>
                  <a:pt x="257" y="142"/>
                  <a:pt x="257" y="142"/>
                </a:cubicBezTo>
                <a:cubicBezTo>
                  <a:pt x="270" y="134"/>
                  <a:pt x="375" y="74"/>
                  <a:pt x="375" y="74"/>
                </a:cubicBezTo>
                <a:cubicBezTo>
                  <a:pt x="378" y="72"/>
                  <a:pt x="381" y="68"/>
                  <a:pt x="381" y="64"/>
                </a:cubicBezTo>
                <a:cubicBezTo>
                  <a:pt x="381" y="63"/>
                  <a:pt x="381" y="63"/>
                  <a:pt x="381" y="63"/>
                </a:cubicBezTo>
                <a:cubicBezTo>
                  <a:pt x="381" y="59"/>
                  <a:pt x="379" y="55"/>
                  <a:pt x="376" y="53"/>
                </a:cubicBezTo>
                <a:cubicBezTo>
                  <a:pt x="344" y="25"/>
                  <a:pt x="344" y="25"/>
                  <a:pt x="344" y="25"/>
                </a:cubicBezTo>
                <a:cubicBezTo>
                  <a:pt x="339" y="22"/>
                  <a:pt x="334" y="21"/>
                  <a:pt x="329" y="24"/>
                </a:cubicBezTo>
                <a:cubicBezTo>
                  <a:pt x="329" y="24"/>
                  <a:pt x="313" y="34"/>
                  <a:pt x="305" y="38"/>
                </a:cubicBezTo>
                <a:cubicBezTo>
                  <a:pt x="237" y="0"/>
                  <a:pt x="140" y="0"/>
                  <a:pt x="72" y="3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7" name="Freeform 445"/>
          <p:cNvSpPr>
            <a:spLocks noEditPoints="1"/>
          </p:cNvSpPr>
          <p:nvPr userDrawn="1"/>
        </p:nvSpPr>
        <p:spPr bwMode="auto">
          <a:xfrm>
            <a:off x="5685938" y="1744567"/>
            <a:ext cx="503238" cy="519113"/>
          </a:xfrm>
          <a:custGeom>
            <a:avLst/>
            <a:gdLst/>
            <a:ahLst/>
            <a:cxnLst>
              <a:cxn ang="0">
                <a:pos x="388" y="238"/>
              </a:cxn>
              <a:cxn ang="0">
                <a:pos x="429" y="217"/>
              </a:cxn>
              <a:cxn ang="0">
                <a:pos x="406" y="201"/>
              </a:cxn>
              <a:cxn ang="0">
                <a:pos x="388" y="161"/>
              </a:cxn>
              <a:cxn ang="0">
                <a:pos x="388" y="154"/>
              </a:cxn>
              <a:cxn ang="0">
                <a:pos x="366" y="147"/>
              </a:cxn>
              <a:cxn ang="0">
                <a:pos x="205" y="148"/>
              </a:cxn>
              <a:cxn ang="0">
                <a:pos x="283" y="139"/>
              </a:cxn>
              <a:cxn ang="0">
                <a:pos x="446" y="69"/>
              </a:cxn>
              <a:cxn ang="0">
                <a:pos x="283" y="0"/>
              </a:cxn>
              <a:cxn ang="0">
                <a:pos x="120" y="69"/>
              </a:cxn>
              <a:cxn ang="0">
                <a:pos x="178" y="123"/>
              </a:cxn>
              <a:cxn ang="0">
                <a:pos x="178" y="158"/>
              </a:cxn>
              <a:cxn ang="0">
                <a:pos x="178" y="243"/>
              </a:cxn>
              <a:cxn ang="0">
                <a:pos x="0" y="348"/>
              </a:cxn>
              <a:cxn ang="0">
                <a:pos x="157" y="449"/>
              </a:cxn>
              <a:cxn ang="0">
                <a:pos x="150" y="432"/>
              </a:cxn>
              <a:cxn ang="0">
                <a:pos x="27" y="347"/>
              </a:cxn>
              <a:cxn ang="0">
                <a:pos x="178" y="271"/>
              </a:cxn>
              <a:cxn ang="0">
                <a:pos x="120" y="331"/>
              </a:cxn>
              <a:cxn ang="0">
                <a:pos x="283" y="400"/>
              </a:cxn>
              <a:cxn ang="0">
                <a:pos x="446" y="331"/>
              </a:cxn>
              <a:cxn ang="0">
                <a:pos x="147" y="69"/>
              </a:cxn>
              <a:cxn ang="0">
                <a:pos x="283" y="27"/>
              </a:cxn>
              <a:cxn ang="0">
                <a:pos x="420" y="69"/>
              </a:cxn>
              <a:cxn ang="0">
                <a:pos x="283" y="112"/>
              </a:cxn>
              <a:cxn ang="0">
                <a:pos x="147" y="69"/>
              </a:cxn>
              <a:cxn ang="0">
                <a:pos x="361" y="175"/>
              </a:cxn>
              <a:cxn ang="0">
                <a:pos x="251" y="182"/>
              </a:cxn>
              <a:cxn ang="0">
                <a:pos x="221" y="198"/>
              </a:cxn>
              <a:cxn ang="0">
                <a:pos x="292" y="225"/>
              </a:cxn>
              <a:cxn ang="0">
                <a:pos x="205" y="189"/>
              </a:cxn>
              <a:cxn ang="0">
                <a:pos x="384" y="358"/>
              </a:cxn>
              <a:cxn ang="0">
                <a:pos x="182" y="358"/>
              </a:cxn>
              <a:cxn ang="0">
                <a:pos x="195" y="299"/>
              </a:cxn>
              <a:cxn ang="0">
                <a:pos x="205" y="265"/>
              </a:cxn>
              <a:cxn ang="0">
                <a:pos x="361" y="242"/>
              </a:cxn>
              <a:cxn ang="0">
                <a:pos x="371" y="299"/>
              </a:cxn>
              <a:cxn ang="0">
                <a:pos x="384" y="358"/>
              </a:cxn>
            </a:cxnLst>
            <a:rect l="0" t="0" r="r" b="b"/>
            <a:pathLst>
              <a:path w="446" h="459">
                <a:moveTo>
                  <a:pt x="388" y="277"/>
                </a:moveTo>
                <a:cubicBezTo>
                  <a:pt x="388" y="238"/>
                  <a:pt x="388" y="238"/>
                  <a:pt x="388" y="238"/>
                </a:cubicBezTo>
                <a:cubicBezTo>
                  <a:pt x="396" y="236"/>
                  <a:pt x="403" y="235"/>
                  <a:pt x="408" y="234"/>
                </a:cubicBezTo>
                <a:cubicBezTo>
                  <a:pt x="415" y="232"/>
                  <a:pt x="429" y="229"/>
                  <a:pt x="429" y="217"/>
                </a:cubicBezTo>
                <a:cubicBezTo>
                  <a:pt x="429" y="217"/>
                  <a:pt x="429" y="216"/>
                  <a:pt x="429" y="216"/>
                </a:cubicBezTo>
                <a:cubicBezTo>
                  <a:pt x="428" y="203"/>
                  <a:pt x="413" y="202"/>
                  <a:pt x="406" y="201"/>
                </a:cubicBezTo>
                <a:cubicBezTo>
                  <a:pt x="402" y="201"/>
                  <a:pt x="396" y="201"/>
                  <a:pt x="388" y="201"/>
                </a:cubicBezTo>
                <a:cubicBezTo>
                  <a:pt x="388" y="161"/>
                  <a:pt x="388" y="161"/>
                  <a:pt x="388" y="161"/>
                </a:cubicBezTo>
                <a:cubicBezTo>
                  <a:pt x="388" y="159"/>
                  <a:pt x="388" y="157"/>
                  <a:pt x="388" y="154"/>
                </a:cubicBezTo>
                <a:cubicBezTo>
                  <a:pt x="388" y="154"/>
                  <a:pt x="388" y="154"/>
                  <a:pt x="388" y="154"/>
                </a:cubicBezTo>
                <a:cubicBezTo>
                  <a:pt x="386" y="148"/>
                  <a:pt x="381" y="143"/>
                  <a:pt x="375" y="143"/>
                </a:cubicBezTo>
                <a:cubicBezTo>
                  <a:pt x="371" y="143"/>
                  <a:pt x="368" y="145"/>
                  <a:pt x="366" y="147"/>
                </a:cubicBezTo>
                <a:cubicBezTo>
                  <a:pt x="342" y="153"/>
                  <a:pt x="313" y="156"/>
                  <a:pt x="283" y="156"/>
                </a:cubicBezTo>
                <a:cubicBezTo>
                  <a:pt x="255" y="156"/>
                  <a:pt x="228" y="154"/>
                  <a:pt x="205" y="148"/>
                </a:cubicBezTo>
                <a:cubicBezTo>
                  <a:pt x="205" y="131"/>
                  <a:pt x="205" y="131"/>
                  <a:pt x="205" y="131"/>
                </a:cubicBezTo>
                <a:cubicBezTo>
                  <a:pt x="229" y="136"/>
                  <a:pt x="255" y="139"/>
                  <a:pt x="283" y="139"/>
                </a:cubicBezTo>
                <a:cubicBezTo>
                  <a:pt x="325" y="139"/>
                  <a:pt x="364" y="133"/>
                  <a:pt x="394" y="121"/>
                </a:cubicBezTo>
                <a:cubicBezTo>
                  <a:pt x="418" y="112"/>
                  <a:pt x="446" y="96"/>
                  <a:pt x="446" y="69"/>
                </a:cubicBezTo>
                <a:cubicBezTo>
                  <a:pt x="446" y="54"/>
                  <a:pt x="437" y="33"/>
                  <a:pt x="394" y="17"/>
                </a:cubicBezTo>
                <a:cubicBezTo>
                  <a:pt x="364" y="6"/>
                  <a:pt x="325" y="0"/>
                  <a:pt x="283" y="0"/>
                </a:cubicBezTo>
                <a:cubicBezTo>
                  <a:pt x="242" y="0"/>
                  <a:pt x="202" y="6"/>
                  <a:pt x="172" y="17"/>
                </a:cubicBezTo>
                <a:cubicBezTo>
                  <a:pt x="148" y="26"/>
                  <a:pt x="120" y="42"/>
                  <a:pt x="120" y="69"/>
                </a:cubicBezTo>
                <a:cubicBezTo>
                  <a:pt x="120" y="84"/>
                  <a:pt x="129" y="105"/>
                  <a:pt x="172" y="121"/>
                </a:cubicBezTo>
                <a:cubicBezTo>
                  <a:pt x="174" y="122"/>
                  <a:pt x="176" y="123"/>
                  <a:pt x="178" y="123"/>
                </a:cubicBezTo>
                <a:cubicBezTo>
                  <a:pt x="178" y="156"/>
                  <a:pt x="178" y="156"/>
                  <a:pt x="178" y="156"/>
                </a:cubicBezTo>
                <a:cubicBezTo>
                  <a:pt x="178" y="157"/>
                  <a:pt x="178" y="157"/>
                  <a:pt x="178" y="158"/>
                </a:cubicBezTo>
                <a:cubicBezTo>
                  <a:pt x="178" y="159"/>
                  <a:pt x="178" y="160"/>
                  <a:pt x="178" y="160"/>
                </a:cubicBezTo>
                <a:cubicBezTo>
                  <a:pt x="178" y="243"/>
                  <a:pt x="178" y="243"/>
                  <a:pt x="178" y="243"/>
                </a:cubicBezTo>
                <a:cubicBezTo>
                  <a:pt x="97" y="263"/>
                  <a:pt x="4" y="293"/>
                  <a:pt x="0" y="345"/>
                </a:cubicBezTo>
                <a:cubicBezTo>
                  <a:pt x="0" y="346"/>
                  <a:pt x="0" y="347"/>
                  <a:pt x="0" y="348"/>
                </a:cubicBezTo>
                <a:cubicBezTo>
                  <a:pt x="0" y="385"/>
                  <a:pt x="45" y="420"/>
                  <a:pt x="140" y="457"/>
                </a:cubicBezTo>
                <a:cubicBezTo>
                  <a:pt x="147" y="459"/>
                  <a:pt x="155" y="456"/>
                  <a:pt x="157" y="449"/>
                </a:cubicBezTo>
                <a:cubicBezTo>
                  <a:pt x="158" y="447"/>
                  <a:pt x="158" y="446"/>
                  <a:pt x="158" y="444"/>
                </a:cubicBezTo>
                <a:cubicBezTo>
                  <a:pt x="158" y="439"/>
                  <a:pt x="155" y="434"/>
                  <a:pt x="150" y="432"/>
                </a:cubicBezTo>
                <a:cubicBezTo>
                  <a:pt x="40" y="389"/>
                  <a:pt x="27" y="360"/>
                  <a:pt x="27" y="348"/>
                </a:cubicBezTo>
                <a:cubicBezTo>
                  <a:pt x="27" y="347"/>
                  <a:pt x="27" y="347"/>
                  <a:pt x="27" y="347"/>
                </a:cubicBezTo>
                <a:cubicBezTo>
                  <a:pt x="28" y="331"/>
                  <a:pt x="50" y="314"/>
                  <a:pt x="89" y="298"/>
                </a:cubicBezTo>
                <a:cubicBezTo>
                  <a:pt x="121" y="285"/>
                  <a:pt x="156" y="276"/>
                  <a:pt x="178" y="271"/>
                </a:cubicBezTo>
                <a:cubicBezTo>
                  <a:pt x="178" y="277"/>
                  <a:pt x="178" y="277"/>
                  <a:pt x="178" y="277"/>
                </a:cubicBezTo>
                <a:cubicBezTo>
                  <a:pt x="141" y="289"/>
                  <a:pt x="120" y="308"/>
                  <a:pt x="120" y="331"/>
                </a:cubicBezTo>
                <a:cubicBezTo>
                  <a:pt x="120" y="346"/>
                  <a:pt x="129" y="367"/>
                  <a:pt x="172" y="383"/>
                </a:cubicBezTo>
                <a:cubicBezTo>
                  <a:pt x="202" y="394"/>
                  <a:pt x="242" y="400"/>
                  <a:pt x="283" y="400"/>
                </a:cubicBezTo>
                <a:cubicBezTo>
                  <a:pt x="325" y="400"/>
                  <a:pt x="364" y="394"/>
                  <a:pt x="394" y="383"/>
                </a:cubicBezTo>
                <a:cubicBezTo>
                  <a:pt x="418" y="374"/>
                  <a:pt x="446" y="358"/>
                  <a:pt x="446" y="331"/>
                </a:cubicBezTo>
                <a:cubicBezTo>
                  <a:pt x="446" y="308"/>
                  <a:pt x="426" y="289"/>
                  <a:pt x="388" y="277"/>
                </a:cubicBezTo>
                <a:close/>
                <a:moveTo>
                  <a:pt x="147" y="69"/>
                </a:moveTo>
                <a:cubicBezTo>
                  <a:pt x="147" y="63"/>
                  <a:pt x="156" y="52"/>
                  <a:pt x="182" y="42"/>
                </a:cubicBezTo>
                <a:cubicBezTo>
                  <a:pt x="209" y="32"/>
                  <a:pt x="245" y="27"/>
                  <a:pt x="283" y="27"/>
                </a:cubicBezTo>
                <a:cubicBezTo>
                  <a:pt x="322" y="27"/>
                  <a:pt x="358" y="32"/>
                  <a:pt x="384" y="42"/>
                </a:cubicBezTo>
                <a:cubicBezTo>
                  <a:pt x="410" y="52"/>
                  <a:pt x="420" y="63"/>
                  <a:pt x="420" y="69"/>
                </a:cubicBezTo>
                <a:cubicBezTo>
                  <a:pt x="420" y="76"/>
                  <a:pt x="410" y="87"/>
                  <a:pt x="384" y="96"/>
                </a:cubicBezTo>
                <a:cubicBezTo>
                  <a:pt x="358" y="106"/>
                  <a:pt x="322" y="112"/>
                  <a:pt x="283" y="112"/>
                </a:cubicBezTo>
                <a:cubicBezTo>
                  <a:pt x="245" y="112"/>
                  <a:pt x="209" y="106"/>
                  <a:pt x="182" y="96"/>
                </a:cubicBezTo>
                <a:cubicBezTo>
                  <a:pt x="156" y="87"/>
                  <a:pt x="147" y="76"/>
                  <a:pt x="147" y="69"/>
                </a:cubicBezTo>
                <a:close/>
                <a:moveTo>
                  <a:pt x="283" y="183"/>
                </a:moveTo>
                <a:cubicBezTo>
                  <a:pt x="311" y="183"/>
                  <a:pt x="338" y="180"/>
                  <a:pt x="361" y="175"/>
                </a:cubicBezTo>
                <a:cubicBezTo>
                  <a:pt x="361" y="200"/>
                  <a:pt x="361" y="200"/>
                  <a:pt x="361" y="200"/>
                </a:cubicBezTo>
                <a:cubicBezTo>
                  <a:pt x="310" y="199"/>
                  <a:pt x="275" y="191"/>
                  <a:pt x="251" y="182"/>
                </a:cubicBezTo>
                <a:cubicBezTo>
                  <a:pt x="261" y="183"/>
                  <a:pt x="272" y="183"/>
                  <a:pt x="283" y="183"/>
                </a:cubicBezTo>
                <a:close/>
                <a:moveTo>
                  <a:pt x="221" y="198"/>
                </a:moveTo>
                <a:cubicBezTo>
                  <a:pt x="244" y="210"/>
                  <a:pt x="273" y="218"/>
                  <a:pt x="306" y="223"/>
                </a:cubicBezTo>
                <a:cubicBezTo>
                  <a:pt x="302" y="224"/>
                  <a:pt x="297" y="224"/>
                  <a:pt x="292" y="225"/>
                </a:cubicBezTo>
                <a:cubicBezTo>
                  <a:pt x="258" y="230"/>
                  <a:pt x="226" y="234"/>
                  <a:pt x="205" y="238"/>
                </a:cubicBezTo>
                <a:cubicBezTo>
                  <a:pt x="205" y="189"/>
                  <a:pt x="205" y="189"/>
                  <a:pt x="205" y="189"/>
                </a:cubicBezTo>
                <a:cubicBezTo>
                  <a:pt x="209" y="192"/>
                  <a:pt x="215" y="195"/>
                  <a:pt x="221" y="198"/>
                </a:cubicBezTo>
                <a:close/>
                <a:moveTo>
                  <a:pt x="384" y="358"/>
                </a:moveTo>
                <a:cubicBezTo>
                  <a:pt x="358" y="368"/>
                  <a:pt x="322" y="373"/>
                  <a:pt x="283" y="373"/>
                </a:cubicBezTo>
                <a:cubicBezTo>
                  <a:pt x="245" y="373"/>
                  <a:pt x="209" y="368"/>
                  <a:pt x="182" y="358"/>
                </a:cubicBezTo>
                <a:cubicBezTo>
                  <a:pt x="156" y="348"/>
                  <a:pt x="147" y="337"/>
                  <a:pt x="147" y="331"/>
                </a:cubicBezTo>
                <a:cubicBezTo>
                  <a:pt x="147" y="322"/>
                  <a:pt x="162" y="309"/>
                  <a:pt x="195" y="299"/>
                </a:cubicBezTo>
                <a:cubicBezTo>
                  <a:pt x="201" y="298"/>
                  <a:pt x="205" y="292"/>
                  <a:pt x="205" y="286"/>
                </a:cubicBezTo>
                <a:cubicBezTo>
                  <a:pt x="205" y="265"/>
                  <a:pt x="205" y="265"/>
                  <a:pt x="205" y="265"/>
                </a:cubicBezTo>
                <a:cubicBezTo>
                  <a:pt x="225" y="261"/>
                  <a:pt x="261" y="256"/>
                  <a:pt x="296" y="251"/>
                </a:cubicBezTo>
                <a:cubicBezTo>
                  <a:pt x="318" y="248"/>
                  <a:pt x="341" y="245"/>
                  <a:pt x="361" y="242"/>
                </a:cubicBezTo>
                <a:cubicBezTo>
                  <a:pt x="361" y="286"/>
                  <a:pt x="361" y="286"/>
                  <a:pt x="361" y="286"/>
                </a:cubicBezTo>
                <a:cubicBezTo>
                  <a:pt x="361" y="292"/>
                  <a:pt x="365" y="298"/>
                  <a:pt x="371" y="299"/>
                </a:cubicBezTo>
                <a:cubicBezTo>
                  <a:pt x="404" y="309"/>
                  <a:pt x="420" y="322"/>
                  <a:pt x="420" y="331"/>
                </a:cubicBezTo>
                <a:cubicBezTo>
                  <a:pt x="420" y="337"/>
                  <a:pt x="410" y="348"/>
                  <a:pt x="384" y="35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8" name="Freeform 485"/>
          <p:cNvSpPr>
            <a:spLocks/>
          </p:cNvSpPr>
          <p:nvPr userDrawn="1"/>
        </p:nvSpPr>
        <p:spPr bwMode="auto">
          <a:xfrm>
            <a:off x="5680382" y="3815216"/>
            <a:ext cx="514350" cy="242888"/>
          </a:xfrm>
          <a:custGeom>
            <a:avLst/>
            <a:gdLst/>
            <a:ahLst/>
            <a:cxnLst>
              <a:cxn ang="0">
                <a:pos x="109" y="12"/>
              </a:cxn>
              <a:cxn ang="0">
                <a:pos x="51" y="53"/>
              </a:cxn>
              <a:cxn ang="0">
                <a:pos x="109" y="93"/>
              </a:cxn>
              <a:cxn ang="0">
                <a:pos x="227" y="105"/>
              </a:cxn>
              <a:cxn ang="0">
                <a:pos x="227" y="105"/>
              </a:cxn>
              <a:cxn ang="0">
                <a:pos x="346" y="93"/>
              </a:cxn>
              <a:cxn ang="0">
                <a:pos x="388" y="77"/>
              </a:cxn>
              <a:cxn ang="0">
                <a:pos x="427" y="152"/>
              </a:cxn>
              <a:cxn ang="0">
                <a:pos x="227" y="188"/>
              </a:cxn>
              <a:cxn ang="0">
                <a:pos x="28" y="152"/>
              </a:cxn>
              <a:cxn ang="0">
                <a:pos x="56" y="94"/>
              </a:cxn>
              <a:cxn ang="0">
                <a:pos x="58" y="88"/>
              </a:cxn>
              <a:cxn ang="0">
                <a:pos x="50" y="76"/>
              </a:cxn>
              <a:cxn ang="0">
                <a:pos x="32" y="82"/>
              </a:cxn>
              <a:cxn ang="0">
                <a:pos x="1" y="146"/>
              </a:cxn>
              <a:cxn ang="0">
                <a:pos x="0" y="152"/>
              </a:cxn>
              <a:cxn ang="0">
                <a:pos x="34" y="189"/>
              </a:cxn>
              <a:cxn ang="0">
                <a:pos x="227" y="215"/>
              </a:cxn>
              <a:cxn ang="0">
                <a:pos x="420" y="189"/>
              </a:cxn>
              <a:cxn ang="0">
                <a:pos x="455" y="152"/>
              </a:cxn>
              <a:cxn ang="0">
                <a:pos x="454" y="146"/>
              </a:cxn>
              <a:cxn ang="0">
                <a:pos x="402" y="46"/>
              </a:cxn>
              <a:cxn ang="0">
                <a:pos x="387" y="40"/>
              </a:cxn>
              <a:cxn ang="0">
                <a:pos x="377" y="52"/>
              </a:cxn>
              <a:cxn ang="0">
                <a:pos x="333" y="69"/>
              </a:cxn>
              <a:cxn ang="0">
                <a:pos x="227" y="79"/>
              </a:cxn>
              <a:cxn ang="0">
                <a:pos x="122" y="69"/>
              </a:cxn>
              <a:cxn ang="0">
                <a:pos x="79" y="53"/>
              </a:cxn>
              <a:cxn ang="0">
                <a:pos x="122" y="36"/>
              </a:cxn>
              <a:cxn ang="0">
                <a:pos x="227" y="27"/>
              </a:cxn>
              <a:cxn ang="0">
                <a:pos x="241" y="13"/>
              </a:cxn>
              <a:cxn ang="0">
                <a:pos x="227" y="0"/>
              </a:cxn>
              <a:cxn ang="0">
                <a:pos x="109" y="12"/>
              </a:cxn>
            </a:cxnLst>
            <a:rect l="0" t="0" r="r" b="b"/>
            <a:pathLst>
              <a:path w="455" h="215">
                <a:moveTo>
                  <a:pt x="109" y="12"/>
                </a:moveTo>
                <a:cubicBezTo>
                  <a:pt x="70" y="21"/>
                  <a:pt x="51" y="35"/>
                  <a:pt x="51" y="53"/>
                </a:cubicBezTo>
                <a:cubicBezTo>
                  <a:pt x="51" y="71"/>
                  <a:pt x="70" y="84"/>
                  <a:pt x="109" y="93"/>
                </a:cubicBezTo>
                <a:cubicBezTo>
                  <a:pt x="141" y="101"/>
                  <a:pt x="183" y="105"/>
                  <a:pt x="227" y="105"/>
                </a:cubicBezTo>
                <a:cubicBezTo>
                  <a:pt x="227" y="105"/>
                  <a:pt x="227" y="105"/>
                  <a:pt x="227" y="105"/>
                </a:cubicBezTo>
                <a:cubicBezTo>
                  <a:pt x="272" y="105"/>
                  <a:pt x="314" y="101"/>
                  <a:pt x="346" y="93"/>
                </a:cubicBezTo>
                <a:cubicBezTo>
                  <a:pt x="365" y="89"/>
                  <a:pt x="379" y="83"/>
                  <a:pt x="388" y="77"/>
                </a:cubicBezTo>
                <a:cubicBezTo>
                  <a:pt x="400" y="99"/>
                  <a:pt x="419" y="135"/>
                  <a:pt x="427" y="152"/>
                </a:cubicBezTo>
                <a:cubicBezTo>
                  <a:pt x="421" y="160"/>
                  <a:pt x="388" y="188"/>
                  <a:pt x="227" y="188"/>
                </a:cubicBezTo>
                <a:cubicBezTo>
                  <a:pt x="67" y="188"/>
                  <a:pt x="34" y="160"/>
                  <a:pt x="28" y="152"/>
                </a:cubicBezTo>
                <a:cubicBezTo>
                  <a:pt x="37" y="131"/>
                  <a:pt x="56" y="95"/>
                  <a:pt x="56" y="94"/>
                </a:cubicBezTo>
                <a:cubicBezTo>
                  <a:pt x="57" y="92"/>
                  <a:pt x="58" y="90"/>
                  <a:pt x="58" y="88"/>
                </a:cubicBezTo>
                <a:cubicBezTo>
                  <a:pt x="58" y="83"/>
                  <a:pt x="55" y="79"/>
                  <a:pt x="50" y="76"/>
                </a:cubicBezTo>
                <a:cubicBezTo>
                  <a:pt x="44" y="73"/>
                  <a:pt x="36" y="75"/>
                  <a:pt x="32" y="82"/>
                </a:cubicBezTo>
                <a:cubicBezTo>
                  <a:pt x="32" y="84"/>
                  <a:pt x="9" y="127"/>
                  <a:pt x="1" y="146"/>
                </a:cubicBezTo>
                <a:cubicBezTo>
                  <a:pt x="0" y="148"/>
                  <a:pt x="0" y="150"/>
                  <a:pt x="0" y="152"/>
                </a:cubicBezTo>
                <a:cubicBezTo>
                  <a:pt x="0" y="157"/>
                  <a:pt x="2" y="174"/>
                  <a:pt x="34" y="189"/>
                </a:cubicBezTo>
                <a:cubicBezTo>
                  <a:pt x="72" y="206"/>
                  <a:pt x="137" y="215"/>
                  <a:pt x="227" y="215"/>
                </a:cubicBezTo>
                <a:cubicBezTo>
                  <a:pt x="318" y="215"/>
                  <a:pt x="383" y="206"/>
                  <a:pt x="420" y="189"/>
                </a:cubicBezTo>
                <a:cubicBezTo>
                  <a:pt x="452" y="174"/>
                  <a:pt x="455" y="157"/>
                  <a:pt x="455" y="152"/>
                </a:cubicBezTo>
                <a:cubicBezTo>
                  <a:pt x="455" y="150"/>
                  <a:pt x="455" y="148"/>
                  <a:pt x="454" y="146"/>
                </a:cubicBezTo>
                <a:cubicBezTo>
                  <a:pt x="445" y="127"/>
                  <a:pt x="404" y="50"/>
                  <a:pt x="402" y="46"/>
                </a:cubicBezTo>
                <a:cubicBezTo>
                  <a:pt x="399" y="41"/>
                  <a:pt x="393" y="38"/>
                  <a:pt x="387" y="40"/>
                </a:cubicBezTo>
                <a:cubicBezTo>
                  <a:pt x="381" y="41"/>
                  <a:pt x="378" y="46"/>
                  <a:pt x="377" y="52"/>
                </a:cubicBezTo>
                <a:cubicBezTo>
                  <a:pt x="375" y="54"/>
                  <a:pt x="365" y="62"/>
                  <a:pt x="333" y="69"/>
                </a:cubicBezTo>
                <a:cubicBezTo>
                  <a:pt x="304" y="75"/>
                  <a:pt x="266" y="79"/>
                  <a:pt x="227" y="79"/>
                </a:cubicBezTo>
                <a:cubicBezTo>
                  <a:pt x="188" y="79"/>
                  <a:pt x="151" y="75"/>
                  <a:pt x="122" y="69"/>
                </a:cubicBezTo>
                <a:cubicBezTo>
                  <a:pt x="94" y="63"/>
                  <a:pt x="82" y="56"/>
                  <a:pt x="79" y="53"/>
                </a:cubicBezTo>
                <a:cubicBezTo>
                  <a:pt x="82" y="49"/>
                  <a:pt x="94" y="42"/>
                  <a:pt x="122" y="36"/>
                </a:cubicBezTo>
                <a:cubicBezTo>
                  <a:pt x="151" y="30"/>
                  <a:pt x="188" y="27"/>
                  <a:pt x="227" y="27"/>
                </a:cubicBezTo>
                <a:cubicBezTo>
                  <a:pt x="235" y="27"/>
                  <a:pt x="241" y="21"/>
                  <a:pt x="241" y="13"/>
                </a:cubicBezTo>
                <a:cubicBezTo>
                  <a:pt x="241" y="6"/>
                  <a:pt x="235" y="0"/>
                  <a:pt x="227" y="0"/>
                </a:cubicBezTo>
                <a:cubicBezTo>
                  <a:pt x="183" y="0"/>
                  <a:pt x="141" y="4"/>
                  <a:pt x="109" y="1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9" name="Freeform 505"/>
          <p:cNvSpPr>
            <a:spLocks/>
          </p:cNvSpPr>
          <p:nvPr userDrawn="1"/>
        </p:nvSpPr>
        <p:spPr bwMode="auto">
          <a:xfrm>
            <a:off x="5688320" y="5100046"/>
            <a:ext cx="498474" cy="446088"/>
          </a:xfrm>
          <a:custGeom>
            <a:avLst/>
            <a:gdLst/>
            <a:ahLst/>
            <a:cxnLst>
              <a:cxn ang="0">
                <a:pos x="273" y="396"/>
              </a:cxn>
              <a:cxn ang="0">
                <a:pos x="15" y="396"/>
              </a:cxn>
              <a:cxn ang="0">
                <a:pos x="5" y="374"/>
              </a:cxn>
              <a:cxn ang="0">
                <a:pos x="91" y="278"/>
              </a:cxn>
              <a:cxn ang="0">
                <a:pos x="224" y="283"/>
              </a:cxn>
              <a:cxn ang="0">
                <a:pos x="341" y="240"/>
              </a:cxn>
              <a:cxn ang="0">
                <a:pos x="248" y="270"/>
              </a:cxn>
              <a:cxn ang="0">
                <a:pos x="109" y="274"/>
              </a:cxn>
              <a:cxn ang="0">
                <a:pos x="99" y="252"/>
              </a:cxn>
              <a:cxn ang="0">
                <a:pos x="182" y="167"/>
              </a:cxn>
              <a:cxn ang="0">
                <a:pos x="282" y="181"/>
              </a:cxn>
              <a:cxn ang="0">
                <a:pos x="188" y="194"/>
              </a:cxn>
              <a:cxn ang="0">
                <a:pos x="233" y="248"/>
              </a:cxn>
              <a:cxn ang="0">
                <a:pos x="306" y="172"/>
              </a:cxn>
              <a:cxn ang="0">
                <a:pos x="369" y="231"/>
              </a:cxn>
              <a:cxn ang="0">
                <a:pos x="272" y="352"/>
              </a:cxn>
              <a:cxn ang="0">
                <a:pos x="262" y="356"/>
              </a:cxn>
              <a:cxn ang="0">
                <a:pos x="209" y="305"/>
              </a:cxn>
              <a:cxn ang="0">
                <a:pos x="43" y="369"/>
              </a:cxn>
              <a:cxn ang="0">
                <a:pos x="361" y="337"/>
              </a:cxn>
              <a:cxn ang="0">
                <a:pos x="412" y="66"/>
              </a:cxn>
              <a:cxn ang="0">
                <a:pos x="343" y="51"/>
              </a:cxn>
              <a:cxn ang="0">
                <a:pos x="262" y="51"/>
              </a:cxn>
              <a:cxn ang="0">
                <a:pos x="181" y="51"/>
              </a:cxn>
              <a:cxn ang="0">
                <a:pos x="101" y="51"/>
              </a:cxn>
              <a:cxn ang="0">
                <a:pos x="6" y="17"/>
              </a:cxn>
              <a:cxn ang="0">
                <a:pos x="32" y="12"/>
              </a:cxn>
              <a:cxn ang="0">
                <a:pos x="87" y="13"/>
              </a:cxn>
              <a:cxn ang="0">
                <a:pos x="113" y="11"/>
              </a:cxn>
              <a:cxn ang="0">
                <a:pos x="168" y="12"/>
              </a:cxn>
              <a:cxn ang="0">
                <a:pos x="194" y="11"/>
              </a:cxn>
              <a:cxn ang="0">
                <a:pos x="249" y="12"/>
              </a:cxn>
              <a:cxn ang="0">
                <a:pos x="262" y="1"/>
              </a:cxn>
              <a:cxn ang="0">
                <a:pos x="303" y="51"/>
              </a:cxn>
              <a:cxn ang="0">
                <a:pos x="343" y="1"/>
              </a:cxn>
              <a:cxn ang="0">
                <a:pos x="356" y="11"/>
              </a:cxn>
              <a:cxn ang="0">
                <a:pos x="411" y="12"/>
              </a:cxn>
              <a:cxn ang="0">
                <a:pos x="437" y="14"/>
              </a:cxn>
              <a:cxn ang="0">
                <a:pos x="379" y="357"/>
              </a:cxn>
              <a:cxn ang="0">
                <a:pos x="290" y="396"/>
              </a:cxn>
            </a:cxnLst>
            <a:rect l="0" t="0" r="r" b="b"/>
            <a:pathLst>
              <a:path w="441" h="396">
                <a:moveTo>
                  <a:pt x="279" y="396"/>
                </a:moveTo>
                <a:cubicBezTo>
                  <a:pt x="275" y="396"/>
                  <a:pt x="273" y="396"/>
                  <a:pt x="273" y="396"/>
                </a:cubicBezTo>
                <a:cubicBezTo>
                  <a:pt x="272" y="396"/>
                  <a:pt x="271" y="396"/>
                  <a:pt x="271" y="396"/>
                </a:cubicBezTo>
                <a:cubicBezTo>
                  <a:pt x="15" y="396"/>
                  <a:pt x="15" y="396"/>
                  <a:pt x="15" y="396"/>
                </a:cubicBezTo>
                <a:cubicBezTo>
                  <a:pt x="10" y="396"/>
                  <a:pt x="5" y="393"/>
                  <a:pt x="3" y="388"/>
                </a:cubicBezTo>
                <a:cubicBezTo>
                  <a:pt x="0" y="383"/>
                  <a:pt x="1" y="378"/>
                  <a:pt x="5" y="374"/>
                </a:cubicBezTo>
                <a:cubicBezTo>
                  <a:pt x="81" y="283"/>
                  <a:pt x="81" y="283"/>
                  <a:pt x="81" y="283"/>
                </a:cubicBezTo>
                <a:cubicBezTo>
                  <a:pt x="83" y="280"/>
                  <a:pt x="87" y="278"/>
                  <a:pt x="91" y="278"/>
                </a:cubicBezTo>
                <a:cubicBezTo>
                  <a:pt x="214" y="278"/>
                  <a:pt x="214" y="278"/>
                  <a:pt x="214" y="278"/>
                </a:cubicBezTo>
                <a:cubicBezTo>
                  <a:pt x="218" y="278"/>
                  <a:pt x="222" y="280"/>
                  <a:pt x="224" y="283"/>
                </a:cubicBezTo>
                <a:cubicBezTo>
                  <a:pt x="263" y="323"/>
                  <a:pt x="263" y="323"/>
                  <a:pt x="263" y="323"/>
                </a:cubicBezTo>
                <a:cubicBezTo>
                  <a:pt x="341" y="240"/>
                  <a:pt x="341" y="240"/>
                  <a:pt x="341" y="240"/>
                </a:cubicBezTo>
                <a:cubicBezTo>
                  <a:pt x="307" y="205"/>
                  <a:pt x="307" y="205"/>
                  <a:pt x="307" y="205"/>
                </a:cubicBezTo>
                <a:cubicBezTo>
                  <a:pt x="248" y="270"/>
                  <a:pt x="248" y="270"/>
                  <a:pt x="248" y="270"/>
                </a:cubicBezTo>
                <a:cubicBezTo>
                  <a:pt x="246" y="273"/>
                  <a:pt x="242" y="274"/>
                  <a:pt x="238" y="274"/>
                </a:cubicBezTo>
                <a:cubicBezTo>
                  <a:pt x="109" y="274"/>
                  <a:pt x="109" y="274"/>
                  <a:pt x="109" y="274"/>
                </a:cubicBezTo>
                <a:cubicBezTo>
                  <a:pt x="104" y="274"/>
                  <a:pt x="99" y="271"/>
                  <a:pt x="97" y="266"/>
                </a:cubicBezTo>
                <a:cubicBezTo>
                  <a:pt x="95" y="262"/>
                  <a:pt x="96" y="256"/>
                  <a:pt x="99" y="252"/>
                </a:cubicBezTo>
                <a:cubicBezTo>
                  <a:pt x="172" y="172"/>
                  <a:pt x="172" y="172"/>
                  <a:pt x="172" y="172"/>
                </a:cubicBezTo>
                <a:cubicBezTo>
                  <a:pt x="175" y="169"/>
                  <a:pt x="178" y="167"/>
                  <a:pt x="182" y="167"/>
                </a:cubicBezTo>
                <a:cubicBezTo>
                  <a:pt x="268" y="167"/>
                  <a:pt x="268" y="167"/>
                  <a:pt x="268" y="167"/>
                </a:cubicBezTo>
                <a:cubicBezTo>
                  <a:pt x="276" y="167"/>
                  <a:pt x="282" y="173"/>
                  <a:pt x="282" y="181"/>
                </a:cubicBezTo>
                <a:cubicBezTo>
                  <a:pt x="282" y="188"/>
                  <a:pt x="276" y="194"/>
                  <a:pt x="268" y="194"/>
                </a:cubicBezTo>
                <a:cubicBezTo>
                  <a:pt x="188" y="194"/>
                  <a:pt x="188" y="194"/>
                  <a:pt x="188" y="194"/>
                </a:cubicBezTo>
                <a:cubicBezTo>
                  <a:pt x="139" y="248"/>
                  <a:pt x="139" y="248"/>
                  <a:pt x="139" y="248"/>
                </a:cubicBezTo>
                <a:cubicBezTo>
                  <a:pt x="233" y="248"/>
                  <a:pt x="233" y="248"/>
                  <a:pt x="233" y="248"/>
                </a:cubicBezTo>
                <a:cubicBezTo>
                  <a:pt x="297" y="176"/>
                  <a:pt x="297" y="176"/>
                  <a:pt x="297" y="176"/>
                </a:cubicBezTo>
                <a:cubicBezTo>
                  <a:pt x="299" y="174"/>
                  <a:pt x="302" y="172"/>
                  <a:pt x="306" y="172"/>
                </a:cubicBezTo>
                <a:cubicBezTo>
                  <a:pt x="310" y="172"/>
                  <a:pt x="313" y="173"/>
                  <a:pt x="316" y="176"/>
                </a:cubicBezTo>
                <a:cubicBezTo>
                  <a:pt x="369" y="231"/>
                  <a:pt x="369" y="231"/>
                  <a:pt x="369" y="231"/>
                </a:cubicBezTo>
                <a:cubicBezTo>
                  <a:pt x="374" y="236"/>
                  <a:pt x="374" y="244"/>
                  <a:pt x="369" y="250"/>
                </a:cubicBezTo>
                <a:cubicBezTo>
                  <a:pt x="272" y="352"/>
                  <a:pt x="272" y="352"/>
                  <a:pt x="272" y="352"/>
                </a:cubicBezTo>
                <a:cubicBezTo>
                  <a:pt x="270" y="355"/>
                  <a:pt x="266" y="356"/>
                  <a:pt x="262" y="356"/>
                </a:cubicBezTo>
                <a:cubicBezTo>
                  <a:pt x="262" y="356"/>
                  <a:pt x="262" y="356"/>
                  <a:pt x="262" y="356"/>
                </a:cubicBezTo>
                <a:cubicBezTo>
                  <a:pt x="259" y="356"/>
                  <a:pt x="255" y="355"/>
                  <a:pt x="253" y="352"/>
                </a:cubicBezTo>
                <a:cubicBezTo>
                  <a:pt x="209" y="305"/>
                  <a:pt x="209" y="305"/>
                  <a:pt x="209" y="305"/>
                </a:cubicBezTo>
                <a:cubicBezTo>
                  <a:pt x="97" y="305"/>
                  <a:pt x="97" y="305"/>
                  <a:pt x="97" y="305"/>
                </a:cubicBezTo>
                <a:cubicBezTo>
                  <a:pt x="43" y="369"/>
                  <a:pt x="43" y="369"/>
                  <a:pt x="43" y="369"/>
                </a:cubicBezTo>
                <a:cubicBezTo>
                  <a:pt x="288" y="369"/>
                  <a:pt x="288" y="369"/>
                  <a:pt x="288" y="369"/>
                </a:cubicBezTo>
                <a:cubicBezTo>
                  <a:pt x="305" y="368"/>
                  <a:pt x="335" y="361"/>
                  <a:pt x="361" y="337"/>
                </a:cubicBezTo>
                <a:cubicBezTo>
                  <a:pt x="396" y="306"/>
                  <a:pt x="413" y="253"/>
                  <a:pt x="414" y="181"/>
                </a:cubicBezTo>
                <a:cubicBezTo>
                  <a:pt x="414" y="141"/>
                  <a:pt x="413" y="98"/>
                  <a:pt x="412" y="66"/>
                </a:cubicBezTo>
                <a:cubicBezTo>
                  <a:pt x="405" y="73"/>
                  <a:pt x="395" y="78"/>
                  <a:pt x="384" y="78"/>
                </a:cubicBezTo>
                <a:cubicBezTo>
                  <a:pt x="366" y="78"/>
                  <a:pt x="352" y="65"/>
                  <a:pt x="343" y="51"/>
                </a:cubicBezTo>
                <a:cubicBezTo>
                  <a:pt x="335" y="65"/>
                  <a:pt x="321" y="78"/>
                  <a:pt x="303" y="78"/>
                </a:cubicBezTo>
                <a:cubicBezTo>
                  <a:pt x="285" y="78"/>
                  <a:pt x="271" y="65"/>
                  <a:pt x="262" y="51"/>
                </a:cubicBezTo>
                <a:cubicBezTo>
                  <a:pt x="254" y="65"/>
                  <a:pt x="240" y="78"/>
                  <a:pt x="222" y="78"/>
                </a:cubicBezTo>
                <a:cubicBezTo>
                  <a:pt x="204" y="78"/>
                  <a:pt x="190" y="65"/>
                  <a:pt x="181" y="51"/>
                </a:cubicBezTo>
                <a:cubicBezTo>
                  <a:pt x="173" y="65"/>
                  <a:pt x="160" y="78"/>
                  <a:pt x="141" y="78"/>
                </a:cubicBezTo>
                <a:cubicBezTo>
                  <a:pt x="123" y="78"/>
                  <a:pt x="110" y="65"/>
                  <a:pt x="101" y="51"/>
                </a:cubicBezTo>
                <a:cubicBezTo>
                  <a:pt x="92" y="66"/>
                  <a:pt x="79" y="78"/>
                  <a:pt x="60" y="78"/>
                </a:cubicBezTo>
                <a:cubicBezTo>
                  <a:pt x="28" y="78"/>
                  <a:pt x="11" y="40"/>
                  <a:pt x="6" y="17"/>
                </a:cubicBezTo>
                <a:cubicBezTo>
                  <a:pt x="5" y="10"/>
                  <a:pt x="9" y="3"/>
                  <a:pt x="16" y="2"/>
                </a:cubicBezTo>
                <a:cubicBezTo>
                  <a:pt x="24" y="0"/>
                  <a:pt x="31" y="5"/>
                  <a:pt x="32" y="12"/>
                </a:cubicBezTo>
                <a:cubicBezTo>
                  <a:pt x="35" y="25"/>
                  <a:pt x="46" y="51"/>
                  <a:pt x="60" y="51"/>
                </a:cubicBezTo>
                <a:cubicBezTo>
                  <a:pt x="76" y="51"/>
                  <a:pt x="85" y="22"/>
                  <a:pt x="87" y="13"/>
                </a:cubicBezTo>
                <a:cubicBezTo>
                  <a:pt x="88" y="7"/>
                  <a:pt x="92" y="2"/>
                  <a:pt x="99" y="1"/>
                </a:cubicBezTo>
                <a:cubicBezTo>
                  <a:pt x="105" y="0"/>
                  <a:pt x="112" y="5"/>
                  <a:pt x="113" y="11"/>
                </a:cubicBezTo>
                <a:cubicBezTo>
                  <a:pt x="116" y="24"/>
                  <a:pt x="127" y="51"/>
                  <a:pt x="141" y="51"/>
                </a:cubicBezTo>
                <a:cubicBezTo>
                  <a:pt x="157" y="51"/>
                  <a:pt x="166" y="20"/>
                  <a:pt x="168" y="12"/>
                </a:cubicBezTo>
                <a:cubicBezTo>
                  <a:pt x="169" y="6"/>
                  <a:pt x="175" y="1"/>
                  <a:pt x="181" y="1"/>
                </a:cubicBezTo>
                <a:cubicBezTo>
                  <a:pt x="187" y="1"/>
                  <a:pt x="193" y="5"/>
                  <a:pt x="194" y="11"/>
                </a:cubicBezTo>
                <a:cubicBezTo>
                  <a:pt x="197" y="24"/>
                  <a:pt x="208" y="51"/>
                  <a:pt x="222" y="51"/>
                </a:cubicBezTo>
                <a:cubicBezTo>
                  <a:pt x="238" y="51"/>
                  <a:pt x="247" y="20"/>
                  <a:pt x="249" y="12"/>
                </a:cubicBezTo>
                <a:cubicBezTo>
                  <a:pt x="250" y="6"/>
                  <a:pt x="255" y="1"/>
                  <a:pt x="262" y="1"/>
                </a:cubicBezTo>
                <a:cubicBezTo>
                  <a:pt x="262" y="1"/>
                  <a:pt x="262" y="1"/>
                  <a:pt x="262" y="1"/>
                </a:cubicBezTo>
                <a:cubicBezTo>
                  <a:pt x="268" y="1"/>
                  <a:pt x="274" y="5"/>
                  <a:pt x="275" y="11"/>
                </a:cubicBezTo>
                <a:cubicBezTo>
                  <a:pt x="278" y="24"/>
                  <a:pt x="289" y="51"/>
                  <a:pt x="303" y="51"/>
                </a:cubicBezTo>
                <a:cubicBezTo>
                  <a:pt x="319" y="51"/>
                  <a:pt x="328" y="20"/>
                  <a:pt x="330" y="12"/>
                </a:cubicBezTo>
                <a:cubicBezTo>
                  <a:pt x="331" y="6"/>
                  <a:pt x="336" y="1"/>
                  <a:pt x="343" y="1"/>
                </a:cubicBezTo>
                <a:cubicBezTo>
                  <a:pt x="343" y="1"/>
                  <a:pt x="343" y="1"/>
                  <a:pt x="343" y="1"/>
                </a:cubicBezTo>
                <a:cubicBezTo>
                  <a:pt x="349" y="1"/>
                  <a:pt x="355" y="5"/>
                  <a:pt x="356" y="11"/>
                </a:cubicBezTo>
                <a:cubicBezTo>
                  <a:pt x="359" y="24"/>
                  <a:pt x="369" y="51"/>
                  <a:pt x="384" y="51"/>
                </a:cubicBezTo>
                <a:cubicBezTo>
                  <a:pt x="400" y="51"/>
                  <a:pt x="409" y="20"/>
                  <a:pt x="411" y="12"/>
                </a:cubicBezTo>
                <a:cubicBezTo>
                  <a:pt x="412" y="5"/>
                  <a:pt x="418" y="1"/>
                  <a:pt x="425" y="1"/>
                </a:cubicBezTo>
                <a:cubicBezTo>
                  <a:pt x="432" y="2"/>
                  <a:pt x="437" y="7"/>
                  <a:pt x="437" y="14"/>
                </a:cubicBezTo>
                <a:cubicBezTo>
                  <a:pt x="437" y="15"/>
                  <a:pt x="441" y="103"/>
                  <a:pt x="441" y="181"/>
                </a:cubicBezTo>
                <a:cubicBezTo>
                  <a:pt x="440" y="261"/>
                  <a:pt x="419" y="320"/>
                  <a:pt x="379" y="357"/>
                </a:cubicBezTo>
                <a:cubicBezTo>
                  <a:pt x="348" y="386"/>
                  <a:pt x="313" y="394"/>
                  <a:pt x="292" y="396"/>
                </a:cubicBezTo>
                <a:cubicBezTo>
                  <a:pt x="291" y="396"/>
                  <a:pt x="291" y="396"/>
                  <a:pt x="290" y="396"/>
                </a:cubicBezTo>
                <a:cubicBezTo>
                  <a:pt x="285" y="396"/>
                  <a:pt x="282" y="396"/>
                  <a:pt x="279" y="39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0" name="Freeform 167"/>
          <p:cNvSpPr>
            <a:spLocks/>
          </p:cNvSpPr>
          <p:nvPr userDrawn="1"/>
        </p:nvSpPr>
        <p:spPr bwMode="auto">
          <a:xfrm>
            <a:off x="6303431" y="1163244"/>
            <a:ext cx="490538" cy="517525"/>
          </a:xfrm>
          <a:custGeom>
            <a:avLst/>
            <a:gdLst/>
            <a:ahLst/>
            <a:cxnLst>
              <a:cxn ang="0">
                <a:pos x="114" y="13"/>
              </a:cxn>
              <a:cxn ang="0">
                <a:pos x="128" y="71"/>
              </a:cxn>
              <a:cxn ang="0">
                <a:pos x="150" y="112"/>
              </a:cxn>
              <a:cxn ang="0">
                <a:pos x="153" y="123"/>
              </a:cxn>
              <a:cxn ang="0">
                <a:pos x="160" y="137"/>
              </a:cxn>
              <a:cxn ang="0">
                <a:pos x="141" y="181"/>
              </a:cxn>
              <a:cxn ang="0">
                <a:pos x="145" y="193"/>
              </a:cxn>
              <a:cxn ang="0">
                <a:pos x="146" y="217"/>
              </a:cxn>
              <a:cxn ang="0">
                <a:pos x="118" y="299"/>
              </a:cxn>
              <a:cxn ang="0">
                <a:pos x="129" y="314"/>
              </a:cxn>
              <a:cxn ang="0">
                <a:pos x="157" y="244"/>
              </a:cxn>
              <a:cxn ang="0">
                <a:pos x="220" y="236"/>
              </a:cxn>
              <a:cxn ang="0">
                <a:pos x="216" y="221"/>
              </a:cxn>
              <a:cxn ang="0">
                <a:pos x="171" y="163"/>
              </a:cxn>
              <a:cxn ang="0">
                <a:pos x="209" y="156"/>
              </a:cxn>
              <a:cxn ang="0">
                <a:pos x="206" y="141"/>
              </a:cxn>
              <a:cxn ang="0">
                <a:pos x="186" y="60"/>
              </a:cxn>
              <a:cxn ang="0">
                <a:pos x="183" y="49"/>
              </a:cxn>
              <a:cxn ang="0">
                <a:pos x="141" y="44"/>
              </a:cxn>
              <a:cxn ang="0">
                <a:pos x="244" y="26"/>
              </a:cxn>
              <a:cxn ang="0">
                <a:pos x="214" y="44"/>
              </a:cxn>
              <a:cxn ang="0">
                <a:pos x="201" y="57"/>
              </a:cxn>
              <a:cxn ang="0">
                <a:pos x="246" y="321"/>
              </a:cxn>
              <a:cxn ang="0">
                <a:pos x="0" y="334"/>
              </a:cxn>
              <a:cxn ang="0">
                <a:pos x="13" y="411"/>
              </a:cxn>
              <a:cxn ang="0">
                <a:pos x="145" y="445"/>
              </a:cxn>
              <a:cxn ang="0">
                <a:pos x="213" y="459"/>
              </a:cxn>
              <a:cxn ang="0">
                <a:pos x="254" y="423"/>
              </a:cxn>
              <a:cxn ang="0">
                <a:pos x="295" y="459"/>
              </a:cxn>
              <a:cxn ang="0">
                <a:pos x="337" y="423"/>
              </a:cxn>
              <a:cxn ang="0">
                <a:pos x="378" y="459"/>
              </a:cxn>
              <a:cxn ang="0">
                <a:pos x="432" y="397"/>
              </a:cxn>
              <a:cxn ang="0">
                <a:pos x="407" y="388"/>
              </a:cxn>
              <a:cxn ang="0">
                <a:pos x="349" y="388"/>
              </a:cxn>
              <a:cxn ang="0">
                <a:pos x="324" y="388"/>
              </a:cxn>
              <a:cxn ang="0">
                <a:pos x="267" y="387"/>
              </a:cxn>
              <a:cxn ang="0">
                <a:pos x="242" y="387"/>
              </a:cxn>
              <a:cxn ang="0">
                <a:pos x="172" y="432"/>
              </a:cxn>
              <a:cxn ang="0">
                <a:pos x="158" y="384"/>
              </a:cxn>
              <a:cxn ang="0">
                <a:pos x="26" y="347"/>
              </a:cxn>
              <a:cxn ang="0">
                <a:pos x="272" y="343"/>
              </a:cxn>
              <a:cxn ang="0">
                <a:pos x="275" y="332"/>
              </a:cxn>
              <a:cxn ang="0">
                <a:pos x="258" y="71"/>
              </a:cxn>
              <a:cxn ang="0">
                <a:pos x="271" y="13"/>
              </a:cxn>
              <a:cxn ang="0">
                <a:pos x="128" y="0"/>
              </a:cxn>
            </a:cxnLst>
            <a:rect l="0" t="0" r="r" b="b"/>
            <a:pathLst>
              <a:path w="435" h="459">
                <a:moveTo>
                  <a:pt x="128" y="0"/>
                </a:moveTo>
                <a:cubicBezTo>
                  <a:pt x="120" y="0"/>
                  <a:pt x="114" y="6"/>
                  <a:pt x="114" y="13"/>
                </a:cubicBezTo>
                <a:cubicBezTo>
                  <a:pt x="114" y="57"/>
                  <a:pt x="114" y="57"/>
                  <a:pt x="114" y="57"/>
                </a:cubicBezTo>
                <a:cubicBezTo>
                  <a:pt x="114" y="65"/>
                  <a:pt x="120" y="71"/>
                  <a:pt x="128" y="71"/>
                </a:cubicBezTo>
                <a:cubicBezTo>
                  <a:pt x="128" y="71"/>
                  <a:pt x="144" y="71"/>
                  <a:pt x="157" y="71"/>
                </a:cubicBezTo>
                <a:cubicBezTo>
                  <a:pt x="154" y="87"/>
                  <a:pt x="150" y="112"/>
                  <a:pt x="150" y="112"/>
                </a:cubicBezTo>
                <a:cubicBezTo>
                  <a:pt x="150" y="113"/>
                  <a:pt x="150" y="113"/>
                  <a:pt x="150" y="114"/>
                </a:cubicBezTo>
                <a:cubicBezTo>
                  <a:pt x="150" y="117"/>
                  <a:pt x="151" y="121"/>
                  <a:pt x="153" y="123"/>
                </a:cubicBezTo>
                <a:cubicBezTo>
                  <a:pt x="153" y="123"/>
                  <a:pt x="160" y="130"/>
                  <a:pt x="166" y="137"/>
                </a:cubicBezTo>
                <a:cubicBezTo>
                  <a:pt x="164" y="137"/>
                  <a:pt x="160" y="137"/>
                  <a:pt x="160" y="137"/>
                </a:cubicBezTo>
                <a:cubicBezTo>
                  <a:pt x="153" y="137"/>
                  <a:pt x="147" y="141"/>
                  <a:pt x="146" y="148"/>
                </a:cubicBezTo>
                <a:cubicBezTo>
                  <a:pt x="141" y="181"/>
                  <a:pt x="141" y="181"/>
                  <a:pt x="141" y="181"/>
                </a:cubicBezTo>
                <a:cubicBezTo>
                  <a:pt x="141" y="181"/>
                  <a:pt x="141" y="182"/>
                  <a:pt x="141" y="183"/>
                </a:cubicBezTo>
                <a:cubicBezTo>
                  <a:pt x="141" y="186"/>
                  <a:pt x="142" y="190"/>
                  <a:pt x="145" y="193"/>
                </a:cubicBezTo>
                <a:cubicBezTo>
                  <a:pt x="145" y="193"/>
                  <a:pt x="159" y="205"/>
                  <a:pt x="173" y="217"/>
                </a:cubicBezTo>
                <a:cubicBezTo>
                  <a:pt x="160" y="217"/>
                  <a:pt x="146" y="217"/>
                  <a:pt x="146" y="217"/>
                </a:cubicBezTo>
                <a:cubicBezTo>
                  <a:pt x="140" y="217"/>
                  <a:pt x="134" y="222"/>
                  <a:pt x="133" y="228"/>
                </a:cubicBezTo>
                <a:cubicBezTo>
                  <a:pt x="118" y="299"/>
                  <a:pt x="118" y="299"/>
                  <a:pt x="118" y="299"/>
                </a:cubicBezTo>
                <a:cubicBezTo>
                  <a:pt x="118" y="300"/>
                  <a:pt x="118" y="300"/>
                  <a:pt x="118" y="301"/>
                </a:cubicBezTo>
                <a:cubicBezTo>
                  <a:pt x="118" y="308"/>
                  <a:pt x="122" y="313"/>
                  <a:pt x="129" y="314"/>
                </a:cubicBezTo>
                <a:cubicBezTo>
                  <a:pt x="136" y="316"/>
                  <a:pt x="143" y="311"/>
                  <a:pt x="145" y="304"/>
                </a:cubicBezTo>
                <a:cubicBezTo>
                  <a:pt x="145" y="304"/>
                  <a:pt x="154" y="260"/>
                  <a:pt x="157" y="244"/>
                </a:cubicBezTo>
                <a:cubicBezTo>
                  <a:pt x="171" y="244"/>
                  <a:pt x="207" y="244"/>
                  <a:pt x="207" y="244"/>
                </a:cubicBezTo>
                <a:cubicBezTo>
                  <a:pt x="213" y="244"/>
                  <a:pt x="218" y="241"/>
                  <a:pt x="220" y="236"/>
                </a:cubicBezTo>
                <a:cubicBezTo>
                  <a:pt x="221" y="234"/>
                  <a:pt x="221" y="232"/>
                  <a:pt x="221" y="231"/>
                </a:cubicBezTo>
                <a:cubicBezTo>
                  <a:pt x="221" y="227"/>
                  <a:pt x="219" y="224"/>
                  <a:pt x="216" y="221"/>
                </a:cubicBezTo>
                <a:cubicBezTo>
                  <a:pt x="216" y="221"/>
                  <a:pt x="177" y="186"/>
                  <a:pt x="168" y="178"/>
                </a:cubicBezTo>
                <a:cubicBezTo>
                  <a:pt x="169" y="173"/>
                  <a:pt x="170" y="170"/>
                  <a:pt x="171" y="163"/>
                </a:cubicBezTo>
                <a:cubicBezTo>
                  <a:pt x="182" y="163"/>
                  <a:pt x="197" y="163"/>
                  <a:pt x="197" y="163"/>
                </a:cubicBezTo>
                <a:cubicBezTo>
                  <a:pt x="202" y="164"/>
                  <a:pt x="207" y="160"/>
                  <a:pt x="209" y="156"/>
                </a:cubicBezTo>
                <a:cubicBezTo>
                  <a:pt x="210" y="154"/>
                  <a:pt x="210" y="152"/>
                  <a:pt x="210" y="150"/>
                </a:cubicBezTo>
                <a:cubicBezTo>
                  <a:pt x="210" y="147"/>
                  <a:pt x="209" y="144"/>
                  <a:pt x="206" y="141"/>
                </a:cubicBezTo>
                <a:cubicBezTo>
                  <a:pt x="206" y="141"/>
                  <a:pt x="184" y="117"/>
                  <a:pt x="177" y="110"/>
                </a:cubicBezTo>
                <a:cubicBezTo>
                  <a:pt x="179" y="100"/>
                  <a:pt x="186" y="60"/>
                  <a:pt x="186" y="60"/>
                </a:cubicBezTo>
                <a:cubicBezTo>
                  <a:pt x="186" y="59"/>
                  <a:pt x="186" y="58"/>
                  <a:pt x="186" y="57"/>
                </a:cubicBezTo>
                <a:cubicBezTo>
                  <a:pt x="186" y="54"/>
                  <a:pt x="185" y="51"/>
                  <a:pt x="183" y="49"/>
                </a:cubicBezTo>
                <a:cubicBezTo>
                  <a:pt x="181" y="46"/>
                  <a:pt x="177" y="44"/>
                  <a:pt x="173" y="44"/>
                </a:cubicBezTo>
                <a:cubicBezTo>
                  <a:pt x="173" y="44"/>
                  <a:pt x="154" y="44"/>
                  <a:pt x="141" y="44"/>
                </a:cubicBezTo>
                <a:cubicBezTo>
                  <a:pt x="141" y="37"/>
                  <a:pt x="141" y="34"/>
                  <a:pt x="141" y="26"/>
                </a:cubicBezTo>
                <a:cubicBezTo>
                  <a:pt x="160" y="26"/>
                  <a:pt x="225" y="26"/>
                  <a:pt x="244" y="26"/>
                </a:cubicBezTo>
                <a:cubicBezTo>
                  <a:pt x="244" y="34"/>
                  <a:pt x="244" y="37"/>
                  <a:pt x="244" y="44"/>
                </a:cubicBezTo>
                <a:cubicBezTo>
                  <a:pt x="232" y="44"/>
                  <a:pt x="214" y="44"/>
                  <a:pt x="214" y="44"/>
                </a:cubicBezTo>
                <a:cubicBezTo>
                  <a:pt x="210" y="44"/>
                  <a:pt x="207" y="46"/>
                  <a:pt x="204" y="49"/>
                </a:cubicBezTo>
                <a:cubicBezTo>
                  <a:pt x="202" y="51"/>
                  <a:pt x="201" y="54"/>
                  <a:pt x="201" y="57"/>
                </a:cubicBezTo>
                <a:cubicBezTo>
                  <a:pt x="201" y="58"/>
                  <a:pt x="201" y="59"/>
                  <a:pt x="201" y="60"/>
                </a:cubicBezTo>
                <a:cubicBezTo>
                  <a:pt x="201" y="60"/>
                  <a:pt x="241" y="293"/>
                  <a:pt x="246" y="321"/>
                </a:cubicBezTo>
                <a:cubicBezTo>
                  <a:pt x="218" y="321"/>
                  <a:pt x="13" y="321"/>
                  <a:pt x="13" y="321"/>
                </a:cubicBezTo>
                <a:cubicBezTo>
                  <a:pt x="6" y="321"/>
                  <a:pt x="0" y="327"/>
                  <a:pt x="0" y="334"/>
                </a:cubicBezTo>
                <a:cubicBezTo>
                  <a:pt x="0" y="397"/>
                  <a:pt x="0" y="397"/>
                  <a:pt x="0" y="397"/>
                </a:cubicBezTo>
                <a:cubicBezTo>
                  <a:pt x="0" y="405"/>
                  <a:pt x="6" y="411"/>
                  <a:pt x="13" y="411"/>
                </a:cubicBezTo>
                <a:cubicBezTo>
                  <a:pt x="13" y="411"/>
                  <a:pt x="123" y="411"/>
                  <a:pt x="145" y="411"/>
                </a:cubicBezTo>
                <a:cubicBezTo>
                  <a:pt x="145" y="425"/>
                  <a:pt x="145" y="445"/>
                  <a:pt x="145" y="445"/>
                </a:cubicBezTo>
                <a:cubicBezTo>
                  <a:pt x="145" y="453"/>
                  <a:pt x="151" y="459"/>
                  <a:pt x="158" y="459"/>
                </a:cubicBezTo>
                <a:cubicBezTo>
                  <a:pt x="213" y="459"/>
                  <a:pt x="213" y="459"/>
                  <a:pt x="213" y="459"/>
                </a:cubicBezTo>
                <a:cubicBezTo>
                  <a:pt x="226" y="459"/>
                  <a:pt x="240" y="448"/>
                  <a:pt x="253" y="426"/>
                </a:cubicBezTo>
                <a:cubicBezTo>
                  <a:pt x="253" y="425"/>
                  <a:pt x="254" y="424"/>
                  <a:pt x="254" y="423"/>
                </a:cubicBezTo>
                <a:cubicBezTo>
                  <a:pt x="254" y="424"/>
                  <a:pt x="255" y="425"/>
                  <a:pt x="255" y="426"/>
                </a:cubicBezTo>
                <a:cubicBezTo>
                  <a:pt x="268" y="448"/>
                  <a:pt x="281" y="459"/>
                  <a:pt x="295" y="459"/>
                </a:cubicBezTo>
                <a:cubicBezTo>
                  <a:pt x="309" y="459"/>
                  <a:pt x="322" y="448"/>
                  <a:pt x="335" y="426"/>
                </a:cubicBezTo>
                <a:cubicBezTo>
                  <a:pt x="336" y="425"/>
                  <a:pt x="336" y="424"/>
                  <a:pt x="337" y="423"/>
                </a:cubicBezTo>
                <a:cubicBezTo>
                  <a:pt x="337" y="424"/>
                  <a:pt x="338" y="425"/>
                  <a:pt x="338" y="426"/>
                </a:cubicBezTo>
                <a:cubicBezTo>
                  <a:pt x="351" y="448"/>
                  <a:pt x="364" y="459"/>
                  <a:pt x="378" y="459"/>
                </a:cubicBezTo>
                <a:cubicBezTo>
                  <a:pt x="392" y="459"/>
                  <a:pt x="405" y="448"/>
                  <a:pt x="418" y="426"/>
                </a:cubicBezTo>
                <a:cubicBezTo>
                  <a:pt x="426" y="412"/>
                  <a:pt x="432" y="398"/>
                  <a:pt x="432" y="397"/>
                </a:cubicBezTo>
                <a:cubicBezTo>
                  <a:pt x="435" y="391"/>
                  <a:pt x="431" y="383"/>
                  <a:pt x="424" y="380"/>
                </a:cubicBezTo>
                <a:cubicBezTo>
                  <a:pt x="418" y="378"/>
                  <a:pt x="410" y="381"/>
                  <a:pt x="407" y="388"/>
                </a:cubicBezTo>
                <a:cubicBezTo>
                  <a:pt x="398" y="411"/>
                  <a:pt x="384" y="431"/>
                  <a:pt x="378" y="432"/>
                </a:cubicBezTo>
                <a:cubicBezTo>
                  <a:pt x="372" y="431"/>
                  <a:pt x="358" y="411"/>
                  <a:pt x="349" y="388"/>
                </a:cubicBezTo>
                <a:cubicBezTo>
                  <a:pt x="347" y="383"/>
                  <a:pt x="342" y="379"/>
                  <a:pt x="337" y="379"/>
                </a:cubicBezTo>
                <a:cubicBezTo>
                  <a:pt x="331" y="379"/>
                  <a:pt x="326" y="382"/>
                  <a:pt x="324" y="388"/>
                </a:cubicBezTo>
                <a:cubicBezTo>
                  <a:pt x="315" y="411"/>
                  <a:pt x="301" y="431"/>
                  <a:pt x="295" y="432"/>
                </a:cubicBezTo>
                <a:cubicBezTo>
                  <a:pt x="290" y="431"/>
                  <a:pt x="276" y="411"/>
                  <a:pt x="267" y="387"/>
                </a:cubicBezTo>
                <a:cubicBezTo>
                  <a:pt x="265" y="382"/>
                  <a:pt x="260" y="379"/>
                  <a:pt x="254" y="379"/>
                </a:cubicBezTo>
                <a:cubicBezTo>
                  <a:pt x="249" y="379"/>
                  <a:pt x="244" y="382"/>
                  <a:pt x="242" y="387"/>
                </a:cubicBezTo>
                <a:cubicBezTo>
                  <a:pt x="232" y="411"/>
                  <a:pt x="218" y="431"/>
                  <a:pt x="213" y="432"/>
                </a:cubicBezTo>
                <a:cubicBezTo>
                  <a:pt x="213" y="432"/>
                  <a:pt x="187" y="432"/>
                  <a:pt x="172" y="432"/>
                </a:cubicBezTo>
                <a:cubicBezTo>
                  <a:pt x="172" y="418"/>
                  <a:pt x="172" y="397"/>
                  <a:pt x="172" y="397"/>
                </a:cubicBezTo>
                <a:cubicBezTo>
                  <a:pt x="172" y="390"/>
                  <a:pt x="166" y="384"/>
                  <a:pt x="158" y="384"/>
                </a:cubicBezTo>
                <a:cubicBezTo>
                  <a:pt x="158" y="384"/>
                  <a:pt x="48" y="384"/>
                  <a:pt x="26" y="384"/>
                </a:cubicBezTo>
                <a:cubicBezTo>
                  <a:pt x="26" y="372"/>
                  <a:pt x="26" y="359"/>
                  <a:pt x="26" y="347"/>
                </a:cubicBezTo>
                <a:cubicBezTo>
                  <a:pt x="50" y="347"/>
                  <a:pt x="261" y="347"/>
                  <a:pt x="261" y="347"/>
                </a:cubicBezTo>
                <a:cubicBezTo>
                  <a:pt x="265" y="347"/>
                  <a:pt x="269" y="346"/>
                  <a:pt x="272" y="343"/>
                </a:cubicBezTo>
                <a:cubicBezTo>
                  <a:pt x="274" y="340"/>
                  <a:pt x="275" y="337"/>
                  <a:pt x="275" y="334"/>
                </a:cubicBezTo>
                <a:cubicBezTo>
                  <a:pt x="275" y="333"/>
                  <a:pt x="275" y="332"/>
                  <a:pt x="275" y="332"/>
                </a:cubicBezTo>
                <a:cubicBezTo>
                  <a:pt x="275" y="332"/>
                  <a:pt x="235" y="99"/>
                  <a:pt x="230" y="71"/>
                </a:cubicBezTo>
                <a:cubicBezTo>
                  <a:pt x="243" y="71"/>
                  <a:pt x="258" y="71"/>
                  <a:pt x="258" y="71"/>
                </a:cubicBezTo>
                <a:cubicBezTo>
                  <a:pt x="265" y="71"/>
                  <a:pt x="271" y="65"/>
                  <a:pt x="271" y="57"/>
                </a:cubicBezTo>
                <a:cubicBezTo>
                  <a:pt x="271" y="13"/>
                  <a:pt x="271" y="13"/>
                  <a:pt x="271" y="13"/>
                </a:cubicBezTo>
                <a:cubicBezTo>
                  <a:pt x="271" y="6"/>
                  <a:pt x="265" y="0"/>
                  <a:pt x="258" y="0"/>
                </a:cubicBezTo>
                <a:lnTo>
                  <a:pt x="128" y="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1" name="Freeform 385"/>
          <p:cNvSpPr>
            <a:spLocks noEditPoints="1"/>
          </p:cNvSpPr>
          <p:nvPr userDrawn="1"/>
        </p:nvSpPr>
        <p:spPr bwMode="auto">
          <a:xfrm>
            <a:off x="6292319" y="4427030"/>
            <a:ext cx="512763" cy="468312"/>
          </a:xfrm>
          <a:custGeom>
            <a:avLst/>
            <a:gdLst/>
            <a:ahLst/>
            <a:cxnLst>
              <a:cxn ang="0">
                <a:pos x="67" y="59"/>
              </a:cxn>
              <a:cxn ang="0">
                <a:pos x="67" y="61"/>
              </a:cxn>
              <a:cxn ang="0">
                <a:pos x="79" y="147"/>
              </a:cxn>
              <a:cxn ang="0">
                <a:pos x="23" y="157"/>
              </a:cxn>
              <a:cxn ang="0">
                <a:pos x="0" y="192"/>
              </a:cxn>
              <a:cxn ang="0">
                <a:pos x="0" y="202"/>
              </a:cxn>
              <a:cxn ang="0">
                <a:pos x="53" y="280"/>
              </a:cxn>
              <a:cxn ang="0">
                <a:pos x="103" y="308"/>
              </a:cxn>
              <a:cxn ang="0">
                <a:pos x="108" y="347"/>
              </a:cxn>
              <a:cxn ang="0">
                <a:pos x="157" y="398"/>
              </a:cxn>
              <a:cxn ang="0">
                <a:pos x="261" y="415"/>
              </a:cxn>
              <a:cxn ang="0">
                <a:pos x="365" y="398"/>
              </a:cxn>
              <a:cxn ang="0">
                <a:pos x="415" y="347"/>
              </a:cxn>
              <a:cxn ang="0">
                <a:pos x="455" y="64"/>
              </a:cxn>
              <a:cxn ang="0">
                <a:pos x="455" y="62"/>
              </a:cxn>
              <a:cxn ang="0">
                <a:pos x="449" y="51"/>
              </a:cxn>
              <a:cxn ang="0">
                <a:pos x="434" y="51"/>
              </a:cxn>
              <a:cxn ang="0">
                <a:pos x="261" y="92"/>
              </a:cxn>
              <a:cxn ang="0">
                <a:pos x="141" y="80"/>
              </a:cxn>
              <a:cxn ang="0">
                <a:pos x="93" y="59"/>
              </a:cxn>
              <a:cxn ang="0">
                <a:pos x="93" y="59"/>
              </a:cxn>
              <a:cxn ang="0">
                <a:pos x="141" y="39"/>
              </a:cxn>
              <a:cxn ang="0">
                <a:pos x="261" y="27"/>
              </a:cxn>
              <a:cxn ang="0">
                <a:pos x="367" y="36"/>
              </a:cxn>
              <a:cxn ang="0">
                <a:pos x="383" y="25"/>
              </a:cxn>
              <a:cxn ang="0">
                <a:pos x="372" y="9"/>
              </a:cxn>
              <a:cxn ang="0">
                <a:pos x="261" y="0"/>
              </a:cxn>
              <a:cxn ang="0">
                <a:pos x="67" y="59"/>
              </a:cxn>
              <a:cxn ang="0">
                <a:pos x="425" y="86"/>
              </a:cxn>
              <a:cxn ang="0">
                <a:pos x="388" y="344"/>
              </a:cxn>
              <a:cxn ang="0">
                <a:pos x="388" y="346"/>
              </a:cxn>
              <a:cxn ang="0">
                <a:pos x="261" y="388"/>
              </a:cxn>
              <a:cxn ang="0">
                <a:pos x="134" y="346"/>
              </a:cxn>
              <a:cxn ang="0">
                <a:pos x="134" y="344"/>
              </a:cxn>
              <a:cxn ang="0">
                <a:pos x="128" y="297"/>
              </a:cxn>
              <a:cxn ang="0">
                <a:pos x="120" y="287"/>
              </a:cxn>
              <a:cxn ang="0">
                <a:pos x="27" y="196"/>
              </a:cxn>
              <a:cxn ang="0">
                <a:pos x="37" y="179"/>
              </a:cxn>
              <a:cxn ang="0">
                <a:pos x="91" y="176"/>
              </a:cxn>
              <a:cxn ang="0">
                <a:pos x="104" y="173"/>
              </a:cxn>
              <a:cxn ang="0">
                <a:pos x="108" y="163"/>
              </a:cxn>
              <a:cxn ang="0">
                <a:pos x="108" y="161"/>
              </a:cxn>
              <a:cxn ang="0">
                <a:pos x="98" y="94"/>
              </a:cxn>
              <a:cxn ang="0">
                <a:pos x="261" y="119"/>
              </a:cxn>
              <a:cxn ang="0">
                <a:pos x="425" y="86"/>
              </a:cxn>
            </a:cxnLst>
            <a:rect l="0" t="0" r="r" b="b"/>
            <a:pathLst>
              <a:path w="455" h="415">
                <a:moveTo>
                  <a:pt x="67" y="59"/>
                </a:moveTo>
                <a:cubicBezTo>
                  <a:pt x="67" y="60"/>
                  <a:pt x="67" y="61"/>
                  <a:pt x="67" y="61"/>
                </a:cubicBezTo>
                <a:cubicBezTo>
                  <a:pt x="67" y="61"/>
                  <a:pt x="75" y="122"/>
                  <a:pt x="79" y="147"/>
                </a:cubicBezTo>
                <a:cubicBezTo>
                  <a:pt x="63" y="145"/>
                  <a:pt x="40" y="146"/>
                  <a:pt x="23" y="157"/>
                </a:cubicBezTo>
                <a:cubicBezTo>
                  <a:pt x="11" y="165"/>
                  <a:pt x="3" y="177"/>
                  <a:pt x="0" y="192"/>
                </a:cubicBezTo>
                <a:cubicBezTo>
                  <a:pt x="0" y="195"/>
                  <a:pt x="0" y="198"/>
                  <a:pt x="0" y="202"/>
                </a:cubicBezTo>
                <a:cubicBezTo>
                  <a:pt x="0" y="222"/>
                  <a:pt x="10" y="250"/>
                  <a:pt x="53" y="280"/>
                </a:cubicBezTo>
                <a:cubicBezTo>
                  <a:pt x="72" y="294"/>
                  <a:pt x="92" y="304"/>
                  <a:pt x="103" y="308"/>
                </a:cubicBezTo>
                <a:cubicBezTo>
                  <a:pt x="104" y="319"/>
                  <a:pt x="108" y="347"/>
                  <a:pt x="108" y="347"/>
                </a:cubicBezTo>
                <a:cubicBezTo>
                  <a:pt x="108" y="367"/>
                  <a:pt x="126" y="385"/>
                  <a:pt x="157" y="398"/>
                </a:cubicBezTo>
                <a:cubicBezTo>
                  <a:pt x="185" y="409"/>
                  <a:pt x="222" y="415"/>
                  <a:pt x="261" y="415"/>
                </a:cubicBezTo>
                <a:cubicBezTo>
                  <a:pt x="300" y="415"/>
                  <a:pt x="337" y="409"/>
                  <a:pt x="365" y="398"/>
                </a:cubicBezTo>
                <a:cubicBezTo>
                  <a:pt x="396" y="385"/>
                  <a:pt x="414" y="367"/>
                  <a:pt x="415" y="347"/>
                </a:cubicBezTo>
                <a:cubicBezTo>
                  <a:pt x="415" y="347"/>
                  <a:pt x="455" y="64"/>
                  <a:pt x="455" y="64"/>
                </a:cubicBezTo>
                <a:cubicBezTo>
                  <a:pt x="455" y="64"/>
                  <a:pt x="455" y="63"/>
                  <a:pt x="455" y="62"/>
                </a:cubicBezTo>
                <a:cubicBezTo>
                  <a:pt x="455" y="58"/>
                  <a:pt x="453" y="53"/>
                  <a:pt x="449" y="51"/>
                </a:cubicBezTo>
                <a:cubicBezTo>
                  <a:pt x="445" y="48"/>
                  <a:pt x="439" y="48"/>
                  <a:pt x="434" y="51"/>
                </a:cubicBezTo>
                <a:cubicBezTo>
                  <a:pt x="434" y="52"/>
                  <a:pt x="372" y="92"/>
                  <a:pt x="261" y="92"/>
                </a:cubicBezTo>
                <a:cubicBezTo>
                  <a:pt x="216" y="92"/>
                  <a:pt x="173" y="88"/>
                  <a:pt x="141" y="80"/>
                </a:cubicBezTo>
                <a:cubicBezTo>
                  <a:pt x="106" y="72"/>
                  <a:pt x="95" y="62"/>
                  <a:pt x="93" y="59"/>
                </a:cubicBezTo>
                <a:cubicBezTo>
                  <a:pt x="93" y="59"/>
                  <a:pt x="93" y="59"/>
                  <a:pt x="93" y="59"/>
                </a:cubicBezTo>
                <a:cubicBezTo>
                  <a:pt x="95" y="56"/>
                  <a:pt x="106" y="47"/>
                  <a:pt x="141" y="39"/>
                </a:cubicBezTo>
                <a:cubicBezTo>
                  <a:pt x="173" y="31"/>
                  <a:pt x="216" y="27"/>
                  <a:pt x="261" y="27"/>
                </a:cubicBezTo>
                <a:cubicBezTo>
                  <a:pt x="300" y="27"/>
                  <a:pt x="337" y="30"/>
                  <a:pt x="367" y="36"/>
                </a:cubicBezTo>
                <a:cubicBezTo>
                  <a:pt x="375" y="37"/>
                  <a:pt x="382" y="32"/>
                  <a:pt x="383" y="25"/>
                </a:cubicBezTo>
                <a:cubicBezTo>
                  <a:pt x="384" y="18"/>
                  <a:pt x="380" y="11"/>
                  <a:pt x="372" y="9"/>
                </a:cubicBezTo>
                <a:cubicBezTo>
                  <a:pt x="340" y="3"/>
                  <a:pt x="302" y="0"/>
                  <a:pt x="261" y="0"/>
                </a:cubicBezTo>
                <a:cubicBezTo>
                  <a:pt x="189" y="0"/>
                  <a:pt x="67" y="12"/>
                  <a:pt x="67" y="59"/>
                </a:cubicBezTo>
                <a:close/>
                <a:moveTo>
                  <a:pt x="425" y="86"/>
                </a:moveTo>
                <a:cubicBezTo>
                  <a:pt x="419" y="129"/>
                  <a:pt x="388" y="344"/>
                  <a:pt x="388" y="344"/>
                </a:cubicBezTo>
                <a:cubicBezTo>
                  <a:pt x="388" y="345"/>
                  <a:pt x="388" y="345"/>
                  <a:pt x="388" y="346"/>
                </a:cubicBezTo>
                <a:cubicBezTo>
                  <a:pt x="388" y="363"/>
                  <a:pt x="339" y="388"/>
                  <a:pt x="261" y="388"/>
                </a:cubicBezTo>
                <a:cubicBezTo>
                  <a:pt x="184" y="388"/>
                  <a:pt x="134" y="363"/>
                  <a:pt x="134" y="346"/>
                </a:cubicBezTo>
                <a:cubicBezTo>
                  <a:pt x="134" y="345"/>
                  <a:pt x="134" y="345"/>
                  <a:pt x="134" y="344"/>
                </a:cubicBezTo>
                <a:cubicBezTo>
                  <a:pt x="128" y="297"/>
                  <a:pt x="128" y="297"/>
                  <a:pt x="128" y="297"/>
                </a:cubicBezTo>
                <a:cubicBezTo>
                  <a:pt x="128" y="293"/>
                  <a:pt x="125" y="289"/>
                  <a:pt x="120" y="287"/>
                </a:cubicBezTo>
                <a:cubicBezTo>
                  <a:pt x="92" y="275"/>
                  <a:pt x="20" y="236"/>
                  <a:pt x="27" y="196"/>
                </a:cubicBezTo>
                <a:cubicBezTo>
                  <a:pt x="28" y="189"/>
                  <a:pt x="31" y="183"/>
                  <a:pt x="37" y="179"/>
                </a:cubicBezTo>
                <a:cubicBezTo>
                  <a:pt x="53" y="169"/>
                  <a:pt x="82" y="173"/>
                  <a:pt x="91" y="176"/>
                </a:cubicBezTo>
                <a:cubicBezTo>
                  <a:pt x="96" y="177"/>
                  <a:pt x="100" y="175"/>
                  <a:pt x="104" y="173"/>
                </a:cubicBezTo>
                <a:cubicBezTo>
                  <a:pt x="106" y="170"/>
                  <a:pt x="108" y="166"/>
                  <a:pt x="108" y="163"/>
                </a:cubicBezTo>
                <a:cubicBezTo>
                  <a:pt x="108" y="162"/>
                  <a:pt x="108" y="161"/>
                  <a:pt x="108" y="161"/>
                </a:cubicBezTo>
                <a:cubicBezTo>
                  <a:pt x="108" y="161"/>
                  <a:pt x="103" y="124"/>
                  <a:pt x="98" y="94"/>
                </a:cubicBezTo>
                <a:cubicBezTo>
                  <a:pt x="140" y="113"/>
                  <a:pt x="213" y="119"/>
                  <a:pt x="261" y="119"/>
                </a:cubicBezTo>
                <a:cubicBezTo>
                  <a:pt x="340" y="119"/>
                  <a:pt x="395" y="100"/>
                  <a:pt x="425" y="8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2" name="Freeform 437"/>
          <p:cNvSpPr>
            <a:spLocks/>
          </p:cNvSpPr>
          <p:nvPr userDrawn="1"/>
        </p:nvSpPr>
        <p:spPr bwMode="auto">
          <a:xfrm>
            <a:off x="6341532" y="2391786"/>
            <a:ext cx="414337" cy="500063"/>
          </a:xfrm>
          <a:custGeom>
            <a:avLst/>
            <a:gdLst/>
            <a:ahLst/>
            <a:cxnLst>
              <a:cxn ang="0">
                <a:pos x="0" y="183"/>
              </a:cxn>
              <a:cxn ang="0">
                <a:pos x="0" y="183"/>
              </a:cxn>
              <a:cxn ang="0">
                <a:pos x="0" y="199"/>
              </a:cxn>
              <a:cxn ang="0">
                <a:pos x="14" y="212"/>
              </a:cxn>
              <a:cxn ang="0">
                <a:pos x="27" y="199"/>
              </a:cxn>
              <a:cxn ang="0">
                <a:pos x="55" y="170"/>
              </a:cxn>
              <a:cxn ang="0">
                <a:pos x="84" y="199"/>
              </a:cxn>
              <a:cxn ang="0">
                <a:pos x="97" y="212"/>
              </a:cxn>
              <a:cxn ang="0">
                <a:pos x="110" y="199"/>
              </a:cxn>
              <a:cxn ang="0">
                <a:pos x="55" y="144"/>
              </a:cxn>
              <a:cxn ang="0">
                <a:pos x="30" y="150"/>
              </a:cxn>
              <a:cxn ang="0">
                <a:pos x="183" y="26"/>
              </a:cxn>
              <a:cxn ang="0">
                <a:pos x="335" y="149"/>
              </a:cxn>
              <a:cxn ang="0">
                <a:pos x="312" y="144"/>
              </a:cxn>
              <a:cxn ang="0">
                <a:pos x="271" y="163"/>
              </a:cxn>
              <a:cxn ang="0">
                <a:pos x="229" y="144"/>
              </a:cxn>
              <a:cxn ang="0">
                <a:pos x="174" y="199"/>
              </a:cxn>
              <a:cxn ang="0">
                <a:pos x="174" y="388"/>
              </a:cxn>
              <a:cxn ang="0">
                <a:pos x="146" y="416"/>
              </a:cxn>
              <a:cxn ang="0">
                <a:pos x="132" y="430"/>
              </a:cxn>
              <a:cxn ang="0">
                <a:pos x="146" y="443"/>
              </a:cxn>
              <a:cxn ang="0">
                <a:pos x="201" y="388"/>
              </a:cxn>
              <a:cxn ang="0">
                <a:pos x="201" y="199"/>
              </a:cxn>
              <a:cxn ang="0">
                <a:pos x="229" y="170"/>
              </a:cxn>
              <a:cxn ang="0">
                <a:pos x="257" y="199"/>
              </a:cxn>
              <a:cxn ang="0">
                <a:pos x="271" y="212"/>
              </a:cxn>
              <a:cxn ang="0">
                <a:pos x="284" y="199"/>
              </a:cxn>
              <a:cxn ang="0">
                <a:pos x="312" y="170"/>
              </a:cxn>
              <a:cxn ang="0">
                <a:pos x="340" y="198"/>
              </a:cxn>
              <a:cxn ang="0">
                <a:pos x="340" y="199"/>
              </a:cxn>
              <a:cxn ang="0">
                <a:pos x="354" y="212"/>
              </a:cxn>
              <a:cxn ang="0">
                <a:pos x="367" y="199"/>
              </a:cxn>
              <a:cxn ang="0">
                <a:pos x="367" y="197"/>
              </a:cxn>
              <a:cxn ang="0">
                <a:pos x="367" y="198"/>
              </a:cxn>
              <a:cxn ang="0">
                <a:pos x="367" y="197"/>
              </a:cxn>
              <a:cxn ang="0">
                <a:pos x="367" y="192"/>
              </a:cxn>
              <a:cxn ang="0">
                <a:pos x="366" y="182"/>
              </a:cxn>
              <a:cxn ang="0">
                <a:pos x="183" y="0"/>
              </a:cxn>
              <a:cxn ang="0">
                <a:pos x="0" y="183"/>
              </a:cxn>
            </a:cxnLst>
            <a:rect l="0" t="0" r="r" b="b"/>
            <a:pathLst>
              <a:path w="367" h="443">
                <a:moveTo>
                  <a:pt x="0" y="183"/>
                </a:moveTo>
                <a:cubicBezTo>
                  <a:pt x="0" y="183"/>
                  <a:pt x="0" y="183"/>
                  <a:pt x="0" y="183"/>
                </a:cubicBezTo>
                <a:cubicBezTo>
                  <a:pt x="0" y="199"/>
                  <a:pt x="0" y="199"/>
                  <a:pt x="0" y="199"/>
                </a:cubicBezTo>
                <a:cubicBezTo>
                  <a:pt x="1" y="206"/>
                  <a:pt x="7" y="212"/>
                  <a:pt x="14" y="212"/>
                </a:cubicBezTo>
                <a:cubicBezTo>
                  <a:pt x="21" y="212"/>
                  <a:pt x="27" y="206"/>
                  <a:pt x="27" y="199"/>
                </a:cubicBezTo>
                <a:cubicBezTo>
                  <a:pt x="27" y="183"/>
                  <a:pt x="40" y="170"/>
                  <a:pt x="55" y="170"/>
                </a:cubicBezTo>
                <a:cubicBezTo>
                  <a:pt x="71" y="170"/>
                  <a:pt x="84" y="183"/>
                  <a:pt x="84" y="199"/>
                </a:cubicBezTo>
                <a:cubicBezTo>
                  <a:pt x="84" y="206"/>
                  <a:pt x="90" y="212"/>
                  <a:pt x="97" y="212"/>
                </a:cubicBezTo>
                <a:cubicBezTo>
                  <a:pt x="104" y="212"/>
                  <a:pt x="110" y="206"/>
                  <a:pt x="110" y="199"/>
                </a:cubicBezTo>
                <a:cubicBezTo>
                  <a:pt x="110" y="168"/>
                  <a:pt x="86" y="144"/>
                  <a:pt x="55" y="144"/>
                </a:cubicBezTo>
                <a:cubicBezTo>
                  <a:pt x="46" y="144"/>
                  <a:pt x="38" y="146"/>
                  <a:pt x="30" y="150"/>
                </a:cubicBezTo>
                <a:cubicBezTo>
                  <a:pt x="45" y="79"/>
                  <a:pt x="108" y="26"/>
                  <a:pt x="183" y="26"/>
                </a:cubicBezTo>
                <a:cubicBezTo>
                  <a:pt x="257" y="26"/>
                  <a:pt x="320" y="79"/>
                  <a:pt x="335" y="149"/>
                </a:cubicBezTo>
                <a:cubicBezTo>
                  <a:pt x="328" y="145"/>
                  <a:pt x="320" y="144"/>
                  <a:pt x="312" y="144"/>
                </a:cubicBezTo>
                <a:cubicBezTo>
                  <a:pt x="295" y="144"/>
                  <a:pt x="281" y="151"/>
                  <a:pt x="271" y="163"/>
                </a:cubicBezTo>
                <a:cubicBezTo>
                  <a:pt x="261" y="151"/>
                  <a:pt x="246" y="144"/>
                  <a:pt x="229" y="144"/>
                </a:cubicBezTo>
                <a:cubicBezTo>
                  <a:pt x="199" y="144"/>
                  <a:pt x="174" y="168"/>
                  <a:pt x="174" y="199"/>
                </a:cubicBezTo>
                <a:cubicBezTo>
                  <a:pt x="174" y="388"/>
                  <a:pt x="174" y="388"/>
                  <a:pt x="174" y="388"/>
                </a:cubicBezTo>
                <a:cubicBezTo>
                  <a:pt x="174" y="404"/>
                  <a:pt x="161" y="416"/>
                  <a:pt x="146" y="416"/>
                </a:cubicBezTo>
                <a:cubicBezTo>
                  <a:pt x="138" y="416"/>
                  <a:pt x="132" y="422"/>
                  <a:pt x="132" y="430"/>
                </a:cubicBezTo>
                <a:cubicBezTo>
                  <a:pt x="132" y="437"/>
                  <a:pt x="138" y="443"/>
                  <a:pt x="146" y="443"/>
                </a:cubicBezTo>
                <a:cubicBezTo>
                  <a:pt x="176" y="443"/>
                  <a:pt x="201" y="418"/>
                  <a:pt x="201" y="388"/>
                </a:cubicBezTo>
                <a:cubicBezTo>
                  <a:pt x="201" y="199"/>
                  <a:pt x="201" y="199"/>
                  <a:pt x="201" y="199"/>
                </a:cubicBezTo>
                <a:cubicBezTo>
                  <a:pt x="201" y="183"/>
                  <a:pt x="213" y="170"/>
                  <a:pt x="229" y="170"/>
                </a:cubicBezTo>
                <a:cubicBezTo>
                  <a:pt x="245" y="170"/>
                  <a:pt x="257" y="183"/>
                  <a:pt x="257" y="199"/>
                </a:cubicBezTo>
                <a:cubicBezTo>
                  <a:pt x="257" y="206"/>
                  <a:pt x="263" y="212"/>
                  <a:pt x="271" y="212"/>
                </a:cubicBezTo>
                <a:cubicBezTo>
                  <a:pt x="278" y="212"/>
                  <a:pt x="284" y="206"/>
                  <a:pt x="284" y="199"/>
                </a:cubicBezTo>
                <a:cubicBezTo>
                  <a:pt x="284" y="183"/>
                  <a:pt x="296" y="170"/>
                  <a:pt x="312" y="170"/>
                </a:cubicBezTo>
                <a:cubicBezTo>
                  <a:pt x="327" y="170"/>
                  <a:pt x="340" y="182"/>
                  <a:pt x="340" y="198"/>
                </a:cubicBezTo>
                <a:cubicBezTo>
                  <a:pt x="340" y="198"/>
                  <a:pt x="340" y="199"/>
                  <a:pt x="340" y="199"/>
                </a:cubicBezTo>
                <a:cubicBezTo>
                  <a:pt x="341" y="207"/>
                  <a:pt x="347" y="212"/>
                  <a:pt x="354" y="212"/>
                </a:cubicBezTo>
                <a:cubicBezTo>
                  <a:pt x="361" y="212"/>
                  <a:pt x="367" y="206"/>
                  <a:pt x="367" y="199"/>
                </a:cubicBezTo>
                <a:cubicBezTo>
                  <a:pt x="367" y="198"/>
                  <a:pt x="367" y="198"/>
                  <a:pt x="367" y="197"/>
                </a:cubicBezTo>
                <a:cubicBezTo>
                  <a:pt x="367" y="198"/>
                  <a:pt x="367" y="198"/>
                  <a:pt x="367" y="198"/>
                </a:cubicBezTo>
                <a:cubicBezTo>
                  <a:pt x="367" y="198"/>
                  <a:pt x="367" y="197"/>
                  <a:pt x="367" y="197"/>
                </a:cubicBezTo>
                <a:cubicBezTo>
                  <a:pt x="367" y="195"/>
                  <a:pt x="367" y="194"/>
                  <a:pt x="367" y="192"/>
                </a:cubicBezTo>
                <a:cubicBezTo>
                  <a:pt x="366" y="188"/>
                  <a:pt x="366" y="182"/>
                  <a:pt x="366" y="182"/>
                </a:cubicBezTo>
                <a:cubicBezTo>
                  <a:pt x="365" y="81"/>
                  <a:pt x="284" y="0"/>
                  <a:pt x="183" y="0"/>
                </a:cubicBezTo>
                <a:cubicBezTo>
                  <a:pt x="82" y="0"/>
                  <a:pt x="0" y="82"/>
                  <a:pt x="0" y="18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3" name="Freeform 453"/>
          <p:cNvSpPr>
            <a:spLocks/>
          </p:cNvSpPr>
          <p:nvPr userDrawn="1"/>
        </p:nvSpPr>
        <p:spPr bwMode="auto">
          <a:xfrm>
            <a:off x="6289938" y="1835055"/>
            <a:ext cx="517525" cy="338137"/>
          </a:xfrm>
          <a:custGeom>
            <a:avLst/>
            <a:gdLst/>
            <a:ahLst/>
            <a:cxnLst>
              <a:cxn ang="0">
                <a:pos x="10" y="68"/>
              </a:cxn>
              <a:cxn ang="0">
                <a:pos x="0" y="165"/>
              </a:cxn>
              <a:cxn ang="0">
                <a:pos x="48" y="198"/>
              </a:cxn>
              <a:cxn ang="0">
                <a:pos x="68" y="186"/>
              </a:cxn>
              <a:cxn ang="0">
                <a:pos x="73" y="136"/>
              </a:cxn>
              <a:cxn ang="0">
                <a:pos x="79" y="215"/>
              </a:cxn>
              <a:cxn ang="0">
                <a:pos x="125" y="234"/>
              </a:cxn>
              <a:cxn ang="0">
                <a:pos x="132" y="168"/>
              </a:cxn>
              <a:cxn ang="0">
                <a:pos x="137" y="240"/>
              </a:cxn>
              <a:cxn ang="0">
                <a:pos x="226" y="297"/>
              </a:cxn>
              <a:cxn ang="0">
                <a:pos x="375" y="219"/>
              </a:cxn>
              <a:cxn ang="0">
                <a:pos x="382" y="196"/>
              </a:cxn>
              <a:cxn ang="0">
                <a:pos x="404" y="144"/>
              </a:cxn>
              <a:cxn ang="0">
                <a:pos x="331" y="145"/>
              </a:cxn>
              <a:cxn ang="0">
                <a:pos x="346" y="171"/>
              </a:cxn>
              <a:cxn ang="0">
                <a:pos x="358" y="147"/>
              </a:cxn>
              <a:cxn ang="0">
                <a:pos x="377" y="144"/>
              </a:cxn>
              <a:cxn ang="0">
                <a:pos x="366" y="174"/>
              </a:cxn>
              <a:cxn ang="0">
                <a:pos x="355" y="200"/>
              </a:cxn>
              <a:cxn ang="0">
                <a:pos x="164" y="232"/>
              </a:cxn>
              <a:cxn ang="0">
                <a:pos x="157" y="151"/>
              </a:cxn>
              <a:cxn ang="0">
                <a:pos x="112" y="135"/>
              </a:cxn>
              <a:cxn ang="0">
                <a:pos x="105" y="199"/>
              </a:cxn>
              <a:cxn ang="0">
                <a:pos x="99" y="128"/>
              </a:cxn>
              <a:cxn ang="0">
                <a:pos x="60" y="100"/>
              </a:cxn>
              <a:cxn ang="0">
                <a:pos x="41" y="112"/>
              </a:cxn>
              <a:cxn ang="0">
                <a:pos x="27" y="157"/>
              </a:cxn>
              <a:cxn ang="0">
                <a:pos x="242" y="27"/>
              </a:cxn>
              <a:cxn ang="0">
                <a:pos x="432" y="163"/>
              </a:cxn>
              <a:cxn ang="0">
                <a:pos x="459" y="163"/>
              </a:cxn>
              <a:cxn ang="0">
                <a:pos x="449" y="61"/>
              </a:cxn>
              <a:cxn ang="0">
                <a:pos x="238" y="0"/>
              </a:cxn>
            </a:cxnLst>
            <a:rect l="0" t="0" r="r" b="b"/>
            <a:pathLst>
              <a:path w="459" h="299">
                <a:moveTo>
                  <a:pt x="238" y="0"/>
                </a:moveTo>
                <a:cubicBezTo>
                  <a:pt x="10" y="68"/>
                  <a:pt x="10" y="68"/>
                  <a:pt x="10" y="68"/>
                </a:cubicBezTo>
                <a:cubicBezTo>
                  <a:pt x="4" y="70"/>
                  <a:pt x="0" y="75"/>
                  <a:pt x="0" y="81"/>
                </a:cubicBezTo>
                <a:cubicBezTo>
                  <a:pt x="0" y="165"/>
                  <a:pt x="0" y="165"/>
                  <a:pt x="0" y="165"/>
                </a:cubicBezTo>
                <a:cubicBezTo>
                  <a:pt x="0" y="170"/>
                  <a:pt x="3" y="175"/>
                  <a:pt x="7" y="177"/>
                </a:cubicBezTo>
                <a:cubicBezTo>
                  <a:pt x="48" y="198"/>
                  <a:pt x="48" y="198"/>
                  <a:pt x="48" y="198"/>
                </a:cubicBezTo>
                <a:cubicBezTo>
                  <a:pt x="52" y="200"/>
                  <a:pt x="57" y="200"/>
                  <a:pt x="61" y="198"/>
                </a:cubicBezTo>
                <a:cubicBezTo>
                  <a:pt x="65" y="195"/>
                  <a:pt x="68" y="191"/>
                  <a:pt x="68" y="186"/>
                </a:cubicBezTo>
                <a:cubicBezTo>
                  <a:pt x="68" y="186"/>
                  <a:pt x="68" y="155"/>
                  <a:pt x="68" y="133"/>
                </a:cubicBezTo>
                <a:cubicBezTo>
                  <a:pt x="70" y="135"/>
                  <a:pt x="71" y="135"/>
                  <a:pt x="73" y="136"/>
                </a:cubicBezTo>
                <a:cubicBezTo>
                  <a:pt x="73" y="149"/>
                  <a:pt x="73" y="203"/>
                  <a:pt x="73" y="203"/>
                </a:cubicBezTo>
                <a:cubicBezTo>
                  <a:pt x="73" y="208"/>
                  <a:pt x="75" y="212"/>
                  <a:pt x="79" y="215"/>
                </a:cubicBezTo>
                <a:cubicBezTo>
                  <a:pt x="112" y="234"/>
                  <a:pt x="112" y="234"/>
                  <a:pt x="112" y="234"/>
                </a:cubicBezTo>
                <a:cubicBezTo>
                  <a:pt x="116" y="236"/>
                  <a:pt x="121" y="236"/>
                  <a:pt x="125" y="234"/>
                </a:cubicBezTo>
                <a:cubicBezTo>
                  <a:pt x="129" y="231"/>
                  <a:pt x="132" y="227"/>
                  <a:pt x="132" y="222"/>
                </a:cubicBezTo>
                <a:cubicBezTo>
                  <a:pt x="132" y="222"/>
                  <a:pt x="132" y="190"/>
                  <a:pt x="132" y="168"/>
                </a:cubicBezTo>
                <a:cubicBezTo>
                  <a:pt x="134" y="170"/>
                  <a:pt x="135" y="170"/>
                  <a:pt x="137" y="171"/>
                </a:cubicBezTo>
                <a:cubicBezTo>
                  <a:pt x="137" y="184"/>
                  <a:pt x="137" y="240"/>
                  <a:pt x="137" y="240"/>
                </a:cubicBezTo>
                <a:cubicBezTo>
                  <a:pt x="137" y="245"/>
                  <a:pt x="140" y="249"/>
                  <a:pt x="144" y="252"/>
                </a:cubicBezTo>
                <a:cubicBezTo>
                  <a:pt x="226" y="297"/>
                  <a:pt x="226" y="297"/>
                  <a:pt x="226" y="297"/>
                </a:cubicBezTo>
                <a:cubicBezTo>
                  <a:pt x="230" y="299"/>
                  <a:pt x="235" y="299"/>
                  <a:pt x="239" y="297"/>
                </a:cubicBezTo>
                <a:cubicBezTo>
                  <a:pt x="375" y="219"/>
                  <a:pt x="375" y="219"/>
                  <a:pt x="375" y="219"/>
                </a:cubicBezTo>
                <a:cubicBezTo>
                  <a:pt x="380" y="217"/>
                  <a:pt x="382" y="213"/>
                  <a:pt x="382" y="208"/>
                </a:cubicBezTo>
                <a:cubicBezTo>
                  <a:pt x="382" y="208"/>
                  <a:pt x="382" y="202"/>
                  <a:pt x="382" y="196"/>
                </a:cubicBezTo>
                <a:cubicBezTo>
                  <a:pt x="394" y="187"/>
                  <a:pt x="402" y="171"/>
                  <a:pt x="404" y="150"/>
                </a:cubicBezTo>
                <a:cubicBezTo>
                  <a:pt x="404" y="148"/>
                  <a:pt x="404" y="146"/>
                  <a:pt x="404" y="144"/>
                </a:cubicBezTo>
                <a:cubicBezTo>
                  <a:pt x="404" y="117"/>
                  <a:pt x="390" y="96"/>
                  <a:pt x="371" y="94"/>
                </a:cubicBezTo>
                <a:cubicBezTo>
                  <a:pt x="350" y="93"/>
                  <a:pt x="333" y="115"/>
                  <a:pt x="331" y="145"/>
                </a:cubicBezTo>
                <a:cubicBezTo>
                  <a:pt x="331" y="150"/>
                  <a:pt x="331" y="155"/>
                  <a:pt x="331" y="159"/>
                </a:cubicBezTo>
                <a:cubicBezTo>
                  <a:pt x="332" y="166"/>
                  <a:pt x="338" y="172"/>
                  <a:pt x="346" y="171"/>
                </a:cubicBezTo>
                <a:cubicBezTo>
                  <a:pt x="353" y="170"/>
                  <a:pt x="358" y="164"/>
                  <a:pt x="358" y="156"/>
                </a:cubicBezTo>
                <a:cubicBezTo>
                  <a:pt x="357" y="153"/>
                  <a:pt x="357" y="150"/>
                  <a:pt x="358" y="147"/>
                </a:cubicBezTo>
                <a:cubicBezTo>
                  <a:pt x="359" y="129"/>
                  <a:pt x="367" y="121"/>
                  <a:pt x="369" y="121"/>
                </a:cubicBezTo>
                <a:cubicBezTo>
                  <a:pt x="371" y="121"/>
                  <a:pt x="377" y="129"/>
                  <a:pt x="377" y="144"/>
                </a:cubicBezTo>
                <a:cubicBezTo>
                  <a:pt x="377" y="146"/>
                  <a:pt x="377" y="147"/>
                  <a:pt x="377" y="148"/>
                </a:cubicBezTo>
                <a:cubicBezTo>
                  <a:pt x="376" y="164"/>
                  <a:pt x="369" y="174"/>
                  <a:pt x="366" y="174"/>
                </a:cubicBezTo>
                <a:cubicBezTo>
                  <a:pt x="360" y="176"/>
                  <a:pt x="355" y="181"/>
                  <a:pt x="355" y="187"/>
                </a:cubicBezTo>
                <a:cubicBezTo>
                  <a:pt x="355" y="187"/>
                  <a:pt x="355" y="194"/>
                  <a:pt x="355" y="200"/>
                </a:cubicBezTo>
                <a:cubicBezTo>
                  <a:pt x="344" y="207"/>
                  <a:pt x="243" y="264"/>
                  <a:pt x="232" y="270"/>
                </a:cubicBezTo>
                <a:cubicBezTo>
                  <a:pt x="222" y="265"/>
                  <a:pt x="175" y="238"/>
                  <a:pt x="164" y="232"/>
                </a:cubicBezTo>
                <a:cubicBezTo>
                  <a:pt x="164" y="220"/>
                  <a:pt x="164" y="163"/>
                  <a:pt x="164" y="163"/>
                </a:cubicBezTo>
                <a:cubicBezTo>
                  <a:pt x="164" y="158"/>
                  <a:pt x="161" y="154"/>
                  <a:pt x="157" y="151"/>
                </a:cubicBezTo>
                <a:cubicBezTo>
                  <a:pt x="125" y="134"/>
                  <a:pt x="125" y="134"/>
                  <a:pt x="125" y="134"/>
                </a:cubicBezTo>
                <a:cubicBezTo>
                  <a:pt x="121" y="132"/>
                  <a:pt x="116" y="132"/>
                  <a:pt x="112" y="135"/>
                </a:cubicBezTo>
                <a:cubicBezTo>
                  <a:pt x="108" y="137"/>
                  <a:pt x="105" y="142"/>
                  <a:pt x="105" y="146"/>
                </a:cubicBezTo>
                <a:cubicBezTo>
                  <a:pt x="105" y="146"/>
                  <a:pt x="105" y="177"/>
                  <a:pt x="105" y="199"/>
                </a:cubicBezTo>
                <a:cubicBezTo>
                  <a:pt x="102" y="197"/>
                  <a:pt x="101" y="197"/>
                  <a:pt x="99" y="196"/>
                </a:cubicBezTo>
                <a:cubicBezTo>
                  <a:pt x="99" y="183"/>
                  <a:pt x="99" y="128"/>
                  <a:pt x="99" y="128"/>
                </a:cubicBezTo>
                <a:cubicBezTo>
                  <a:pt x="99" y="123"/>
                  <a:pt x="96" y="118"/>
                  <a:pt x="92" y="116"/>
                </a:cubicBezTo>
                <a:cubicBezTo>
                  <a:pt x="60" y="100"/>
                  <a:pt x="60" y="100"/>
                  <a:pt x="60" y="100"/>
                </a:cubicBezTo>
                <a:cubicBezTo>
                  <a:pt x="56" y="98"/>
                  <a:pt x="51" y="98"/>
                  <a:pt x="47" y="101"/>
                </a:cubicBezTo>
                <a:cubicBezTo>
                  <a:pt x="44" y="103"/>
                  <a:pt x="41" y="107"/>
                  <a:pt x="41" y="112"/>
                </a:cubicBezTo>
                <a:cubicBezTo>
                  <a:pt x="41" y="112"/>
                  <a:pt x="41" y="143"/>
                  <a:pt x="41" y="164"/>
                </a:cubicBezTo>
                <a:cubicBezTo>
                  <a:pt x="34" y="161"/>
                  <a:pt x="31" y="159"/>
                  <a:pt x="27" y="157"/>
                </a:cubicBezTo>
                <a:cubicBezTo>
                  <a:pt x="27" y="145"/>
                  <a:pt x="27" y="105"/>
                  <a:pt x="27" y="91"/>
                </a:cubicBezTo>
                <a:cubicBezTo>
                  <a:pt x="44" y="86"/>
                  <a:pt x="235" y="29"/>
                  <a:pt x="242" y="27"/>
                </a:cubicBezTo>
                <a:cubicBezTo>
                  <a:pt x="249" y="29"/>
                  <a:pt x="415" y="78"/>
                  <a:pt x="432" y="83"/>
                </a:cubicBezTo>
                <a:cubicBezTo>
                  <a:pt x="432" y="99"/>
                  <a:pt x="432" y="163"/>
                  <a:pt x="432" y="163"/>
                </a:cubicBezTo>
                <a:cubicBezTo>
                  <a:pt x="432" y="171"/>
                  <a:pt x="438" y="176"/>
                  <a:pt x="445" y="176"/>
                </a:cubicBezTo>
                <a:cubicBezTo>
                  <a:pt x="453" y="176"/>
                  <a:pt x="459" y="171"/>
                  <a:pt x="459" y="163"/>
                </a:cubicBezTo>
                <a:cubicBezTo>
                  <a:pt x="459" y="73"/>
                  <a:pt x="459" y="73"/>
                  <a:pt x="459" y="73"/>
                </a:cubicBezTo>
                <a:cubicBezTo>
                  <a:pt x="459" y="68"/>
                  <a:pt x="455" y="62"/>
                  <a:pt x="449" y="61"/>
                </a:cubicBezTo>
                <a:cubicBezTo>
                  <a:pt x="246" y="0"/>
                  <a:pt x="246" y="0"/>
                  <a:pt x="246" y="0"/>
                </a:cubicBezTo>
                <a:cubicBezTo>
                  <a:pt x="243" y="0"/>
                  <a:pt x="240" y="0"/>
                  <a:pt x="238" y="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4" name="Freeform 461"/>
          <p:cNvSpPr>
            <a:spLocks noEditPoints="1"/>
          </p:cNvSpPr>
          <p:nvPr userDrawn="1"/>
        </p:nvSpPr>
        <p:spPr bwMode="auto">
          <a:xfrm>
            <a:off x="6392331" y="2995721"/>
            <a:ext cx="312738" cy="504825"/>
          </a:xfrm>
          <a:custGeom>
            <a:avLst/>
            <a:gdLst/>
            <a:ahLst/>
            <a:cxnLst>
              <a:cxn ang="0">
                <a:pos x="85" y="1"/>
              </a:cxn>
              <a:cxn ang="0">
                <a:pos x="71" y="7"/>
              </a:cxn>
              <a:cxn ang="0">
                <a:pos x="64" y="24"/>
              </a:cxn>
              <a:cxn ang="0">
                <a:pos x="81" y="31"/>
              </a:cxn>
              <a:cxn ang="0">
                <a:pos x="92" y="27"/>
              </a:cxn>
              <a:cxn ang="0">
                <a:pos x="220" y="43"/>
              </a:cxn>
              <a:cxn ang="0">
                <a:pos x="180" y="63"/>
              </a:cxn>
              <a:cxn ang="0">
                <a:pos x="15" y="40"/>
              </a:cxn>
              <a:cxn ang="0">
                <a:pos x="5" y="43"/>
              </a:cxn>
              <a:cxn ang="0">
                <a:pos x="0" y="53"/>
              </a:cxn>
              <a:cxn ang="0">
                <a:pos x="0" y="385"/>
              </a:cxn>
              <a:cxn ang="0">
                <a:pos x="10" y="397"/>
              </a:cxn>
              <a:cxn ang="0">
                <a:pos x="121" y="432"/>
              </a:cxn>
              <a:cxn ang="0">
                <a:pos x="137" y="423"/>
              </a:cxn>
              <a:cxn ang="0">
                <a:pos x="138" y="419"/>
              </a:cxn>
              <a:cxn ang="0">
                <a:pos x="129" y="407"/>
              </a:cxn>
              <a:cxn ang="0">
                <a:pos x="27" y="375"/>
              </a:cxn>
              <a:cxn ang="0">
                <a:pos x="27" y="68"/>
              </a:cxn>
              <a:cxn ang="0">
                <a:pos x="169" y="88"/>
              </a:cxn>
              <a:cxn ang="0">
                <a:pos x="170" y="435"/>
              </a:cxn>
              <a:cxn ang="0">
                <a:pos x="177" y="447"/>
              </a:cxn>
              <a:cxn ang="0">
                <a:pos x="191" y="446"/>
              </a:cxn>
              <a:cxn ang="0">
                <a:pos x="273" y="391"/>
              </a:cxn>
              <a:cxn ang="0">
                <a:pos x="278" y="380"/>
              </a:cxn>
              <a:cxn ang="0">
                <a:pos x="278" y="35"/>
              </a:cxn>
              <a:cxn ang="0">
                <a:pos x="278" y="35"/>
              </a:cxn>
              <a:cxn ang="0">
                <a:pos x="278" y="33"/>
              </a:cxn>
              <a:cxn ang="0">
                <a:pos x="278" y="32"/>
              </a:cxn>
              <a:cxn ang="0">
                <a:pos x="277" y="30"/>
              </a:cxn>
              <a:cxn ang="0">
                <a:pos x="277" y="29"/>
              </a:cxn>
              <a:cxn ang="0">
                <a:pos x="276" y="28"/>
              </a:cxn>
              <a:cxn ang="0">
                <a:pos x="276" y="27"/>
              </a:cxn>
              <a:cxn ang="0">
                <a:pos x="274" y="26"/>
              </a:cxn>
              <a:cxn ang="0">
                <a:pos x="274" y="25"/>
              </a:cxn>
              <a:cxn ang="0">
                <a:pos x="274" y="25"/>
              </a:cxn>
              <a:cxn ang="0">
                <a:pos x="273" y="24"/>
              </a:cxn>
              <a:cxn ang="0">
                <a:pos x="272" y="24"/>
              </a:cxn>
              <a:cxn ang="0">
                <a:pos x="271" y="23"/>
              </a:cxn>
              <a:cxn ang="0">
                <a:pos x="270" y="23"/>
              </a:cxn>
              <a:cxn ang="0">
                <a:pos x="268" y="22"/>
              </a:cxn>
              <a:cxn ang="0">
                <a:pos x="267" y="22"/>
              </a:cxn>
              <a:cxn ang="0">
                <a:pos x="267" y="22"/>
              </a:cxn>
              <a:cxn ang="0">
                <a:pos x="91" y="0"/>
              </a:cxn>
              <a:cxn ang="0">
                <a:pos x="85" y="1"/>
              </a:cxn>
              <a:cxn ang="0">
                <a:pos x="240" y="63"/>
              </a:cxn>
              <a:cxn ang="0">
                <a:pos x="225" y="102"/>
              </a:cxn>
              <a:cxn ang="0">
                <a:pos x="204" y="80"/>
              </a:cxn>
              <a:cxn ang="0">
                <a:pos x="240" y="63"/>
              </a:cxn>
              <a:cxn ang="0">
                <a:pos x="232" y="140"/>
              </a:cxn>
              <a:cxn ang="0">
                <a:pos x="242" y="132"/>
              </a:cxn>
              <a:cxn ang="0">
                <a:pos x="252" y="106"/>
              </a:cxn>
              <a:cxn ang="0">
                <a:pos x="252" y="373"/>
              </a:cxn>
              <a:cxn ang="0">
                <a:pos x="196" y="410"/>
              </a:cxn>
              <a:cxn ang="0">
                <a:pos x="196" y="110"/>
              </a:cxn>
              <a:cxn ang="0">
                <a:pos x="219" y="136"/>
              </a:cxn>
              <a:cxn ang="0">
                <a:pos x="232" y="140"/>
              </a:cxn>
            </a:cxnLst>
            <a:rect l="0" t="0" r="r" b="b"/>
            <a:pathLst>
              <a:path w="278" h="449">
                <a:moveTo>
                  <a:pt x="85" y="1"/>
                </a:moveTo>
                <a:cubicBezTo>
                  <a:pt x="71" y="7"/>
                  <a:pt x="71" y="7"/>
                  <a:pt x="71" y="7"/>
                </a:cubicBezTo>
                <a:cubicBezTo>
                  <a:pt x="64" y="10"/>
                  <a:pt x="61" y="18"/>
                  <a:pt x="64" y="24"/>
                </a:cubicBezTo>
                <a:cubicBezTo>
                  <a:pt x="67" y="31"/>
                  <a:pt x="74" y="34"/>
                  <a:pt x="81" y="31"/>
                </a:cubicBezTo>
                <a:cubicBezTo>
                  <a:pt x="81" y="31"/>
                  <a:pt x="88" y="29"/>
                  <a:pt x="92" y="27"/>
                </a:cubicBezTo>
                <a:cubicBezTo>
                  <a:pt x="97" y="28"/>
                  <a:pt x="172" y="37"/>
                  <a:pt x="220" y="43"/>
                </a:cubicBezTo>
                <a:cubicBezTo>
                  <a:pt x="200" y="53"/>
                  <a:pt x="184" y="61"/>
                  <a:pt x="180" y="63"/>
                </a:cubicBezTo>
                <a:cubicBezTo>
                  <a:pt x="173" y="62"/>
                  <a:pt x="15" y="40"/>
                  <a:pt x="15" y="40"/>
                </a:cubicBezTo>
                <a:cubicBezTo>
                  <a:pt x="12" y="39"/>
                  <a:pt x="8" y="40"/>
                  <a:pt x="5" y="43"/>
                </a:cubicBezTo>
                <a:cubicBezTo>
                  <a:pt x="2" y="45"/>
                  <a:pt x="0" y="49"/>
                  <a:pt x="0" y="53"/>
                </a:cubicBezTo>
                <a:cubicBezTo>
                  <a:pt x="0" y="385"/>
                  <a:pt x="0" y="385"/>
                  <a:pt x="0" y="385"/>
                </a:cubicBezTo>
                <a:cubicBezTo>
                  <a:pt x="0" y="390"/>
                  <a:pt x="4" y="396"/>
                  <a:pt x="10" y="397"/>
                </a:cubicBezTo>
                <a:cubicBezTo>
                  <a:pt x="121" y="432"/>
                  <a:pt x="121" y="432"/>
                  <a:pt x="121" y="432"/>
                </a:cubicBezTo>
                <a:cubicBezTo>
                  <a:pt x="128" y="434"/>
                  <a:pt x="135" y="430"/>
                  <a:pt x="137" y="423"/>
                </a:cubicBezTo>
                <a:cubicBezTo>
                  <a:pt x="138" y="422"/>
                  <a:pt x="138" y="421"/>
                  <a:pt x="138" y="419"/>
                </a:cubicBezTo>
                <a:cubicBezTo>
                  <a:pt x="138" y="414"/>
                  <a:pt x="134" y="408"/>
                  <a:pt x="129" y="407"/>
                </a:cubicBezTo>
                <a:cubicBezTo>
                  <a:pt x="129" y="407"/>
                  <a:pt x="43" y="380"/>
                  <a:pt x="27" y="375"/>
                </a:cubicBezTo>
                <a:cubicBezTo>
                  <a:pt x="27" y="357"/>
                  <a:pt x="27" y="95"/>
                  <a:pt x="27" y="68"/>
                </a:cubicBezTo>
                <a:cubicBezTo>
                  <a:pt x="50" y="71"/>
                  <a:pt x="151" y="85"/>
                  <a:pt x="169" y="88"/>
                </a:cubicBezTo>
                <a:cubicBezTo>
                  <a:pt x="169" y="110"/>
                  <a:pt x="170" y="435"/>
                  <a:pt x="170" y="435"/>
                </a:cubicBezTo>
                <a:cubicBezTo>
                  <a:pt x="170" y="440"/>
                  <a:pt x="173" y="445"/>
                  <a:pt x="177" y="447"/>
                </a:cubicBezTo>
                <a:cubicBezTo>
                  <a:pt x="181" y="449"/>
                  <a:pt x="187" y="449"/>
                  <a:pt x="191" y="446"/>
                </a:cubicBezTo>
                <a:cubicBezTo>
                  <a:pt x="273" y="391"/>
                  <a:pt x="273" y="391"/>
                  <a:pt x="273" y="391"/>
                </a:cubicBezTo>
                <a:cubicBezTo>
                  <a:pt x="276" y="389"/>
                  <a:pt x="278" y="384"/>
                  <a:pt x="278" y="380"/>
                </a:cubicBezTo>
                <a:cubicBezTo>
                  <a:pt x="278" y="380"/>
                  <a:pt x="278" y="35"/>
                  <a:pt x="278" y="35"/>
                </a:cubicBezTo>
                <a:cubicBezTo>
                  <a:pt x="278" y="35"/>
                  <a:pt x="278" y="35"/>
                  <a:pt x="278" y="35"/>
                </a:cubicBezTo>
                <a:cubicBezTo>
                  <a:pt x="278" y="34"/>
                  <a:pt x="278" y="33"/>
                  <a:pt x="278" y="33"/>
                </a:cubicBezTo>
                <a:cubicBezTo>
                  <a:pt x="278" y="32"/>
                  <a:pt x="278" y="32"/>
                  <a:pt x="278" y="32"/>
                </a:cubicBezTo>
                <a:cubicBezTo>
                  <a:pt x="278" y="31"/>
                  <a:pt x="278" y="31"/>
                  <a:pt x="277" y="30"/>
                </a:cubicBezTo>
                <a:cubicBezTo>
                  <a:pt x="277" y="30"/>
                  <a:pt x="277" y="29"/>
                  <a:pt x="277" y="29"/>
                </a:cubicBezTo>
                <a:cubicBezTo>
                  <a:pt x="277" y="29"/>
                  <a:pt x="276" y="28"/>
                  <a:pt x="276" y="28"/>
                </a:cubicBezTo>
                <a:cubicBezTo>
                  <a:pt x="276" y="27"/>
                  <a:pt x="276" y="27"/>
                  <a:pt x="276" y="27"/>
                </a:cubicBezTo>
                <a:cubicBezTo>
                  <a:pt x="275" y="27"/>
                  <a:pt x="275" y="26"/>
                  <a:pt x="274" y="26"/>
                </a:cubicBezTo>
                <a:cubicBezTo>
                  <a:pt x="274" y="26"/>
                  <a:pt x="274" y="25"/>
                  <a:pt x="274" y="25"/>
                </a:cubicBezTo>
                <a:cubicBezTo>
                  <a:pt x="274" y="25"/>
                  <a:pt x="274" y="25"/>
                  <a:pt x="274" y="25"/>
                </a:cubicBezTo>
                <a:cubicBezTo>
                  <a:pt x="273" y="25"/>
                  <a:pt x="273" y="24"/>
                  <a:pt x="273" y="24"/>
                </a:cubicBezTo>
                <a:cubicBezTo>
                  <a:pt x="272" y="24"/>
                  <a:pt x="272" y="24"/>
                  <a:pt x="272" y="24"/>
                </a:cubicBezTo>
                <a:cubicBezTo>
                  <a:pt x="271" y="23"/>
                  <a:pt x="271" y="23"/>
                  <a:pt x="271" y="23"/>
                </a:cubicBezTo>
                <a:cubicBezTo>
                  <a:pt x="270" y="23"/>
                  <a:pt x="270" y="23"/>
                  <a:pt x="270" y="23"/>
                </a:cubicBezTo>
                <a:cubicBezTo>
                  <a:pt x="269" y="22"/>
                  <a:pt x="269" y="22"/>
                  <a:pt x="268" y="22"/>
                </a:cubicBezTo>
                <a:cubicBezTo>
                  <a:pt x="268" y="22"/>
                  <a:pt x="268" y="22"/>
                  <a:pt x="267" y="22"/>
                </a:cubicBezTo>
                <a:cubicBezTo>
                  <a:pt x="267" y="22"/>
                  <a:pt x="267" y="22"/>
                  <a:pt x="267" y="22"/>
                </a:cubicBezTo>
                <a:cubicBezTo>
                  <a:pt x="91" y="0"/>
                  <a:pt x="91" y="0"/>
                  <a:pt x="91" y="0"/>
                </a:cubicBezTo>
                <a:cubicBezTo>
                  <a:pt x="89" y="0"/>
                  <a:pt x="87" y="0"/>
                  <a:pt x="85" y="1"/>
                </a:cubicBezTo>
                <a:close/>
                <a:moveTo>
                  <a:pt x="240" y="63"/>
                </a:moveTo>
                <a:cubicBezTo>
                  <a:pt x="233" y="81"/>
                  <a:pt x="230" y="89"/>
                  <a:pt x="225" y="102"/>
                </a:cubicBezTo>
                <a:cubicBezTo>
                  <a:pt x="216" y="93"/>
                  <a:pt x="212" y="89"/>
                  <a:pt x="204" y="80"/>
                </a:cubicBezTo>
                <a:cubicBezTo>
                  <a:pt x="216" y="75"/>
                  <a:pt x="223" y="71"/>
                  <a:pt x="240" y="63"/>
                </a:cubicBezTo>
                <a:close/>
                <a:moveTo>
                  <a:pt x="232" y="140"/>
                </a:moveTo>
                <a:cubicBezTo>
                  <a:pt x="236" y="139"/>
                  <a:pt x="240" y="136"/>
                  <a:pt x="242" y="132"/>
                </a:cubicBezTo>
                <a:cubicBezTo>
                  <a:pt x="242" y="132"/>
                  <a:pt x="248" y="116"/>
                  <a:pt x="252" y="106"/>
                </a:cubicBezTo>
                <a:cubicBezTo>
                  <a:pt x="252" y="193"/>
                  <a:pt x="252" y="362"/>
                  <a:pt x="252" y="373"/>
                </a:cubicBezTo>
                <a:cubicBezTo>
                  <a:pt x="244" y="378"/>
                  <a:pt x="217" y="396"/>
                  <a:pt x="196" y="410"/>
                </a:cubicBezTo>
                <a:cubicBezTo>
                  <a:pt x="196" y="371"/>
                  <a:pt x="196" y="162"/>
                  <a:pt x="196" y="110"/>
                </a:cubicBezTo>
                <a:cubicBezTo>
                  <a:pt x="208" y="123"/>
                  <a:pt x="219" y="136"/>
                  <a:pt x="219" y="136"/>
                </a:cubicBezTo>
                <a:cubicBezTo>
                  <a:pt x="223" y="139"/>
                  <a:pt x="227" y="141"/>
                  <a:pt x="232" y="14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5" name="Freeform 489"/>
          <p:cNvSpPr>
            <a:spLocks/>
          </p:cNvSpPr>
          <p:nvPr userDrawn="1"/>
        </p:nvSpPr>
        <p:spPr bwMode="auto">
          <a:xfrm>
            <a:off x="6289938" y="3765210"/>
            <a:ext cx="517525" cy="342900"/>
          </a:xfrm>
          <a:custGeom>
            <a:avLst/>
            <a:gdLst/>
            <a:ahLst/>
            <a:cxnLst>
              <a:cxn ang="0">
                <a:pos x="223" y="2"/>
              </a:cxn>
              <a:cxn ang="0">
                <a:pos x="115" y="55"/>
              </a:cxn>
              <a:cxn ang="0">
                <a:pos x="26" y="68"/>
              </a:cxn>
              <a:cxn ang="0">
                <a:pos x="13" y="112"/>
              </a:cxn>
              <a:cxn ang="0">
                <a:pos x="13" y="139"/>
              </a:cxn>
              <a:cxn ang="0">
                <a:pos x="53" y="126"/>
              </a:cxn>
              <a:cxn ang="0">
                <a:pos x="102" y="82"/>
              </a:cxn>
              <a:cxn ang="0">
                <a:pos x="109" y="103"/>
              </a:cxn>
              <a:cxn ang="0">
                <a:pos x="234" y="26"/>
              </a:cxn>
              <a:cxn ang="0">
                <a:pos x="315" y="51"/>
              </a:cxn>
              <a:cxn ang="0">
                <a:pos x="432" y="64"/>
              </a:cxn>
              <a:cxn ang="0">
                <a:pos x="328" y="87"/>
              </a:cxn>
              <a:cxn ang="0">
                <a:pos x="315" y="101"/>
              </a:cxn>
              <a:cxn ang="0">
                <a:pos x="328" y="214"/>
              </a:cxn>
              <a:cxn ang="0">
                <a:pos x="432" y="237"/>
              </a:cxn>
              <a:cxn ang="0">
                <a:pos x="315" y="250"/>
              </a:cxn>
              <a:cxn ang="0">
                <a:pos x="234" y="278"/>
              </a:cxn>
              <a:cxn ang="0">
                <a:pos x="109" y="197"/>
              </a:cxn>
              <a:cxn ang="0">
                <a:pos x="102" y="219"/>
              </a:cxn>
              <a:cxn ang="0">
                <a:pos x="53" y="177"/>
              </a:cxn>
              <a:cxn ang="0">
                <a:pos x="39" y="164"/>
              </a:cxn>
              <a:cxn ang="0">
                <a:pos x="0" y="177"/>
              </a:cxn>
              <a:cxn ang="0">
                <a:pos x="26" y="190"/>
              </a:cxn>
              <a:cxn ang="0">
                <a:pos x="30" y="242"/>
              </a:cxn>
              <a:cxn ang="0">
                <a:pos x="115" y="246"/>
              </a:cxn>
              <a:cxn ang="0">
                <a:pos x="222" y="302"/>
              </a:cxn>
              <a:cxn ang="0">
                <a:pos x="328" y="305"/>
              </a:cxn>
              <a:cxn ang="0">
                <a:pos x="342" y="263"/>
              </a:cxn>
              <a:cxn ang="0">
                <a:pos x="459" y="250"/>
              </a:cxn>
              <a:cxn ang="0">
                <a:pos x="445" y="187"/>
              </a:cxn>
              <a:cxn ang="0">
                <a:pos x="342" y="114"/>
              </a:cxn>
              <a:cxn ang="0">
                <a:pos x="455" y="110"/>
              </a:cxn>
              <a:cxn ang="0">
                <a:pos x="459" y="51"/>
              </a:cxn>
              <a:cxn ang="0">
                <a:pos x="342" y="37"/>
              </a:cxn>
              <a:cxn ang="0">
                <a:pos x="328" y="0"/>
              </a:cxn>
            </a:cxnLst>
            <a:rect l="0" t="0" r="r" b="b"/>
            <a:pathLst>
              <a:path w="459" h="305">
                <a:moveTo>
                  <a:pt x="230" y="0"/>
                </a:moveTo>
                <a:cubicBezTo>
                  <a:pt x="227" y="0"/>
                  <a:pt x="225" y="1"/>
                  <a:pt x="223" y="2"/>
                </a:cubicBezTo>
                <a:cubicBezTo>
                  <a:pt x="223" y="2"/>
                  <a:pt x="156" y="47"/>
                  <a:pt x="128" y="66"/>
                </a:cubicBezTo>
                <a:cubicBezTo>
                  <a:pt x="127" y="60"/>
                  <a:pt x="122" y="55"/>
                  <a:pt x="115" y="55"/>
                </a:cubicBezTo>
                <a:cubicBezTo>
                  <a:pt x="39" y="55"/>
                  <a:pt x="39" y="55"/>
                  <a:pt x="39" y="55"/>
                </a:cubicBezTo>
                <a:cubicBezTo>
                  <a:pt x="32" y="55"/>
                  <a:pt x="26" y="61"/>
                  <a:pt x="26" y="68"/>
                </a:cubicBezTo>
                <a:cubicBezTo>
                  <a:pt x="26" y="68"/>
                  <a:pt x="26" y="97"/>
                  <a:pt x="26" y="112"/>
                </a:cubicBezTo>
                <a:cubicBezTo>
                  <a:pt x="20" y="112"/>
                  <a:pt x="13" y="112"/>
                  <a:pt x="13" y="112"/>
                </a:cubicBezTo>
                <a:cubicBezTo>
                  <a:pt x="6" y="112"/>
                  <a:pt x="0" y="118"/>
                  <a:pt x="0" y="126"/>
                </a:cubicBezTo>
                <a:cubicBezTo>
                  <a:pt x="0" y="133"/>
                  <a:pt x="6" y="139"/>
                  <a:pt x="13" y="139"/>
                </a:cubicBezTo>
                <a:cubicBezTo>
                  <a:pt x="39" y="139"/>
                  <a:pt x="39" y="139"/>
                  <a:pt x="39" y="139"/>
                </a:cubicBezTo>
                <a:cubicBezTo>
                  <a:pt x="47" y="139"/>
                  <a:pt x="53" y="133"/>
                  <a:pt x="53" y="126"/>
                </a:cubicBezTo>
                <a:cubicBezTo>
                  <a:pt x="53" y="126"/>
                  <a:pt x="53" y="97"/>
                  <a:pt x="53" y="82"/>
                </a:cubicBezTo>
                <a:cubicBezTo>
                  <a:pt x="67" y="82"/>
                  <a:pt x="88" y="82"/>
                  <a:pt x="102" y="82"/>
                </a:cubicBezTo>
                <a:cubicBezTo>
                  <a:pt x="102" y="86"/>
                  <a:pt x="102" y="91"/>
                  <a:pt x="102" y="91"/>
                </a:cubicBezTo>
                <a:cubicBezTo>
                  <a:pt x="102" y="96"/>
                  <a:pt x="105" y="101"/>
                  <a:pt x="109" y="103"/>
                </a:cubicBezTo>
                <a:cubicBezTo>
                  <a:pt x="113" y="105"/>
                  <a:pt x="119" y="105"/>
                  <a:pt x="123" y="102"/>
                </a:cubicBezTo>
                <a:cubicBezTo>
                  <a:pt x="123" y="102"/>
                  <a:pt x="228" y="31"/>
                  <a:pt x="234" y="26"/>
                </a:cubicBezTo>
                <a:cubicBezTo>
                  <a:pt x="241" y="26"/>
                  <a:pt x="296" y="26"/>
                  <a:pt x="315" y="26"/>
                </a:cubicBezTo>
                <a:cubicBezTo>
                  <a:pt x="315" y="38"/>
                  <a:pt x="315" y="51"/>
                  <a:pt x="315" y="51"/>
                </a:cubicBezTo>
                <a:cubicBezTo>
                  <a:pt x="315" y="58"/>
                  <a:pt x="321" y="64"/>
                  <a:pt x="328" y="64"/>
                </a:cubicBezTo>
                <a:cubicBezTo>
                  <a:pt x="328" y="64"/>
                  <a:pt x="411" y="64"/>
                  <a:pt x="432" y="64"/>
                </a:cubicBezTo>
                <a:cubicBezTo>
                  <a:pt x="432" y="73"/>
                  <a:pt x="432" y="78"/>
                  <a:pt x="432" y="87"/>
                </a:cubicBezTo>
                <a:cubicBezTo>
                  <a:pt x="411" y="87"/>
                  <a:pt x="328" y="87"/>
                  <a:pt x="328" y="87"/>
                </a:cubicBezTo>
                <a:cubicBezTo>
                  <a:pt x="325" y="87"/>
                  <a:pt x="321" y="89"/>
                  <a:pt x="319" y="91"/>
                </a:cubicBezTo>
                <a:cubicBezTo>
                  <a:pt x="316" y="94"/>
                  <a:pt x="315" y="97"/>
                  <a:pt x="315" y="101"/>
                </a:cubicBezTo>
                <a:cubicBezTo>
                  <a:pt x="315" y="200"/>
                  <a:pt x="315" y="200"/>
                  <a:pt x="315" y="200"/>
                </a:cubicBezTo>
                <a:cubicBezTo>
                  <a:pt x="315" y="208"/>
                  <a:pt x="321" y="214"/>
                  <a:pt x="328" y="214"/>
                </a:cubicBezTo>
                <a:cubicBezTo>
                  <a:pt x="328" y="214"/>
                  <a:pt x="411" y="214"/>
                  <a:pt x="432" y="214"/>
                </a:cubicBezTo>
                <a:cubicBezTo>
                  <a:pt x="432" y="223"/>
                  <a:pt x="432" y="228"/>
                  <a:pt x="432" y="237"/>
                </a:cubicBezTo>
                <a:cubicBezTo>
                  <a:pt x="411" y="237"/>
                  <a:pt x="328" y="237"/>
                  <a:pt x="328" y="237"/>
                </a:cubicBezTo>
                <a:cubicBezTo>
                  <a:pt x="321" y="237"/>
                  <a:pt x="315" y="243"/>
                  <a:pt x="315" y="250"/>
                </a:cubicBezTo>
                <a:cubicBezTo>
                  <a:pt x="315" y="250"/>
                  <a:pt x="315" y="266"/>
                  <a:pt x="315" y="278"/>
                </a:cubicBezTo>
                <a:cubicBezTo>
                  <a:pt x="296" y="278"/>
                  <a:pt x="241" y="278"/>
                  <a:pt x="234" y="278"/>
                </a:cubicBezTo>
                <a:cubicBezTo>
                  <a:pt x="228" y="274"/>
                  <a:pt x="123" y="198"/>
                  <a:pt x="123" y="198"/>
                </a:cubicBezTo>
                <a:cubicBezTo>
                  <a:pt x="119" y="195"/>
                  <a:pt x="114" y="195"/>
                  <a:pt x="109" y="197"/>
                </a:cubicBezTo>
                <a:cubicBezTo>
                  <a:pt x="105" y="200"/>
                  <a:pt x="102" y="204"/>
                  <a:pt x="102" y="209"/>
                </a:cubicBezTo>
                <a:cubicBezTo>
                  <a:pt x="102" y="209"/>
                  <a:pt x="102" y="214"/>
                  <a:pt x="102" y="219"/>
                </a:cubicBezTo>
                <a:cubicBezTo>
                  <a:pt x="88" y="219"/>
                  <a:pt x="67" y="219"/>
                  <a:pt x="53" y="219"/>
                </a:cubicBezTo>
                <a:cubicBezTo>
                  <a:pt x="53" y="204"/>
                  <a:pt x="53" y="177"/>
                  <a:pt x="53" y="177"/>
                </a:cubicBezTo>
                <a:cubicBezTo>
                  <a:pt x="53" y="174"/>
                  <a:pt x="51" y="170"/>
                  <a:pt x="49" y="168"/>
                </a:cubicBezTo>
                <a:cubicBezTo>
                  <a:pt x="46" y="165"/>
                  <a:pt x="43" y="164"/>
                  <a:pt x="39" y="164"/>
                </a:cubicBezTo>
                <a:cubicBezTo>
                  <a:pt x="13" y="164"/>
                  <a:pt x="13" y="164"/>
                  <a:pt x="13" y="164"/>
                </a:cubicBezTo>
                <a:cubicBezTo>
                  <a:pt x="6" y="164"/>
                  <a:pt x="0" y="170"/>
                  <a:pt x="0" y="177"/>
                </a:cubicBezTo>
                <a:cubicBezTo>
                  <a:pt x="0" y="185"/>
                  <a:pt x="6" y="191"/>
                  <a:pt x="13" y="190"/>
                </a:cubicBezTo>
                <a:cubicBezTo>
                  <a:pt x="13" y="190"/>
                  <a:pt x="20" y="190"/>
                  <a:pt x="26" y="190"/>
                </a:cubicBezTo>
                <a:cubicBezTo>
                  <a:pt x="26" y="206"/>
                  <a:pt x="26" y="233"/>
                  <a:pt x="26" y="233"/>
                </a:cubicBezTo>
                <a:cubicBezTo>
                  <a:pt x="26" y="236"/>
                  <a:pt x="27" y="240"/>
                  <a:pt x="30" y="242"/>
                </a:cubicBezTo>
                <a:cubicBezTo>
                  <a:pt x="32" y="245"/>
                  <a:pt x="36" y="246"/>
                  <a:pt x="39" y="246"/>
                </a:cubicBezTo>
                <a:cubicBezTo>
                  <a:pt x="115" y="246"/>
                  <a:pt x="115" y="246"/>
                  <a:pt x="115" y="246"/>
                </a:cubicBezTo>
                <a:cubicBezTo>
                  <a:pt x="122" y="246"/>
                  <a:pt x="127" y="241"/>
                  <a:pt x="128" y="235"/>
                </a:cubicBezTo>
                <a:cubicBezTo>
                  <a:pt x="156" y="255"/>
                  <a:pt x="222" y="302"/>
                  <a:pt x="222" y="302"/>
                </a:cubicBezTo>
                <a:cubicBezTo>
                  <a:pt x="225" y="304"/>
                  <a:pt x="227" y="305"/>
                  <a:pt x="230" y="305"/>
                </a:cubicBezTo>
                <a:cubicBezTo>
                  <a:pt x="328" y="305"/>
                  <a:pt x="328" y="305"/>
                  <a:pt x="328" y="305"/>
                </a:cubicBezTo>
                <a:cubicBezTo>
                  <a:pt x="336" y="305"/>
                  <a:pt x="342" y="299"/>
                  <a:pt x="342" y="292"/>
                </a:cubicBezTo>
                <a:cubicBezTo>
                  <a:pt x="342" y="292"/>
                  <a:pt x="342" y="276"/>
                  <a:pt x="342" y="263"/>
                </a:cubicBezTo>
                <a:cubicBezTo>
                  <a:pt x="363" y="263"/>
                  <a:pt x="445" y="263"/>
                  <a:pt x="445" y="263"/>
                </a:cubicBezTo>
                <a:cubicBezTo>
                  <a:pt x="453" y="263"/>
                  <a:pt x="459" y="257"/>
                  <a:pt x="459" y="250"/>
                </a:cubicBezTo>
                <a:cubicBezTo>
                  <a:pt x="459" y="200"/>
                  <a:pt x="459" y="200"/>
                  <a:pt x="459" y="200"/>
                </a:cubicBezTo>
                <a:cubicBezTo>
                  <a:pt x="459" y="193"/>
                  <a:pt x="453" y="187"/>
                  <a:pt x="445" y="187"/>
                </a:cubicBezTo>
                <a:cubicBezTo>
                  <a:pt x="445" y="187"/>
                  <a:pt x="363" y="187"/>
                  <a:pt x="342" y="187"/>
                </a:cubicBezTo>
                <a:cubicBezTo>
                  <a:pt x="342" y="170"/>
                  <a:pt x="342" y="131"/>
                  <a:pt x="342" y="114"/>
                </a:cubicBezTo>
                <a:cubicBezTo>
                  <a:pt x="363" y="114"/>
                  <a:pt x="445" y="114"/>
                  <a:pt x="445" y="114"/>
                </a:cubicBezTo>
                <a:cubicBezTo>
                  <a:pt x="449" y="114"/>
                  <a:pt x="452" y="113"/>
                  <a:pt x="455" y="110"/>
                </a:cubicBezTo>
                <a:cubicBezTo>
                  <a:pt x="457" y="108"/>
                  <a:pt x="459" y="104"/>
                  <a:pt x="459" y="101"/>
                </a:cubicBezTo>
                <a:cubicBezTo>
                  <a:pt x="459" y="51"/>
                  <a:pt x="459" y="51"/>
                  <a:pt x="459" y="51"/>
                </a:cubicBezTo>
                <a:cubicBezTo>
                  <a:pt x="459" y="43"/>
                  <a:pt x="453" y="37"/>
                  <a:pt x="445" y="37"/>
                </a:cubicBezTo>
                <a:cubicBezTo>
                  <a:pt x="445" y="37"/>
                  <a:pt x="363" y="37"/>
                  <a:pt x="342" y="37"/>
                </a:cubicBezTo>
                <a:cubicBezTo>
                  <a:pt x="342" y="26"/>
                  <a:pt x="342" y="13"/>
                  <a:pt x="342" y="13"/>
                </a:cubicBezTo>
                <a:cubicBezTo>
                  <a:pt x="342" y="6"/>
                  <a:pt x="336" y="0"/>
                  <a:pt x="328" y="0"/>
                </a:cubicBezTo>
                <a:lnTo>
                  <a:pt x="230" y="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6" name="Freeform 509"/>
          <p:cNvSpPr>
            <a:spLocks/>
          </p:cNvSpPr>
          <p:nvPr userDrawn="1"/>
        </p:nvSpPr>
        <p:spPr bwMode="auto">
          <a:xfrm>
            <a:off x="6328038" y="5200853"/>
            <a:ext cx="441325" cy="244475"/>
          </a:xfrm>
          <a:custGeom>
            <a:avLst/>
            <a:gdLst/>
            <a:ahLst/>
            <a:cxnLst>
              <a:cxn ang="0">
                <a:pos x="278" y="38"/>
              </a:cxn>
              <a:cxn ang="0">
                <a:pos x="278" y="154"/>
              </a:cxn>
              <a:cxn ang="0">
                <a:pos x="0" y="154"/>
              </a:cxn>
              <a:cxn ang="0">
                <a:pos x="0" y="0"/>
              </a:cxn>
              <a:cxn ang="0">
                <a:pos x="275" y="0"/>
              </a:cxn>
              <a:cxn ang="0">
                <a:pos x="146" y="115"/>
              </a:cxn>
              <a:cxn ang="0">
                <a:pos x="29" y="28"/>
              </a:cxn>
            </a:cxnLst>
            <a:rect l="0" t="0" r="r" b="b"/>
            <a:pathLst>
              <a:path w="278" h="154">
                <a:moveTo>
                  <a:pt x="278" y="38"/>
                </a:moveTo>
                <a:lnTo>
                  <a:pt x="278" y="154"/>
                </a:lnTo>
                <a:lnTo>
                  <a:pt x="0" y="154"/>
                </a:lnTo>
                <a:lnTo>
                  <a:pt x="0" y="0"/>
                </a:lnTo>
                <a:lnTo>
                  <a:pt x="275" y="0"/>
                </a:lnTo>
                <a:lnTo>
                  <a:pt x="146" y="115"/>
                </a:lnTo>
                <a:lnTo>
                  <a:pt x="29" y="28"/>
                </a:ln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7" name="Freeform 296"/>
          <p:cNvSpPr>
            <a:spLocks/>
          </p:cNvSpPr>
          <p:nvPr userDrawn="1"/>
        </p:nvSpPr>
        <p:spPr bwMode="auto">
          <a:xfrm>
            <a:off x="6893144" y="1160862"/>
            <a:ext cx="525463" cy="522288"/>
          </a:xfrm>
          <a:custGeom>
            <a:avLst/>
            <a:gdLst/>
            <a:ahLst/>
            <a:cxnLst>
              <a:cxn ang="0">
                <a:pos x="28" y="139"/>
              </a:cxn>
              <a:cxn ang="0">
                <a:pos x="97" y="174"/>
              </a:cxn>
              <a:cxn ang="0">
                <a:pos x="159" y="111"/>
              </a:cxn>
              <a:cxn ang="0">
                <a:pos x="181" y="104"/>
              </a:cxn>
              <a:cxn ang="0">
                <a:pos x="236" y="147"/>
              </a:cxn>
              <a:cxn ang="0">
                <a:pos x="263" y="100"/>
              </a:cxn>
              <a:cxn ang="0">
                <a:pos x="289" y="156"/>
              </a:cxn>
              <a:cxn ang="0">
                <a:pos x="303" y="239"/>
              </a:cxn>
              <a:cxn ang="0">
                <a:pos x="265" y="309"/>
              </a:cxn>
              <a:cxn ang="0">
                <a:pos x="230" y="305"/>
              </a:cxn>
              <a:cxn ang="0">
                <a:pos x="219" y="276"/>
              </a:cxn>
              <a:cxn ang="0">
                <a:pos x="119" y="263"/>
              </a:cxn>
              <a:cxn ang="0">
                <a:pos x="60" y="198"/>
              </a:cxn>
              <a:cxn ang="0">
                <a:pos x="10" y="287"/>
              </a:cxn>
              <a:cxn ang="0">
                <a:pos x="321" y="444"/>
              </a:cxn>
              <a:cxn ang="0">
                <a:pos x="164" y="379"/>
              </a:cxn>
              <a:cxn ang="0">
                <a:pos x="293" y="402"/>
              </a:cxn>
              <a:cxn ang="0">
                <a:pos x="306" y="421"/>
              </a:cxn>
              <a:cxn ang="0">
                <a:pos x="36" y="281"/>
              </a:cxn>
              <a:cxn ang="0">
                <a:pos x="37" y="212"/>
              </a:cxn>
              <a:cxn ang="0">
                <a:pos x="132" y="287"/>
              </a:cxn>
              <a:cxn ang="0">
                <a:pos x="196" y="289"/>
              </a:cxn>
              <a:cxn ang="0">
                <a:pos x="206" y="317"/>
              </a:cxn>
              <a:cxn ang="0">
                <a:pos x="250" y="332"/>
              </a:cxn>
              <a:cxn ang="0">
                <a:pos x="315" y="276"/>
              </a:cxn>
              <a:cxn ang="0">
                <a:pos x="305" y="133"/>
              </a:cxn>
              <a:cxn ang="0">
                <a:pos x="283" y="73"/>
              </a:cxn>
              <a:cxn ang="0">
                <a:pos x="221" y="118"/>
              </a:cxn>
              <a:cxn ang="0">
                <a:pos x="197" y="78"/>
              </a:cxn>
              <a:cxn ang="0">
                <a:pos x="124" y="109"/>
              </a:cxn>
              <a:cxn ang="0">
                <a:pos x="64" y="152"/>
              </a:cxn>
              <a:cxn ang="0">
                <a:pos x="177" y="45"/>
              </a:cxn>
              <a:cxn ang="0">
                <a:pos x="435" y="207"/>
              </a:cxn>
              <a:cxn ang="0">
                <a:pos x="421" y="243"/>
              </a:cxn>
              <a:cxn ang="0">
                <a:pos x="355" y="228"/>
              </a:cxn>
              <a:cxn ang="0">
                <a:pos x="334" y="277"/>
              </a:cxn>
              <a:cxn ang="0">
                <a:pos x="344" y="348"/>
              </a:cxn>
              <a:cxn ang="0">
                <a:pos x="407" y="308"/>
              </a:cxn>
              <a:cxn ang="0">
                <a:pos x="395" y="358"/>
              </a:cxn>
              <a:cxn ang="0">
                <a:pos x="353" y="416"/>
              </a:cxn>
              <a:cxn ang="0">
                <a:pos x="446" y="325"/>
              </a:cxn>
              <a:cxn ang="0">
                <a:pos x="405" y="281"/>
              </a:cxn>
              <a:cxn ang="0">
                <a:pos x="348" y="321"/>
              </a:cxn>
              <a:cxn ang="0">
                <a:pos x="368" y="282"/>
              </a:cxn>
              <a:cxn ang="0">
                <a:pos x="378" y="243"/>
              </a:cxn>
              <a:cxn ang="0">
                <a:pos x="402" y="263"/>
              </a:cxn>
              <a:cxn ang="0">
                <a:pos x="462" y="203"/>
              </a:cxn>
              <a:cxn ang="0">
                <a:pos x="168" y="19"/>
              </a:cxn>
            </a:cxnLst>
            <a:rect l="0" t="0" r="r" b="b"/>
            <a:pathLst>
              <a:path w="465" h="463">
                <a:moveTo>
                  <a:pt x="168" y="19"/>
                </a:moveTo>
                <a:cubicBezTo>
                  <a:pt x="158" y="22"/>
                  <a:pt x="75" y="46"/>
                  <a:pt x="30" y="133"/>
                </a:cubicBezTo>
                <a:cubicBezTo>
                  <a:pt x="29" y="135"/>
                  <a:pt x="28" y="137"/>
                  <a:pt x="28" y="139"/>
                </a:cubicBezTo>
                <a:cubicBezTo>
                  <a:pt x="28" y="141"/>
                  <a:pt x="29" y="157"/>
                  <a:pt x="46" y="172"/>
                </a:cubicBezTo>
                <a:cubicBezTo>
                  <a:pt x="62" y="186"/>
                  <a:pt x="84" y="181"/>
                  <a:pt x="94" y="175"/>
                </a:cubicBezTo>
                <a:cubicBezTo>
                  <a:pt x="95" y="175"/>
                  <a:pt x="96" y="174"/>
                  <a:pt x="97" y="174"/>
                </a:cubicBezTo>
                <a:cubicBezTo>
                  <a:pt x="105" y="168"/>
                  <a:pt x="110" y="160"/>
                  <a:pt x="116" y="152"/>
                </a:cubicBezTo>
                <a:cubicBezTo>
                  <a:pt x="121" y="145"/>
                  <a:pt x="127" y="136"/>
                  <a:pt x="131" y="135"/>
                </a:cubicBezTo>
                <a:cubicBezTo>
                  <a:pt x="146" y="132"/>
                  <a:pt x="153" y="120"/>
                  <a:pt x="159" y="111"/>
                </a:cubicBezTo>
                <a:cubicBezTo>
                  <a:pt x="161" y="108"/>
                  <a:pt x="163" y="104"/>
                  <a:pt x="164" y="103"/>
                </a:cubicBezTo>
                <a:cubicBezTo>
                  <a:pt x="168" y="100"/>
                  <a:pt x="175" y="100"/>
                  <a:pt x="181" y="101"/>
                </a:cubicBezTo>
                <a:cubicBezTo>
                  <a:pt x="181" y="102"/>
                  <a:pt x="181" y="103"/>
                  <a:pt x="181" y="104"/>
                </a:cubicBezTo>
                <a:cubicBezTo>
                  <a:pt x="184" y="117"/>
                  <a:pt x="188" y="134"/>
                  <a:pt x="202" y="138"/>
                </a:cubicBezTo>
                <a:cubicBezTo>
                  <a:pt x="203" y="139"/>
                  <a:pt x="206" y="141"/>
                  <a:pt x="209" y="142"/>
                </a:cubicBezTo>
                <a:cubicBezTo>
                  <a:pt x="217" y="146"/>
                  <a:pt x="227" y="151"/>
                  <a:pt x="236" y="147"/>
                </a:cubicBezTo>
                <a:cubicBezTo>
                  <a:pt x="239" y="145"/>
                  <a:pt x="244" y="141"/>
                  <a:pt x="246" y="133"/>
                </a:cubicBezTo>
                <a:cubicBezTo>
                  <a:pt x="249" y="112"/>
                  <a:pt x="255" y="93"/>
                  <a:pt x="260" y="86"/>
                </a:cubicBezTo>
                <a:cubicBezTo>
                  <a:pt x="261" y="90"/>
                  <a:pt x="262" y="96"/>
                  <a:pt x="263" y="100"/>
                </a:cubicBezTo>
                <a:cubicBezTo>
                  <a:pt x="264" y="105"/>
                  <a:pt x="265" y="110"/>
                  <a:pt x="266" y="114"/>
                </a:cubicBezTo>
                <a:cubicBezTo>
                  <a:pt x="272" y="131"/>
                  <a:pt x="277" y="142"/>
                  <a:pt x="285" y="151"/>
                </a:cubicBezTo>
                <a:cubicBezTo>
                  <a:pt x="285" y="151"/>
                  <a:pt x="289" y="156"/>
                  <a:pt x="289" y="156"/>
                </a:cubicBezTo>
                <a:cubicBezTo>
                  <a:pt x="301" y="169"/>
                  <a:pt x="311" y="180"/>
                  <a:pt x="314" y="191"/>
                </a:cubicBezTo>
                <a:cubicBezTo>
                  <a:pt x="315" y="194"/>
                  <a:pt x="315" y="197"/>
                  <a:pt x="315" y="200"/>
                </a:cubicBezTo>
                <a:cubicBezTo>
                  <a:pt x="315" y="209"/>
                  <a:pt x="312" y="220"/>
                  <a:pt x="303" y="239"/>
                </a:cubicBezTo>
                <a:cubicBezTo>
                  <a:pt x="299" y="246"/>
                  <a:pt x="295" y="255"/>
                  <a:pt x="290" y="265"/>
                </a:cubicBezTo>
                <a:cubicBezTo>
                  <a:pt x="284" y="278"/>
                  <a:pt x="274" y="301"/>
                  <a:pt x="267" y="310"/>
                </a:cubicBezTo>
                <a:cubicBezTo>
                  <a:pt x="266" y="310"/>
                  <a:pt x="266" y="310"/>
                  <a:pt x="265" y="309"/>
                </a:cubicBezTo>
                <a:cubicBezTo>
                  <a:pt x="261" y="307"/>
                  <a:pt x="257" y="305"/>
                  <a:pt x="250" y="305"/>
                </a:cubicBezTo>
                <a:cubicBezTo>
                  <a:pt x="244" y="305"/>
                  <a:pt x="244" y="305"/>
                  <a:pt x="244" y="305"/>
                </a:cubicBezTo>
                <a:cubicBezTo>
                  <a:pt x="241" y="305"/>
                  <a:pt x="234" y="306"/>
                  <a:pt x="230" y="305"/>
                </a:cubicBezTo>
                <a:cubicBezTo>
                  <a:pt x="230" y="303"/>
                  <a:pt x="229" y="301"/>
                  <a:pt x="229" y="300"/>
                </a:cubicBezTo>
                <a:cubicBezTo>
                  <a:pt x="228" y="294"/>
                  <a:pt x="227" y="288"/>
                  <a:pt x="223" y="282"/>
                </a:cubicBezTo>
                <a:cubicBezTo>
                  <a:pt x="223" y="282"/>
                  <a:pt x="219" y="276"/>
                  <a:pt x="219" y="276"/>
                </a:cubicBezTo>
                <a:cubicBezTo>
                  <a:pt x="216" y="270"/>
                  <a:pt x="213" y="265"/>
                  <a:pt x="204" y="258"/>
                </a:cubicBezTo>
                <a:cubicBezTo>
                  <a:pt x="189" y="243"/>
                  <a:pt x="167" y="246"/>
                  <a:pt x="148" y="250"/>
                </a:cubicBezTo>
                <a:cubicBezTo>
                  <a:pt x="141" y="252"/>
                  <a:pt x="132" y="256"/>
                  <a:pt x="119" y="263"/>
                </a:cubicBezTo>
                <a:cubicBezTo>
                  <a:pt x="111" y="268"/>
                  <a:pt x="94" y="277"/>
                  <a:pt x="87" y="278"/>
                </a:cubicBezTo>
                <a:cubicBezTo>
                  <a:pt x="84" y="275"/>
                  <a:pt x="77" y="264"/>
                  <a:pt x="77" y="255"/>
                </a:cubicBezTo>
                <a:cubicBezTo>
                  <a:pt x="76" y="240"/>
                  <a:pt x="74" y="218"/>
                  <a:pt x="60" y="198"/>
                </a:cubicBezTo>
                <a:cubicBezTo>
                  <a:pt x="49" y="181"/>
                  <a:pt x="36" y="180"/>
                  <a:pt x="24" y="180"/>
                </a:cubicBezTo>
                <a:cubicBezTo>
                  <a:pt x="20" y="180"/>
                  <a:pt x="16" y="182"/>
                  <a:pt x="13" y="185"/>
                </a:cubicBezTo>
                <a:cubicBezTo>
                  <a:pt x="4" y="196"/>
                  <a:pt x="0" y="240"/>
                  <a:pt x="10" y="287"/>
                </a:cubicBezTo>
                <a:cubicBezTo>
                  <a:pt x="15" y="313"/>
                  <a:pt x="29" y="343"/>
                  <a:pt x="48" y="370"/>
                </a:cubicBezTo>
                <a:cubicBezTo>
                  <a:pt x="79" y="412"/>
                  <a:pt x="145" y="463"/>
                  <a:pt x="231" y="463"/>
                </a:cubicBezTo>
                <a:cubicBezTo>
                  <a:pt x="272" y="463"/>
                  <a:pt x="302" y="456"/>
                  <a:pt x="321" y="444"/>
                </a:cubicBezTo>
                <a:cubicBezTo>
                  <a:pt x="330" y="438"/>
                  <a:pt x="334" y="429"/>
                  <a:pt x="333" y="418"/>
                </a:cubicBezTo>
                <a:cubicBezTo>
                  <a:pt x="332" y="400"/>
                  <a:pt x="315" y="383"/>
                  <a:pt x="304" y="378"/>
                </a:cubicBezTo>
                <a:cubicBezTo>
                  <a:pt x="282" y="368"/>
                  <a:pt x="211" y="353"/>
                  <a:pt x="164" y="379"/>
                </a:cubicBezTo>
                <a:cubicBezTo>
                  <a:pt x="157" y="383"/>
                  <a:pt x="155" y="391"/>
                  <a:pt x="159" y="397"/>
                </a:cubicBezTo>
                <a:cubicBezTo>
                  <a:pt x="162" y="404"/>
                  <a:pt x="171" y="406"/>
                  <a:pt x="177" y="403"/>
                </a:cubicBezTo>
                <a:cubicBezTo>
                  <a:pt x="214" y="382"/>
                  <a:pt x="276" y="394"/>
                  <a:pt x="293" y="402"/>
                </a:cubicBezTo>
                <a:cubicBezTo>
                  <a:pt x="298" y="405"/>
                  <a:pt x="306" y="416"/>
                  <a:pt x="306" y="421"/>
                </a:cubicBezTo>
                <a:cubicBezTo>
                  <a:pt x="306" y="421"/>
                  <a:pt x="306" y="421"/>
                  <a:pt x="306" y="421"/>
                </a:cubicBezTo>
                <a:cubicBezTo>
                  <a:pt x="306" y="421"/>
                  <a:pt x="306" y="421"/>
                  <a:pt x="306" y="421"/>
                </a:cubicBezTo>
                <a:cubicBezTo>
                  <a:pt x="298" y="427"/>
                  <a:pt x="278" y="436"/>
                  <a:pt x="231" y="436"/>
                </a:cubicBezTo>
                <a:cubicBezTo>
                  <a:pt x="160" y="435"/>
                  <a:pt x="99" y="394"/>
                  <a:pt x="70" y="354"/>
                </a:cubicBezTo>
                <a:cubicBezTo>
                  <a:pt x="53" y="330"/>
                  <a:pt x="41" y="304"/>
                  <a:pt x="36" y="281"/>
                </a:cubicBezTo>
                <a:cubicBezTo>
                  <a:pt x="33" y="262"/>
                  <a:pt x="31" y="246"/>
                  <a:pt x="31" y="234"/>
                </a:cubicBezTo>
                <a:cubicBezTo>
                  <a:pt x="31" y="222"/>
                  <a:pt x="32" y="214"/>
                  <a:pt x="33" y="208"/>
                </a:cubicBezTo>
                <a:cubicBezTo>
                  <a:pt x="35" y="209"/>
                  <a:pt x="36" y="210"/>
                  <a:pt x="37" y="212"/>
                </a:cubicBezTo>
                <a:cubicBezTo>
                  <a:pt x="47" y="227"/>
                  <a:pt x="49" y="244"/>
                  <a:pt x="50" y="256"/>
                </a:cubicBezTo>
                <a:cubicBezTo>
                  <a:pt x="51" y="272"/>
                  <a:pt x="63" y="303"/>
                  <a:pt x="84" y="305"/>
                </a:cubicBezTo>
                <a:cubicBezTo>
                  <a:pt x="96" y="306"/>
                  <a:pt x="110" y="299"/>
                  <a:pt x="132" y="287"/>
                </a:cubicBezTo>
                <a:cubicBezTo>
                  <a:pt x="140" y="283"/>
                  <a:pt x="150" y="277"/>
                  <a:pt x="154" y="277"/>
                </a:cubicBezTo>
                <a:cubicBezTo>
                  <a:pt x="165" y="274"/>
                  <a:pt x="180" y="272"/>
                  <a:pt x="186" y="277"/>
                </a:cubicBezTo>
                <a:cubicBezTo>
                  <a:pt x="192" y="283"/>
                  <a:pt x="193" y="285"/>
                  <a:pt x="196" y="289"/>
                </a:cubicBezTo>
                <a:cubicBezTo>
                  <a:pt x="200" y="297"/>
                  <a:pt x="200" y="297"/>
                  <a:pt x="200" y="297"/>
                </a:cubicBezTo>
                <a:cubicBezTo>
                  <a:pt x="201" y="298"/>
                  <a:pt x="202" y="302"/>
                  <a:pt x="202" y="305"/>
                </a:cubicBezTo>
                <a:cubicBezTo>
                  <a:pt x="203" y="309"/>
                  <a:pt x="204" y="313"/>
                  <a:pt x="206" y="317"/>
                </a:cubicBezTo>
                <a:cubicBezTo>
                  <a:pt x="213" y="334"/>
                  <a:pt x="234" y="333"/>
                  <a:pt x="246" y="332"/>
                </a:cubicBezTo>
                <a:cubicBezTo>
                  <a:pt x="246" y="332"/>
                  <a:pt x="249" y="332"/>
                  <a:pt x="250" y="332"/>
                </a:cubicBezTo>
                <a:cubicBezTo>
                  <a:pt x="250" y="332"/>
                  <a:pt x="250" y="332"/>
                  <a:pt x="250" y="332"/>
                </a:cubicBezTo>
                <a:cubicBezTo>
                  <a:pt x="253" y="333"/>
                  <a:pt x="256" y="336"/>
                  <a:pt x="261" y="338"/>
                </a:cubicBezTo>
                <a:cubicBezTo>
                  <a:pt x="278" y="346"/>
                  <a:pt x="290" y="325"/>
                  <a:pt x="295" y="317"/>
                </a:cubicBezTo>
                <a:cubicBezTo>
                  <a:pt x="302" y="305"/>
                  <a:pt x="308" y="290"/>
                  <a:pt x="315" y="276"/>
                </a:cubicBezTo>
                <a:cubicBezTo>
                  <a:pt x="319" y="267"/>
                  <a:pt x="323" y="258"/>
                  <a:pt x="327" y="251"/>
                </a:cubicBezTo>
                <a:cubicBezTo>
                  <a:pt x="358" y="192"/>
                  <a:pt x="336" y="168"/>
                  <a:pt x="309" y="138"/>
                </a:cubicBezTo>
                <a:cubicBezTo>
                  <a:pt x="305" y="133"/>
                  <a:pt x="305" y="133"/>
                  <a:pt x="305" y="133"/>
                </a:cubicBezTo>
                <a:cubicBezTo>
                  <a:pt x="300" y="127"/>
                  <a:pt x="296" y="119"/>
                  <a:pt x="292" y="106"/>
                </a:cubicBezTo>
                <a:cubicBezTo>
                  <a:pt x="291" y="103"/>
                  <a:pt x="291" y="99"/>
                  <a:pt x="290" y="95"/>
                </a:cubicBezTo>
                <a:cubicBezTo>
                  <a:pt x="288" y="88"/>
                  <a:pt x="287" y="80"/>
                  <a:pt x="283" y="73"/>
                </a:cubicBezTo>
                <a:cubicBezTo>
                  <a:pt x="278" y="62"/>
                  <a:pt x="268" y="57"/>
                  <a:pt x="257" y="58"/>
                </a:cubicBezTo>
                <a:cubicBezTo>
                  <a:pt x="240" y="59"/>
                  <a:pt x="232" y="79"/>
                  <a:pt x="227" y="93"/>
                </a:cubicBezTo>
                <a:cubicBezTo>
                  <a:pt x="224" y="102"/>
                  <a:pt x="222" y="111"/>
                  <a:pt x="221" y="118"/>
                </a:cubicBezTo>
                <a:cubicBezTo>
                  <a:pt x="218" y="116"/>
                  <a:pt x="215" y="115"/>
                  <a:pt x="213" y="114"/>
                </a:cubicBezTo>
                <a:cubicBezTo>
                  <a:pt x="211" y="111"/>
                  <a:pt x="209" y="102"/>
                  <a:pt x="208" y="98"/>
                </a:cubicBezTo>
                <a:cubicBezTo>
                  <a:pt x="206" y="89"/>
                  <a:pt x="204" y="82"/>
                  <a:pt x="197" y="78"/>
                </a:cubicBezTo>
                <a:cubicBezTo>
                  <a:pt x="190" y="75"/>
                  <a:pt x="164" y="68"/>
                  <a:pt x="147" y="82"/>
                </a:cubicBezTo>
                <a:cubicBezTo>
                  <a:pt x="142" y="86"/>
                  <a:pt x="139" y="92"/>
                  <a:pt x="136" y="97"/>
                </a:cubicBezTo>
                <a:cubicBezTo>
                  <a:pt x="131" y="104"/>
                  <a:pt x="128" y="108"/>
                  <a:pt x="124" y="109"/>
                </a:cubicBezTo>
                <a:cubicBezTo>
                  <a:pt x="111" y="112"/>
                  <a:pt x="102" y="124"/>
                  <a:pt x="94" y="136"/>
                </a:cubicBezTo>
                <a:cubicBezTo>
                  <a:pt x="90" y="142"/>
                  <a:pt x="85" y="148"/>
                  <a:pt x="81" y="152"/>
                </a:cubicBezTo>
                <a:cubicBezTo>
                  <a:pt x="77" y="153"/>
                  <a:pt x="68" y="155"/>
                  <a:pt x="64" y="152"/>
                </a:cubicBezTo>
                <a:cubicBezTo>
                  <a:pt x="59" y="147"/>
                  <a:pt x="57" y="144"/>
                  <a:pt x="56" y="141"/>
                </a:cubicBezTo>
                <a:cubicBezTo>
                  <a:pt x="98" y="65"/>
                  <a:pt x="175" y="46"/>
                  <a:pt x="176" y="46"/>
                </a:cubicBezTo>
                <a:cubicBezTo>
                  <a:pt x="176" y="45"/>
                  <a:pt x="177" y="45"/>
                  <a:pt x="177" y="45"/>
                </a:cubicBezTo>
                <a:cubicBezTo>
                  <a:pt x="178" y="45"/>
                  <a:pt x="223" y="28"/>
                  <a:pt x="288" y="44"/>
                </a:cubicBezTo>
                <a:cubicBezTo>
                  <a:pt x="312" y="50"/>
                  <a:pt x="371" y="71"/>
                  <a:pt x="410" y="136"/>
                </a:cubicBezTo>
                <a:cubicBezTo>
                  <a:pt x="424" y="161"/>
                  <a:pt x="433" y="190"/>
                  <a:pt x="435" y="207"/>
                </a:cubicBezTo>
                <a:cubicBezTo>
                  <a:pt x="437" y="220"/>
                  <a:pt x="437" y="231"/>
                  <a:pt x="437" y="240"/>
                </a:cubicBezTo>
                <a:cubicBezTo>
                  <a:pt x="437" y="243"/>
                  <a:pt x="437" y="245"/>
                  <a:pt x="437" y="247"/>
                </a:cubicBezTo>
                <a:cubicBezTo>
                  <a:pt x="432" y="247"/>
                  <a:pt x="425" y="245"/>
                  <a:pt x="421" y="243"/>
                </a:cubicBezTo>
                <a:cubicBezTo>
                  <a:pt x="421" y="243"/>
                  <a:pt x="421" y="242"/>
                  <a:pt x="421" y="242"/>
                </a:cubicBezTo>
                <a:cubicBezTo>
                  <a:pt x="421" y="230"/>
                  <a:pt x="414" y="219"/>
                  <a:pt x="402" y="214"/>
                </a:cubicBezTo>
                <a:cubicBezTo>
                  <a:pt x="387" y="209"/>
                  <a:pt x="365" y="212"/>
                  <a:pt x="355" y="228"/>
                </a:cubicBezTo>
                <a:cubicBezTo>
                  <a:pt x="351" y="234"/>
                  <a:pt x="350" y="240"/>
                  <a:pt x="350" y="245"/>
                </a:cubicBezTo>
                <a:cubicBezTo>
                  <a:pt x="350" y="250"/>
                  <a:pt x="351" y="255"/>
                  <a:pt x="353" y="260"/>
                </a:cubicBezTo>
                <a:cubicBezTo>
                  <a:pt x="346" y="264"/>
                  <a:pt x="339" y="271"/>
                  <a:pt x="334" y="277"/>
                </a:cubicBezTo>
                <a:cubicBezTo>
                  <a:pt x="329" y="283"/>
                  <a:pt x="316" y="301"/>
                  <a:pt x="316" y="318"/>
                </a:cubicBezTo>
                <a:cubicBezTo>
                  <a:pt x="316" y="322"/>
                  <a:pt x="316" y="326"/>
                  <a:pt x="318" y="329"/>
                </a:cubicBezTo>
                <a:cubicBezTo>
                  <a:pt x="322" y="339"/>
                  <a:pt x="332" y="346"/>
                  <a:pt x="344" y="348"/>
                </a:cubicBezTo>
                <a:cubicBezTo>
                  <a:pt x="361" y="350"/>
                  <a:pt x="378" y="343"/>
                  <a:pt x="390" y="329"/>
                </a:cubicBezTo>
                <a:cubicBezTo>
                  <a:pt x="399" y="317"/>
                  <a:pt x="399" y="317"/>
                  <a:pt x="399" y="317"/>
                </a:cubicBezTo>
                <a:cubicBezTo>
                  <a:pt x="402" y="314"/>
                  <a:pt x="405" y="310"/>
                  <a:pt x="407" y="308"/>
                </a:cubicBezTo>
                <a:cubicBezTo>
                  <a:pt x="413" y="308"/>
                  <a:pt x="420" y="309"/>
                  <a:pt x="423" y="310"/>
                </a:cubicBezTo>
                <a:cubicBezTo>
                  <a:pt x="422" y="311"/>
                  <a:pt x="422" y="312"/>
                  <a:pt x="421" y="314"/>
                </a:cubicBezTo>
                <a:cubicBezTo>
                  <a:pt x="415" y="327"/>
                  <a:pt x="405" y="346"/>
                  <a:pt x="395" y="358"/>
                </a:cubicBezTo>
                <a:cubicBezTo>
                  <a:pt x="381" y="376"/>
                  <a:pt x="361" y="392"/>
                  <a:pt x="355" y="397"/>
                </a:cubicBezTo>
                <a:cubicBezTo>
                  <a:pt x="352" y="400"/>
                  <a:pt x="350" y="404"/>
                  <a:pt x="350" y="408"/>
                </a:cubicBezTo>
                <a:cubicBezTo>
                  <a:pt x="350" y="411"/>
                  <a:pt x="351" y="413"/>
                  <a:pt x="353" y="416"/>
                </a:cubicBezTo>
                <a:cubicBezTo>
                  <a:pt x="357" y="422"/>
                  <a:pt x="366" y="423"/>
                  <a:pt x="372" y="418"/>
                </a:cubicBezTo>
                <a:cubicBezTo>
                  <a:pt x="384" y="408"/>
                  <a:pt x="402" y="393"/>
                  <a:pt x="416" y="375"/>
                </a:cubicBezTo>
                <a:cubicBezTo>
                  <a:pt x="430" y="357"/>
                  <a:pt x="442" y="332"/>
                  <a:pt x="446" y="325"/>
                </a:cubicBezTo>
                <a:cubicBezTo>
                  <a:pt x="453" y="311"/>
                  <a:pt x="450" y="301"/>
                  <a:pt x="446" y="296"/>
                </a:cubicBezTo>
                <a:cubicBezTo>
                  <a:pt x="437" y="281"/>
                  <a:pt x="417" y="281"/>
                  <a:pt x="406" y="281"/>
                </a:cubicBezTo>
                <a:cubicBezTo>
                  <a:pt x="405" y="281"/>
                  <a:pt x="405" y="281"/>
                  <a:pt x="405" y="281"/>
                </a:cubicBezTo>
                <a:cubicBezTo>
                  <a:pt x="393" y="281"/>
                  <a:pt x="387" y="290"/>
                  <a:pt x="378" y="301"/>
                </a:cubicBezTo>
                <a:cubicBezTo>
                  <a:pt x="369" y="312"/>
                  <a:pt x="369" y="312"/>
                  <a:pt x="369" y="312"/>
                </a:cubicBezTo>
                <a:cubicBezTo>
                  <a:pt x="363" y="319"/>
                  <a:pt x="354" y="322"/>
                  <a:pt x="348" y="321"/>
                </a:cubicBezTo>
                <a:cubicBezTo>
                  <a:pt x="347" y="320"/>
                  <a:pt x="344" y="320"/>
                  <a:pt x="343" y="318"/>
                </a:cubicBezTo>
                <a:cubicBezTo>
                  <a:pt x="343" y="318"/>
                  <a:pt x="343" y="318"/>
                  <a:pt x="343" y="318"/>
                </a:cubicBezTo>
                <a:cubicBezTo>
                  <a:pt x="343" y="309"/>
                  <a:pt x="360" y="285"/>
                  <a:pt x="368" y="282"/>
                </a:cubicBezTo>
                <a:cubicBezTo>
                  <a:pt x="373" y="283"/>
                  <a:pt x="378" y="281"/>
                  <a:pt x="381" y="277"/>
                </a:cubicBezTo>
                <a:cubicBezTo>
                  <a:pt x="387" y="270"/>
                  <a:pt x="383" y="262"/>
                  <a:pt x="381" y="257"/>
                </a:cubicBezTo>
                <a:cubicBezTo>
                  <a:pt x="379" y="253"/>
                  <a:pt x="376" y="246"/>
                  <a:pt x="378" y="243"/>
                </a:cubicBezTo>
                <a:cubicBezTo>
                  <a:pt x="380" y="239"/>
                  <a:pt x="387" y="238"/>
                  <a:pt x="392" y="240"/>
                </a:cubicBezTo>
                <a:cubicBezTo>
                  <a:pt x="394" y="241"/>
                  <a:pt x="394" y="241"/>
                  <a:pt x="394" y="243"/>
                </a:cubicBezTo>
                <a:cubicBezTo>
                  <a:pt x="393" y="250"/>
                  <a:pt x="396" y="258"/>
                  <a:pt x="402" y="263"/>
                </a:cubicBezTo>
                <a:cubicBezTo>
                  <a:pt x="414" y="272"/>
                  <a:pt x="440" y="277"/>
                  <a:pt x="453" y="273"/>
                </a:cubicBezTo>
                <a:cubicBezTo>
                  <a:pt x="459" y="270"/>
                  <a:pt x="463" y="265"/>
                  <a:pt x="463" y="259"/>
                </a:cubicBezTo>
                <a:cubicBezTo>
                  <a:pt x="464" y="251"/>
                  <a:pt x="465" y="230"/>
                  <a:pt x="462" y="203"/>
                </a:cubicBezTo>
                <a:cubicBezTo>
                  <a:pt x="459" y="183"/>
                  <a:pt x="450" y="150"/>
                  <a:pt x="433" y="123"/>
                </a:cubicBezTo>
                <a:cubicBezTo>
                  <a:pt x="389" y="48"/>
                  <a:pt x="322" y="24"/>
                  <a:pt x="295" y="18"/>
                </a:cubicBezTo>
                <a:cubicBezTo>
                  <a:pt x="225" y="0"/>
                  <a:pt x="176" y="17"/>
                  <a:pt x="168" y="1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8" name="Freeform 397"/>
          <p:cNvSpPr>
            <a:spLocks noEditPoints="1"/>
          </p:cNvSpPr>
          <p:nvPr userDrawn="1"/>
        </p:nvSpPr>
        <p:spPr bwMode="auto">
          <a:xfrm>
            <a:off x="6963788" y="4400042"/>
            <a:ext cx="384175" cy="522288"/>
          </a:xfrm>
          <a:custGeom>
            <a:avLst/>
            <a:gdLst/>
            <a:ahLst/>
            <a:cxnLst>
              <a:cxn ang="0">
                <a:pos x="58" y="26"/>
              </a:cxn>
              <a:cxn ang="0">
                <a:pos x="35" y="72"/>
              </a:cxn>
              <a:cxn ang="0">
                <a:pos x="39" y="96"/>
              </a:cxn>
              <a:cxn ang="0">
                <a:pos x="130" y="182"/>
              </a:cxn>
              <a:cxn ang="0">
                <a:pos x="15" y="202"/>
              </a:cxn>
              <a:cxn ang="0">
                <a:pos x="4" y="205"/>
              </a:cxn>
              <a:cxn ang="0">
                <a:pos x="0" y="215"/>
              </a:cxn>
              <a:cxn ang="0">
                <a:pos x="0" y="379"/>
              </a:cxn>
              <a:cxn ang="0">
                <a:pos x="8" y="392"/>
              </a:cxn>
              <a:cxn ang="0">
                <a:pos x="170" y="461"/>
              </a:cxn>
              <a:cxn ang="0">
                <a:pos x="183" y="460"/>
              </a:cxn>
              <a:cxn ang="0">
                <a:pos x="189" y="449"/>
              </a:cxn>
              <a:cxn ang="0">
                <a:pos x="189" y="286"/>
              </a:cxn>
              <a:cxn ang="0">
                <a:pos x="175" y="273"/>
              </a:cxn>
              <a:cxn ang="0">
                <a:pos x="162" y="286"/>
              </a:cxn>
              <a:cxn ang="0">
                <a:pos x="162" y="428"/>
              </a:cxn>
              <a:cxn ang="0">
                <a:pos x="27" y="371"/>
              </a:cxn>
              <a:cxn ang="0">
                <a:pos x="27" y="228"/>
              </a:cxn>
              <a:cxn ang="0">
                <a:pos x="163" y="201"/>
              </a:cxn>
              <a:cxn ang="0">
                <a:pos x="171" y="199"/>
              </a:cxn>
              <a:cxn ang="0">
                <a:pos x="312" y="220"/>
              </a:cxn>
              <a:cxn ang="0">
                <a:pos x="312" y="358"/>
              </a:cxn>
              <a:cxn ang="0">
                <a:pos x="218" y="413"/>
              </a:cxn>
              <a:cxn ang="0">
                <a:pos x="211" y="424"/>
              </a:cxn>
              <a:cxn ang="0">
                <a:pos x="213" y="431"/>
              </a:cxn>
              <a:cxn ang="0">
                <a:pos x="231" y="436"/>
              </a:cxn>
              <a:cxn ang="0">
                <a:pos x="332" y="378"/>
              </a:cxn>
              <a:cxn ang="0">
                <a:pos x="339" y="366"/>
              </a:cxn>
              <a:cxn ang="0">
                <a:pos x="339" y="206"/>
              </a:cxn>
              <a:cxn ang="0">
                <a:pos x="335" y="197"/>
              </a:cxn>
              <a:cxn ang="0">
                <a:pos x="325" y="193"/>
              </a:cxn>
              <a:cxn ang="0">
                <a:pos x="216" y="184"/>
              </a:cxn>
              <a:cxn ang="0">
                <a:pos x="304" y="121"/>
              </a:cxn>
              <a:cxn ang="0">
                <a:pos x="307" y="107"/>
              </a:cxn>
              <a:cxn ang="0">
                <a:pos x="285" y="69"/>
              </a:cxn>
              <a:cxn ang="0">
                <a:pos x="225" y="56"/>
              </a:cxn>
              <a:cxn ang="0">
                <a:pos x="187" y="103"/>
              </a:cxn>
              <a:cxn ang="0">
                <a:pos x="131" y="9"/>
              </a:cxn>
              <a:cxn ang="0">
                <a:pos x="58" y="26"/>
              </a:cxn>
              <a:cxn ang="0">
                <a:pos x="64" y="87"/>
              </a:cxn>
              <a:cxn ang="0">
                <a:pos x="61" y="72"/>
              </a:cxn>
              <a:cxn ang="0">
                <a:pos x="74" y="47"/>
              </a:cxn>
              <a:cxn ang="0">
                <a:pos x="120" y="34"/>
              </a:cxn>
              <a:cxn ang="0">
                <a:pos x="170" y="170"/>
              </a:cxn>
              <a:cxn ang="0">
                <a:pos x="64" y="87"/>
              </a:cxn>
              <a:cxn ang="0">
                <a:pos x="236" y="81"/>
              </a:cxn>
              <a:cxn ang="0">
                <a:pos x="268" y="90"/>
              </a:cxn>
              <a:cxn ang="0">
                <a:pos x="281" y="107"/>
              </a:cxn>
              <a:cxn ang="0">
                <a:pos x="280" y="112"/>
              </a:cxn>
              <a:cxn ang="0">
                <a:pos x="199" y="161"/>
              </a:cxn>
              <a:cxn ang="0">
                <a:pos x="236" y="81"/>
              </a:cxn>
            </a:cxnLst>
            <a:rect l="0" t="0" r="r" b="b"/>
            <a:pathLst>
              <a:path w="339" h="463">
                <a:moveTo>
                  <a:pt x="58" y="26"/>
                </a:moveTo>
                <a:cubicBezTo>
                  <a:pt x="43" y="38"/>
                  <a:pt x="35" y="54"/>
                  <a:pt x="35" y="72"/>
                </a:cubicBezTo>
                <a:cubicBezTo>
                  <a:pt x="35" y="79"/>
                  <a:pt x="36" y="88"/>
                  <a:pt x="39" y="96"/>
                </a:cubicBezTo>
                <a:cubicBezTo>
                  <a:pt x="50" y="127"/>
                  <a:pt x="82" y="159"/>
                  <a:pt x="130" y="182"/>
                </a:cubicBezTo>
                <a:cubicBezTo>
                  <a:pt x="77" y="196"/>
                  <a:pt x="29" y="203"/>
                  <a:pt x="15" y="202"/>
                </a:cubicBezTo>
                <a:cubicBezTo>
                  <a:pt x="11" y="201"/>
                  <a:pt x="7" y="203"/>
                  <a:pt x="4" y="205"/>
                </a:cubicBezTo>
                <a:cubicBezTo>
                  <a:pt x="2" y="208"/>
                  <a:pt x="0" y="211"/>
                  <a:pt x="0" y="215"/>
                </a:cubicBezTo>
                <a:cubicBezTo>
                  <a:pt x="0" y="379"/>
                  <a:pt x="0" y="379"/>
                  <a:pt x="0" y="379"/>
                </a:cubicBezTo>
                <a:cubicBezTo>
                  <a:pt x="0" y="385"/>
                  <a:pt x="3" y="390"/>
                  <a:pt x="8" y="392"/>
                </a:cubicBezTo>
                <a:cubicBezTo>
                  <a:pt x="170" y="461"/>
                  <a:pt x="170" y="461"/>
                  <a:pt x="170" y="461"/>
                </a:cubicBezTo>
                <a:cubicBezTo>
                  <a:pt x="174" y="463"/>
                  <a:pt x="179" y="462"/>
                  <a:pt x="183" y="460"/>
                </a:cubicBezTo>
                <a:cubicBezTo>
                  <a:pt x="187" y="457"/>
                  <a:pt x="189" y="453"/>
                  <a:pt x="189" y="449"/>
                </a:cubicBezTo>
                <a:cubicBezTo>
                  <a:pt x="189" y="286"/>
                  <a:pt x="189" y="286"/>
                  <a:pt x="189" y="286"/>
                </a:cubicBezTo>
                <a:cubicBezTo>
                  <a:pt x="189" y="279"/>
                  <a:pt x="183" y="273"/>
                  <a:pt x="175" y="273"/>
                </a:cubicBezTo>
                <a:cubicBezTo>
                  <a:pt x="168" y="273"/>
                  <a:pt x="162" y="279"/>
                  <a:pt x="162" y="286"/>
                </a:cubicBezTo>
                <a:cubicBezTo>
                  <a:pt x="162" y="286"/>
                  <a:pt x="162" y="397"/>
                  <a:pt x="162" y="428"/>
                </a:cubicBezTo>
                <a:cubicBezTo>
                  <a:pt x="135" y="417"/>
                  <a:pt x="40" y="376"/>
                  <a:pt x="27" y="371"/>
                </a:cubicBezTo>
                <a:cubicBezTo>
                  <a:pt x="27" y="356"/>
                  <a:pt x="27" y="249"/>
                  <a:pt x="27" y="228"/>
                </a:cubicBezTo>
                <a:cubicBezTo>
                  <a:pt x="57" y="227"/>
                  <a:pt x="113" y="216"/>
                  <a:pt x="163" y="201"/>
                </a:cubicBezTo>
                <a:cubicBezTo>
                  <a:pt x="166" y="200"/>
                  <a:pt x="168" y="200"/>
                  <a:pt x="171" y="199"/>
                </a:cubicBezTo>
                <a:cubicBezTo>
                  <a:pt x="211" y="212"/>
                  <a:pt x="258" y="220"/>
                  <a:pt x="312" y="220"/>
                </a:cubicBezTo>
                <a:cubicBezTo>
                  <a:pt x="312" y="241"/>
                  <a:pt x="312" y="346"/>
                  <a:pt x="312" y="358"/>
                </a:cubicBezTo>
                <a:cubicBezTo>
                  <a:pt x="300" y="365"/>
                  <a:pt x="218" y="413"/>
                  <a:pt x="218" y="413"/>
                </a:cubicBezTo>
                <a:cubicBezTo>
                  <a:pt x="214" y="415"/>
                  <a:pt x="211" y="420"/>
                  <a:pt x="211" y="424"/>
                </a:cubicBezTo>
                <a:cubicBezTo>
                  <a:pt x="211" y="426"/>
                  <a:pt x="212" y="429"/>
                  <a:pt x="213" y="431"/>
                </a:cubicBezTo>
                <a:cubicBezTo>
                  <a:pt x="217" y="437"/>
                  <a:pt x="225" y="439"/>
                  <a:pt x="231" y="436"/>
                </a:cubicBezTo>
                <a:cubicBezTo>
                  <a:pt x="332" y="378"/>
                  <a:pt x="332" y="378"/>
                  <a:pt x="332" y="378"/>
                </a:cubicBezTo>
                <a:cubicBezTo>
                  <a:pt x="336" y="375"/>
                  <a:pt x="339" y="371"/>
                  <a:pt x="339" y="366"/>
                </a:cubicBezTo>
                <a:cubicBezTo>
                  <a:pt x="339" y="206"/>
                  <a:pt x="339" y="206"/>
                  <a:pt x="339" y="206"/>
                </a:cubicBezTo>
                <a:cubicBezTo>
                  <a:pt x="339" y="203"/>
                  <a:pt x="337" y="199"/>
                  <a:pt x="335" y="197"/>
                </a:cubicBezTo>
                <a:cubicBezTo>
                  <a:pt x="332" y="194"/>
                  <a:pt x="328" y="193"/>
                  <a:pt x="325" y="193"/>
                </a:cubicBezTo>
                <a:cubicBezTo>
                  <a:pt x="284" y="194"/>
                  <a:pt x="247" y="191"/>
                  <a:pt x="216" y="184"/>
                </a:cubicBezTo>
                <a:cubicBezTo>
                  <a:pt x="266" y="164"/>
                  <a:pt x="296" y="143"/>
                  <a:pt x="304" y="121"/>
                </a:cubicBezTo>
                <a:cubicBezTo>
                  <a:pt x="306" y="118"/>
                  <a:pt x="307" y="113"/>
                  <a:pt x="307" y="107"/>
                </a:cubicBezTo>
                <a:cubicBezTo>
                  <a:pt x="307" y="97"/>
                  <a:pt x="302" y="83"/>
                  <a:pt x="285" y="69"/>
                </a:cubicBezTo>
                <a:cubicBezTo>
                  <a:pt x="263" y="53"/>
                  <a:pt x="243" y="48"/>
                  <a:pt x="225" y="56"/>
                </a:cubicBezTo>
                <a:cubicBezTo>
                  <a:pt x="207" y="64"/>
                  <a:pt x="195" y="83"/>
                  <a:pt x="187" y="103"/>
                </a:cubicBezTo>
                <a:cubicBezTo>
                  <a:pt x="177" y="63"/>
                  <a:pt x="161" y="22"/>
                  <a:pt x="131" y="9"/>
                </a:cubicBezTo>
                <a:cubicBezTo>
                  <a:pt x="109" y="0"/>
                  <a:pt x="85" y="5"/>
                  <a:pt x="58" y="26"/>
                </a:cubicBezTo>
                <a:close/>
                <a:moveTo>
                  <a:pt x="64" y="87"/>
                </a:moveTo>
                <a:cubicBezTo>
                  <a:pt x="62" y="81"/>
                  <a:pt x="61" y="76"/>
                  <a:pt x="61" y="72"/>
                </a:cubicBezTo>
                <a:cubicBezTo>
                  <a:pt x="61" y="62"/>
                  <a:pt x="66" y="53"/>
                  <a:pt x="74" y="47"/>
                </a:cubicBezTo>
                <a:cubicBezTo>
                  <a:pt x="93" y="33"/>
                  <a:pt x="108" y="28"/>
                  <a:pt x="120" y="34"/>
                </a:cubicBezTo>
                <a:cubicBezTo>
                  <a:pt x="144" y="45"/>
                  <a:pt x="163" y="97"/>
                  <a:pt x="170" y="170"/>
                </a:cubicBezTo>
                <a:cubicBezTo>
                  <a:pt x="111" y="148"/>
                  <a:pt x="74" y="115"/>
                  <a:pt x="64" y="87"/>
                </a:cubicBezTo>
                <a:close/>
                <a:moveTo>
                  <a:pt x="236" y="81"/>
                </a:moveTo>
                <a:cubicBezTo>
                  <a:pt x="244" y="77"/>
                  <a:pt x="255" y="80"/>
                  <a:pt x="268" y="90"/>
                </a:cubicBezTo>
                <a:cubicBezTo>
                  <a:pt x="278" y="98"/>
                  <a:pt x="281" y="104"/>
                  <a:pt x="281" y="107"/>
                </a:cubicBezTo>
                <a:cubicBezTo>
                  <a:pt x="281" y="109"/>
                  <a:pt x="280" y="111"/>
                  <a:pt x="280" y="112"/>
                </a:cubicBezTo>
                <a:cubicBezTo>
                  <a:pt x="275" y="124"/>
                  <a:pt x="251" y="142"/>
                  <a:pt x="199" y="161"/>
                </a:cubicBezTo>
                <a:cubicBezTo>
                  <a:pt x="204" y="130"/>
                  <a:pt x="216" y="89"/>
                  <a:pt x="236" y="8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9" name="Freeform 449"/>
          <p:cNvSpPr>
            <a:spLocks/>
          </p:cNvSpPr>
          <p:nvPr userDrawn="1"/>
        </p:nvSpPr>
        <p:spPr bwMode="auto">
          <a:xfrm>
            <a:off x="7020938" y="2386230"/>
            <a:ext cx="269875" cy="511174"/>
          </a:xfrm>
          <a:custGeom>
            <a:avLst/>
            <a:gdLst/>
            <a:ahLst/>
            <a:cxnLst>
              <a:cxn ang="0">
                <a:pos x="129" y="2"/>
              </a:cxn>
              <a:cxn ang="0">
                <a:pos x="16" y="54"/>
              </a:cxn>
              <a:cxn ang="0">
                <a:pos x="16" y="77"/>
              </a:cxn>
              <a:cxn ang="0">
                <a:pos x="128" y="127"/>
              </a:cxn>
              <a:cxn ang="0">
                <a:pos x="176" y="119"/>
              </a:cxn>
              <a:cxn ang="0">
                <a:pos x="118" y="143"/>
              </a:cxn>
              <a:cxn ang="0">
                <a:pos x="115" y="145"/>
              </a:cxn>
              <a:cxn ang="0">
                <a:pos x="114" y="146"/>
              </a:cxn>
              <a:cxn ang="0">
                <a:pos x="113" y="147"/>
              </a:cxn>
              <a:cxn ang="0">
                <a:pos x="112" y="148"/>
              </a:cxn>
              <a:cxn ang="0">
                <a:pos x="112" y="148"/>
              </a:cxn>
              <a:cxn ang="0">
                <a:pos x="111" y="149"/>
              </a:cxn>
              <a:cxn ang="0">
                <a:pos x="111" y="150"/>
              </a:cxn>
              <a:cxn ang="0">
                <a:pos x="110" y="155"/>
              </a:cxn>
              <a:cxn ang="0">
                <a:pos x="110" y="196"/>
              </a:cxn>
              <a:cxn ang="0">
                <a:pos x="128" y="208"/>
              </a:cxn>
              <a:cxn ang="0">
                <a:pos x="177" y="200"/>
              </a:cxn>
              <a:cxn ang="0">
                <a:pos x="110" y="236"/>
              </a:cxn>
              <a:cxn ang="0">
                <a:pos x="116" y="288"/>
              </a:cxn>
              <a:cxn ang="0">
                <a:pos x="177" y="270"/>
              </a:cxn>
              <a:cxn ang="0">
                <a:pos x="119" y="305"/>
              </a:cxn>
              <a:cxn ang="0">
                <a:pos x="110" y="358"/>
              </a:cxn>
              <a:cxn ang="0">
                <a:pos x="128" y="370"/>
              </a:cxn>
              <a:cxn ang="0">
                <a:pos x="177" y="362"/>
              </a:cxn>
              <a:cxn ang="0">
                <a:pos x="111" y="404"/>
              </a:cxn>
              <a:cxn ang="0">
                <a:pos x="128" y="411"/>
              </a:cxn>
              <a:cxn ang="0">
                <a:pos x="203" y="371"/>
              </a:cxn>
              <a:cxn ang="0">
                <a:pos x="197" y="320"/>
              </a:cxn>
              <a:cxn ang="0">
                <a:pos x="136" y="338"/>
              </a:cxn>
              <a:cxn ang="0">
                <a:pos x="195" y="302"/>
              </a:cxn>
              <a:cxn ang="0">
                <a:pos x="203" y="250"/>
              </a:cxn>
              <a:cxn ang="0">
                <a:pos x="185" y="237"/>
              </a:cxn>
              <a:cxn ang="0">
                <a:pos x="136" y="245"/>
              </a:cxn>
              <a:cxn ang="0">
                <a:pos x="203" y="209"/>
              </a:cxn>
              <a:cxn ang="0">
                <a:pos x="197" y="158"/>
              </a:cxn>
              <a:cxn ang="0">
                <a:pos x="136" y="176"/>
              </a:cxn>
              <a:cxn ang="0">
                <a:pos x="195" y="140"/>
              </a:cxn>
              <a:cxn ang="0">
                <a:pos x="203" y="88"/>
              </a:cxn>
              <a:cxn ang="0">
                <a:pos x="185" y="75"/>
              </a:cxn>
              <a:cxn ang="0">
                <a:pos x="52" y="65"/>
              </a:cxn>
              <a:cxn ang="0">
                <a:pos x="212" y="74"/>
              </a:cxn>
              <a:cxn ang="0">
                <a:pos x="123" y="424"/>
              </a:cxn>
              <a:cxn ang="0">
                <a:pos x="27" y="129"/>
              </a:cxn>
              <a:cxn ang="0">
                <a:pos x="0" y="129"/>
              </a:cxn>
              <a:cxn ang="0">
                <a:pos x="7" y="398"/>
              </a:cxn>
              <a:cxn ang="0">
                <a:pos x="123" y="452"/>
              </a:cxn>
              <a:cxn ang="0">
                <a:pos x="231" y="406"/>
              </a:cxn>
              <a:cxn ang="0">
                <a:pos x="239" y="65"/>
              </a:cxn>
            </a:cxnLst>
            <a:rect l="0" t="0" r="r" b="b"/>
            <a:pathLst>
              <a:path w="239" h="452">
                <a:moveTo>
                  <a:pt x="231" y="54"/>
                </a:moveTo>
                <a:cubicBezTo>
                  <a:pt x="129" y="2"/>
                  <a:pt x="129" y="2"/>
                  <a:pt x="129" y="2"/>
                </a:cubicBezTo>
                <a:cubicBezTo>
                  <a:pt x="125" y="0"/>
                  <a:pt x="120" y="1"/>
                  <a:pt x="117" y="2"/>
                </a:cubicBezTo>
                <a:cubicBezTo>
                  <a:pt x="16" y="54"/>
                  <a:pt x="16" y="54"/>
                  <a:pt x="16" y="54"/>
                </a:cubicBezTo>
                <a:cubicBezTo>
                  <a:pt x="12" y="56"/>
                  <a:pt x="9" y="61"/>
                  <a:pt x="9" y="66"/>
                </a:cubicBezTo>
                <a:cubicBezTo>
                  <a:pt x="9" y="71"/>
                  <a:pt x="12" y="75"/>
                  <a:pt x="16" y="77"/>
                </a:cubicBezTo>
                <a:cubicBezTo>
                  <a:pt x="117" y="127"/>
                  <a:pt x="117" y="127"/>
                  <a:pt x="117" y="127"/>
                </a:cubicBezTo>
                <a:cubicBezTo>
                  <a:pt x="120" y="128"/>
                  <a:pt x="124" y="128"/>
                  <a:pt x="128" y="127"/>
                </a:cubicBezTo>
                <a:cubicBezTo>
                  <a:pt x="176" y="108"/>
                  <a:pt x="176" y="108"/>
                  <a:pt x="176" y="108"/>
                </a:cubicBezTo>
                <a:cubicBezTo>
                  <a:pt x="176" y="119"/>
                  <a:pt x="176" y="119"/>
                  <a:pt x="176" y="119"/>
                </a:cubicBezTo>
                <a:cubicBezTo>
                  <a:pt x="118" y="143"/>
                  <a:pt x="118" y="143"/>
                  <a:pt x="118" y="143"/>
                </a:cubicBezTo>
                <a:cubicBezTo>
                  <a:pt x="118" y="143"/>
                  <a:pt x="118" y="143"/>
                  <a:pt x="118" y="143"/>
                </a:cubicBezTo>
                <a:cubicBezTo>
                  <a:pt x="117" y="143"/>
                  <a:pt x="116" y="144"/>
                  <a:pt x="115" y="144"/>
                </a:cubicBezTo>
                <a:cubicBezTo>
                  <a:pt x="115" y="145"/>
                  <a:pt x="115" y="145"/>
                  <a:pt x="115" y="145"/>
                </a:cubicBezTo>
                <a:cubicBezTo>
                  <a:pt x="115" y="145"/>
                  <a:pt x="114" y="145"/>
                  <a:pt x="114" y="145"/>
                </a:cubicBezTo>
                <a:cubicBezTo>
                  <a:pt x="114" y="145"/>
                  <a:pt x="114" y="146"/>
                  <a:pt x="114" y="146"/>
                </a:cubicBezTo>
                <a:cubicBezTo>
                  <a:pt x="114" y="146"/>
                  <a:pt x="114" y="146"/>
                  <a:pt x="113" y="146"/>
                </a:cubicBezTo>
                <a:cubicBezTo>
                  <a:pt x="113" y="146"/>
                  <a:pt x="113" y="146"/>
                  <a:pt x="113" y="147"/>
                </a:cubicBezTo>
                <a:cubicBezTo>
                  <a:pt x="113" y="147"/>
                  <a:pt x="113" y="147"/>
                  <a:pt x="113" y="147"/>
                </a:cubicBezTo>
                <a:cubicBezTo>
                  <a:pt x="112" y="147"/>
                  <a:pt x="112" y="147"/>
                  <a:pt x="112" y="148"/>
                </a:cubicBezTo>
                <a:cubicBezTo>
                  <a:pt x="112" y="148"/>
                  <a:pt x="112" y="148"/>
                  <a:pt x="112" y="148"/>
                </a:cubicBezTo>
                <a:cubicBezTo>
                  <a:pt x="112" y="148"/>
                  <a:pt x="112" y="148"/>
                  <a:pt x="112" y="148"/>
                </a:cubicBezTo>
                <a:cubicBezTo>
                  <a:pt x="111" y="149"/>
                  <a:pt x="111" y="149"/>
                  <a:pt x="111" y="149"/>
                </a:cubicBezTo>
                <a:cubicBezTo>
                  <a:pt x="111" y="149"/>
                  <a:pt x="111" y="149"/>
                  <a:pt x="111" y="149"/>
                </a:cubicBezTo>
                <a:cubicBezTo>
                  <a:pt x="111" y="150"/>
                  <a:pt x="111" y="150"/>
                  <a:pt x="111" y="150"/>
                </a:cubicBezTo>
                <a:cubicBezTo>
                  <a:pt x="111" y="150"/>
                  <a:pt x="111" y="150"/>
                  <a:pt x="111" y="150"/>
                </a:cubicBezTo>
                <a:cubicBezTo>
                  <a:pt x="110" y="151"/>
                  <a:pt x="110" y="152"/>
                  <a:pt x="110" y="153"/>
                </a:cubicBezTo>
                <a:cubicBezTo>
                  <a:pt x="110" y="154"/>
                  <a:pt x="110" y="155"/>
                  <a:pt x="110" y="155"/>
                </a:cubicBezTo>
                <a:cubicBezTo>
                  <a:pt x="110" y="155"/>
                  <a:pt x="110" y="155"/>
                  <a:pt x="110" y="155"/>
                </a:cubicBezTo>
                <a:cubicBezTo>
                  <a:pt x="110" y="196"/>
                  <a:pt x="110" y="196"/>
                  <a:pt x="110" y="196"/>
                </a:cubicBezTo>
                <a:cubicBezTo>
                  <a:pt x="110" y="200"/>
                  <a:pt x="112" y="204"/>
                  <a:pt x="116" y="207"/>
                </a:cubicBezTo>
                <a:cubicBezTo>
                  <a:pt x="119" y="209"/>
                  <a:pt x="124" y="210"/>
                  <a:pt x="128" y="208"/>
                </a:cubicBezTo>
                <a:cubicBezTo>
                  <a:pt x="177" y="189"/>
                  <a:pt x="177" y="189"/>
                  <a:pt x="177" y="189"/>
                </a:cubicBezTo>
                <a:cubicBezTo>
                  <a:pt x="177" y="200"/>
                  <a:pt x="177" y="200"/>
                  <a:pt x="177" y="200"/>
                </a:cubicBezTo>
                <a:cubicBezTo>
                  <a:pt x="119" y="224"/>
                  <a:pt x="119" y="224"/>
                  <a:pt x="119" y="224"/>
                </a:cubicBezTo>
                <a:cubicBezTo>
                  <a:pt x="114" y="225"/>
                  <a:pt x="110" y="230"/>
                  <a:pt x="110" y="236"/>
                </a:cubicBezTo>
                <a:cubicBezTo>
                  <a:pt x="110" y="277"/>
                  <a:pt x="110" y="277"/>
                  <a:pt x="110" y="277"/>
                </a:cubicBezTo>
                <a:cubicBezTo>
                  <a:pt x="110" y="281"/>
                  <a:pt x="112" y="285"/>
                  <a:pt x="116" y="288"/>
                </a:cubicBezTo>
                <a:cubicBezTo>
                  <a:pt x="119" y="290"/>
                  <a:pt x="124" y="291"/>
                  <a:pt x="128" y="289"/>
                </a:cubicBezTo>
                <a:cubicBezTo>
                  <a:pt x="177" y="270"/>
                  <a:pt x="177" y="270"/>
                  <a:pt x="177" y="270"/>
                </a:cubicBezTo>
                <a:cubicBezTo>
                  <a:pt x="177" y="281"/>
                  <a:pt x="177" y="281"/>
                  <a:pt x="177" y="281"/>
                </a:cubicBezTo>
                <a:cubicBezTo>
                  <a:pt x="119" y="305"/>
                  <a:pt x="119" y="305"/>
                  <a:pt x="119" y="305"/>
                </a:cubicBezTo>
                <a:cubicBezTo>
                  <a:pt x="114" y="306"/>
                  <a:pt x="110" y="311"/>
                  <a:pt x="110" y="317"/>
                </a:cubicBezTo>
                <a:cubicBezTo>
                  <a:pt x="110" y="358"/>
                  <a:pt x="110" y="358"/>
                  <a:pt x="110" y="358"/>
                </a:cubicBezTo>
                <a:cubicBezTo>
                  <a:pt x="110" y="362"/>
                  <a:pt x="112" y="366"/>
                  <a:pt x="116" y="369"/>
                </a:cubicBezTo>
                <a:cubicBezTo>
                  <a:pt x="119" y="371"/>
                  <a:pt x="124" y="372"/>
                  <a:pt x="128" y="370"/>
                </a:cubicBezTo>
                <a:cubicBezTo>
                  <a:pt x="177" y="351"/>
                  <a:pt x="177" y="351"/>
                  <a:pt x="177" y="351"/>
                </a:cubicBezTo>
                <a:cubicBezTo>
                  <a:pt x="177" y="362"/>
                  <a:pt x="177" y="362"/>
                  <a:pt x="177" y="362"/>
                </a:cubicBezTo>
                <a:cubicBezTo>
                  <a:pt x="118" y="386"/>
                  <a:pt x="118" y="386"/>
                  <a:pt x="118" y="386"/>
                </a:cubicBezTo>
                <a:cubicBezTo>
                  <a:pt x="111" y="389"/>
                  <a:pt x="108" y="397"/>
                  <a:pt x="111" y="404"/>
                </a:cubicBezTo>
                <a:cubicBezTo>
                  <a:pt x="113" y="409"/>
                  <a:pt x="118" y="412"/>
                  <a:pt x="123" y="412"/>
                </a:cubicBezTo>
                <a:cubicBezTo>
                  <a:pt x="125" y="412"/>
                  <a:pt x="127" y="411"/>
                  <a:pt x="128" y="411"/>
                </a:cubicBezTo>
                <a:cubicBezTo>
                  <a:pt x="195" y="383"/>
                  <a:pt x="195" y="383"/>
                  <a:pt x="195" y="383"/>
                </a:cubicBezTo>
                <a:cubicBezTo>
                  <a:pt x="200" y="381"/>
                  <a:pt x="203" y="376"/>
                  <a:pt x="203" y="371"/>
                </a:cubicBezTo>
                <a:cubicBezTo>
                  <a:pt x="203" y="331"/>
                  <a:pt x="203" y="331"/>
                  <a:pt x="203" y="331"/>
                </a:cubicBezTo>
                <a:cubicBezTo>
                  <a:pt x="203" y="326"/>
                  <a:pt x="201" y="322"/>
                  <a:pt x="197" y="320"/>
                </a:cubicBezTo>
                <a:cubicBezTo>
                  <a:pt x="194" y="317"/>
                  <a:pt x="189" y="317"/>
                  <a:pt x="185" y="318"/>
                </a:cubicBezTo>
                <a:cubicBezTo>
                  <a:pt x="136" y="338"/>
                  <a:pt x="136" y="338"/>
                  <a:pt x="136" y="338"/>
                </a:cubicBezTo>
                <a:cubicBezTo>
                  <a:pt x="136" y="326"/>
                  <a:pt x="136" y="326"/>
                  <a:pt x="136" y="326"/>
                </a:cubicBezTo>
                <a:cubicBezTo>
                  <a:pt x="195" y="302"/>
                  <a:pt x="195" y="302"/>
                  <a:pt x="195" y="302"/>
                </a:cubicBezTo>
                <a:cubicBezTo>
                  <a:pt x="200" y="300"/>
                  <a:pt x="203" y="295"/>
                  <a:pt x="203" y="290"/>
                </a:cubicBezTo>
                <a:cubicBezTo>
                  <a:pt x="203" y="250"/>
                  <a:pt x="203" y="250"/>
                  <a:pt x="203" y="250"/>
                </a:cubicBezTo>
                <a:cubicBezTo>
                  <a:pt x="203" y="245"/>
                  <a:pt x="201" y="241"/>
                  <a:pt x="197" y="239"/>
                </a:cubicBezTo>
                <a:cubicBezTo>
                  <a:pt x="194" y="236"/>
                  <a:pt x="189" y="236"/>
                  <a:pt x="185" y="237"/>
                </a:cubicBezTo>
                <a:cubicBezTo>
                  <a:pt x="136" y="257"/>
                  <a:pt x="136" y="257"/>
                  <a:pt x="136" y="257"/>
                </a:cubicBezTo>
                <a:cubicBezTo>
                  <a:pt x="136" y="245"/>
                  <a:pt x="136" y="245"/>
                  <a:pt x="136" y="245"/>
                </a:cubicBezTo>
                <a:cubicBezTo>
                  <a:pt x="195" y="221"/>
                  <a:pt x="195" y="221"/>
                  <a:pt x="195" y="221"/>
                </a:cubicBezTo>
                <a:cubicBezTo>
                  <a:pt x="200" y="219"/>
                  <a:pt x="203" y="214"/>
                  <a:pt x="203" y="209"/>
                </a:cubicBezTo>
                <a:cubicBezTo>
                  <a:pt x="203" y="169"/>
                  <a:pt x="203" y="169"/>
                  <a:pt x="203" y="169"/>
                </a:cubicBezTo>
                <a:cubicBezTo>
                  <a:pt x="203" y="164"/>
                  <a:pt x="201" y="160"/>
                  <a:pt x="197" y="158"/>
                </a:cubicBezTo>
                <a:cubicBezTo>
                  <a:pt x="194" y="155"/>
                  <a:pt x="189" y="155"/>
                  <a:pt x="185" y="156"/>
                </a:cubicBezTo>
                <a:cubicBezTo>
                  <a:pt x="136" y="176"/>
                  <a:pt x="136" y="176"/>
                  <a:pt x="136" y="176"/>
                </a:cubicBezTo>
                <a:cubicBezTo>
                  <a:pt x="136" y="164"/>
                  <a:pt x="136" y="164"/>
                  <a:pt x="136" y="164"/>
                </a:cubicBezTo>
                <a:cubicBezTo>
                  <a:pt x="195" y="140"/>
                  <a:pt x="195" y="140"/>
                  <a:pt x="195" y="140"/>
                </a:cubicBezTo>
                <a:cubicBezTo>
                  <a:pt x="200" y="138"/>
                  <a:pt x="203" y="133"/>
                  <a:pt x="203" y="128"/>
                </a:cubicBezTo>
                <a:cubicBezTo>
                  <a:pt x="203" y="88"/>
                  <a:pt x="203" y="88"/>
                  <a:pt x="203" y="88"/>
                </a:cubicBezTo>
                <a:cubicBezTo>
                  <a:pt x="203" y="83"/>
                  <a:pt x="201" y="79"/>
                  <a:pt x="197" y="77"/>
                </a:cubicBezTo>
                <a:cubicBezTo>
                  <a:pt x="194" y="74"/>
                  <a:pt x="189" y="74"/>
                  <a:pt x="185" y="75"/>
                </a:cubicBezTo>
                <a:cubicBezTo>
                  <a:pt x="123" y="100"/>
                  <a:pt x="123" y="100"/>
                  <a:pt x="123" y="100"/>
                </a:cubicBezTo>
                <a:cubicBezTo>
                  <a:pt x="52" y="65"/>
                  <a:pt x="52" y="65"/>
                  <a:pt x="52" y="65"/>
                </a:cubicBezTo>
                <a:cubicBezTo>
                  <a:pt x="123" y="29"/>
                  <a:pt x="123" y="29"/>
                  <a:pt x="123" y="29"/>
                </a:cubicBezTo>
                <a:cubicBezTo>
                  <a:pt x="212" y="74"/>
                  <a:pt x="212" y="74"/>
                  <a:pt x="212" y="74"/>
                </a:cubicBezTo>
                <a:cubicBezTo>
                  <a:pt x="212" y="385"/>
                  <a:pt x="212" y="385"/>
                  <a:pt x="212" y="385"/>
                </a:cubicBezTo>
                <a:cubicBezTo>
                  <a:pt x="123" y="424"/>
                  <a:pt x="123" y="424"/>
                  <a:pt x="123" y="424"/>
                </a:cubicBezTo>
                <a:cubicBezTo>
                  <a:pt x="27" y="378"/>
                  <a:pt x="27" y="378"/>
                  <a:pt x="27" y="378"/>
                </a:cubicBezTo>
                <a:cubicBezTo>
                  <a:pt x="27" y="129"/>
                  <a:pt x="27" y="129"/>
                  <a:pt x="27" y="129"/>
                </a:cubicBezTo>
                <a:cubicBezTo>
                  <a:pt x="27" y="122"/>
                  <a:pt x="21" y="116"/>
                  <a:pt x="13" y="116"/>
                </a:cubicBezTo>
                <a:cubicBezTo>
                  <a:pt x="6" y="116"/>
                  <a:pt x="0" y="122"/>
                  <a:pt x="0" y="129"/>
                </a:cubicBezTo>
                <a:cubicBezTo>
                  <a:pt x="0" y="386"/>
                  <a:pt x="0" y="386"/>
                  <a:pt x="0" y="386"/>
                </a:cubicBezTo>
                <a:cubicBezTo>
                  <a:pt x="0" y="391"/>
                  <a:pt x="3" y="396"/>
                  <a:pt x="7" y="398"/>
                </a:cubicBezTo>
                <a:cubicBezTo>
                  <a:pt x="117" y="450"/>
                  <a:pt x="117" y="450"/>
                  <a:pt x="117" y="450"/>
                </a:cubicBezTo>
                <a:cubicBezTo>
                  <a:pt x="119" y="451"/>
                  <a:pt x="121" y="452"/>
                  <a:pt x="123" y="452"/>
                </a:cubicBezTo>
                <a:cubicBezTo>
                  <a:pt x="124" y="452"/>
                  <a:pt x="126" y="451"/>
                  <a:pt x="128" y="451"/>
                </a:cubicBezTo>
                <a:cubicBezTo>
                  <a:pt x="231" y="406"/>
                  <a:pt x="231" y="406"/>
                  <a:pt x="231" y="406"/>
                </a:cubicBezTo>
                <a:cubicBezTo>
                  <a:pt x="236" y="404"/>
                  <a:pt x="239" y="399"/>
                  <a:pt x="239" y="394"/>
                </a:cubicBezTo>
                <a:cubicBezTo>
                  <a:pt x="239" y="65"/>
                  <a:pt x="239" y="65"/>
                  <a:pt x="239" y="65"/>
                </a:cubicBezTo>
                <a:cubicBezTo>
                  <a:pt x="239" y="60"/>
                  <a:pt x="236" y="56"/>
                  <a:pt x="231" y="5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0" name="Freeform 469"/>
          <p:cNvSpPr>
            <a:spLocks/>
          </p:cNvSpPr>
          <p:nvPr userDrawn="1"/>
        </p:nvSpPr>
        <p:spPr bwMode="auto">
          <a:xfrm>
            <a:off x="6898700" y="1839817"/>
            <a:ext cx="514350" cy="328613"/>
          </a:xfrm>
          <a:custGeom>
            <a:avLst/>
            <a:gdLst/>
            <a:ahLst/>
            <a:cxnLst>
              <a:cxn ang="0">
                <a:pos x="210" y="6"/>
              </a:cxn>
              <a:cxn ang="0">
                <a:pos x="198" y="20"/>
              </a:cxn>
              <a:cxn ang="0">
                <a:pos x="212" y="32"/>
              </a:cxn>
              <a:cxn ang="0">
                <a:pos x="372" y="100"/>
              </a:cxn>
              <a:cxn ang="0">
                <a:pos x="421" y="165"/>
              </a:cxn>
              <a:cxn ang="0">
                <a:pos x="337" y="212"/>
              </a:cxn>
              <a:cxn ang="0">
                <a:pos x="222" y="258"/>
              </a:cxn>
              <a:cxn ang="0">
                <a:pos x="66" y="217"/>
              </a:cxn>
              <a:cxn ang="0">
                <a:pos x="29" y="173"/>
              </a:cxn>
              <a:cxn ang="0">
                <a:pos x="141" y="103"/>
              </a:cxn>
              <a:cxn ang="0">
                <a:pos x="129" y="149"/>
              </a:cxn>
              <a:cxn ang="0">
                <a:pos x="217" y="237"/>
              </a:cxn>
              <a:cxn ang="0">
                <a:pos x="306" y="149"/>
              </a:cxn>
              <a:cxn ang="0">
                <a:pos x="241" y="63"/>
              </a:cxn>
              <a:cxn ang="0">
                <a:pos x="225" y="73"/>
              </a:cxn>
              <a:cxn ang="0">
                <a:pos x="234" y="89"/>
              </a:cxn>
              <a:cxn ang="0">
                <a:pos x="279" y="149"/>
              </a:cxn>
              <a:cxn ang="0">
                <a:pos x="217" y="210"/>
              </a:cxn>
              <a:cxn ang="0">
                <a:pos x="155" y="149"/>
              </a:cxn>
              <a:cxn ang="0">
                <a:pos x="183" y="97"/>
              </a:cxn>
              <a:cxn ang="0">
                <a:pos x="188" y="83"/>
              </a:cxn>
              <a:cxn ang="0">
                <a:pos x="175" y="73"/>
              </a:cxn>
              <a:cxn ang="0">
                <a:pos x="108" y="84"/>
              </a:cxn>
              <a:cxn ang="0">
                <a:pos x="2" y="167"/>
              </a:cxn>
              <a:cxn ang="0">
                <a:pos x="1" y="178"/>
              </a:cxn>
              <a:cxn ang="0">
                <a:pos x="48" y="237"/>
              </a:cxn>
              <a:cxn ang="0">
                <a:pos x="224" y="285"/>
              </a:cxn>
              <a:cxn ang="0">
                <a:pos x="353" y="234"/>
              </a:cxn>
              <a:cxn ang="0">
                <a:pos x="444" y="186"/>
              </a:cxn>
              <a:cxn ang="0">
                <a:pos x="453" y="178"/>
              </a:cxn>
              <a:cxn ang="0">
                <a:pos x="453" y="167"/>
              </a:cxn>
              <a:cxn ang="0">
                <a:pos x="392" y="82"/>
              </a:cxn>
              <a:cxn ang="0">
                <a:pos x="210" y="6"/>
              </a:cxn>
            </a:cxnLst>
            <a:rect l="0" t="0" r="r" b="b"/>
            <a:pathLst>
              <a:path w="455" h="291">
                <a:moveTo>
                  <a:pt x="210" y="6"/>
                </a:moveTo>
                <a:cubicBezTo>
                  <a:pt x="202" y="7"/>
                  <a:pt x="197" y="13"/>
                  <a:pt x="198" y="20"/>
                </a:cubicBezTo>
                <a:cubicBezTo>
                  <a:pt x="198" y="28"/>
                  <a:pt x="205" y="33"/>
                  <a:pt x="212" y="32"/>
                </a:cubicBezTo>
                <a:cubicBezTo>
                  <a:pt x="270" y="27"/>
                  <a:pt x="324" y="50"/>
                  <a:pt x="372" y="100"/>
                </a:cubicBezTo>
                <a:cubicBezTo>
                  <a:pt x="396" y="124"/>
                  <a:pt x="413" y="150"/>
                  <a:pt x="421" y="165"/>
                </a:cubicBezTo>
                <a:cubicBezTo>
                  <a:pt x="383" y="178"/>
                  <a:pt x="359" y="196"/>
                  <a:pt x="337" y="212"/>
                </a:cubicBezTo>
                <a:cubicBezTo>
                  <a:pt x="308" y="235"/>
                  <a:pt x="282" y="254"/>
                  <a:pt x="222" y="258"/>
                </a:cubicBezTo>
                <a:cubicBezTo>
                  <a:pt x="158" y="263"/>
                  <a:pt x="105" y="249"/>
                  <a:pt x="66" y="217"/>
                </a:cubicBezTo>
                <a:cubicBezTo>
                  <a:pt x="45" y="200"/>
                  <a:pt x="34" y="182"/>
                  <a:pt x="29" y="173"/>
                </a:cubicBezTo>
                <a:cubicBezTo>
                  <a:pt x="56" y="126"/>
                  <a:pt x="108" y="109"/>
                  <a:pt x="141" y="103"/>
                </a:cubicBezTo>
                <a:cubicBezTo>
                  <a:pt x="133" y="117"/>
                  <a:pt x="129" y="132"/>
                  <a:pt x="129" y="149"/>
                </a:cubicBezTo>
                <a:cubicBezTo>
                  <a:pt x="129" y="197"/>
                  <a:pt x="168" y="237"/>
                  <a:pt x="217" y="237"/>
                </a:cubicBezTo>
                <a:cubicBezTo>
                  <a:pt x="266" y="237"/>
                  <a:pt x="306" y="197"/>
                  <a:pt x="306" y="149"/>
                </a:cubicBezTo>
                <a:cubicBezTo>
                  <a:pt x="306" y="109"/>
                  <a:pt x="279" y="74"/>
                  <a:pt x="241" y="63"/>
                </a:cubicBezTo>
                <a:cubicBezTo>
                  <a:pt x="234" y="61"/>
                  <a:pt x="226" y="66"/>
                  <a:pt x="225" y="73"/>
                </a:cubicBezTo>
                <a:cubicBezTo>
                  <a:pt x="223" y="80"/>
                  <a:pt x="227" y="87"/>
                  <a:pt x="234" y="89"/>
                </a:cubicBezTo>
                <a:cubicBezTo>
                  <a:pt x="260" y="97"/>
                  <a:pt x="279" y="121"/>
                  <a:pt x="279" y="149"/>
                </a:cubicBezTo>
                <a:cubicBezTo>
                  <a:pt x="279" y="183"/>
                  <a:pt x="251" y="210"/>
                  <a:pt x="217" y="210"/>
                </a:cubicBezTo>
                <a:cubicBezTo>
                  <a:pt x="183" y="210"/>
                  <a:pt x="155" y="183"/>
                  <a:pt x="155" y="149"/>
                </a:cubicBezTo>
                <a:cubicBezTo>
                  <a:pt x="155" y="128"/>
                  <a:pt x="166" y="109"/>
                  <a:pt x="183" y="97"/>
                </a:cubicBezTo>
                <a:cubicBezTo>
                  <a:pt x="188" y="94"/>
                  <a:pt x="190" y="88"/>
                  <a:pt x="188" y="83"/>
                </a:cubicBezTo>
                <a:cubicBezTo>
                  <a:pt x="186" y="77"/>
                  <a:pt x="181" y="73"/>
                  <a:pt x="175" y="73"/>
                </a:cubicBezTo>
                <a:cubicBezTo>
                  <a:pt x="174" y="73"/>
                  <a:pt x="144" y="73"/>
                  <a:pt x="108" y="84"/>
                </a:cubicBezTo>
                <a:cubicBezTo>
                  <a:pt x="59" y="99"/>
                  <a:pt x="22" y="127"/>
                  <a:pt x="2" y="167"/>
                </a:cubicBezTo>
                <a:cubicBezTo>
                  <a:pt x="0" y="170"/>
                  <a:pt x="0" y="174"/>
                  <a:pt x="1" y="178"/>
                </a:cubicBezTo>
                <a:cubicBezTo>
                  <a:pt x="2" y="179"/>
                  <a:pt x="14" y="209"/>
                  <a:pt x="48" y="237"/>
                </a:cubicBezTo>
                <a:cubicBezTo>
                  <a:pt x="79" y="262"/>
                  <a:pt x="134" y="291"/>
                  <a:pt x="224" y="285"/>
                </a:cubicBezTo>
                <a:cubicBezTo>
                  <a:pt x="292" y="280"/>
                  <a:pt x="322" y="258"/>
                  <a:pt x="353" y="234"/>
                </a:cubicBezTo>
                <a:cubicBezTo>
                  <a:pt x="377" y="216"/>
                  <a:pt x="401" y="198"/>
                  <a:pt x="444" y="186"/>
                </a:cubicBezTo>
                <a:cubicBezTo>
                  <a:pt x="448" y="185"/>
                  <a:pt x="451" y="182"/>
                  <a:pt x="453" y="178"/>
                </a:cubicBezTo>
                <a:cubicBezTo>
                  <a:pt x="455" y="175"/>
                  <a:pt x="455" y="171"/>
                  <a:pt x="453" y="167"/>
                </a:cubicBezTo>
                <a:cubicBezTo>
                  <a:pt x="452" y="165"/>
                  <a:pt x="432" y="123"/>
                  <a:pt x="392" y="82"/>
                </a:cubicBezTo>
                <a:cubicBezTo>
                  <a:pt x="338" y="26"/>
                  <a:pt x="275" y="0"/>
                  <a:pt x="210" y="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1" name="Freeform 477"/>
          <p:cNvSpPr>
            <a:spLocks noEditPoints="1"/>
          </p:cNvSpPr>
          <p:nvPr userDrawn="1"/>
        </p:nvSpPr>
        <p:spPr bwMode="auto">
          <a:xfrm>
            <a:off x="6893938" y="3112402"/>
            <a:ext cx="523875" cy="271463"/>
          </a:xfrm>
          <a:custGeom>
            <a:avLst/>
            <a:gdLst/>
            <a:ahLst/>
            <a:cxnLst>
              <a:cxn ang="0">
                <a:pos x="31" y="177"/>
              </a:cxn>
              <a:cxn ang="0">
                <a:pos x="0" y="134"/>
              </a:cxn>
              <a:cxn ang="0">
                <a:pos x="32" y="91"/>
              </a:cxn>
              <a:cxn ang="0">
                <a:pos x="45" y="31"/>
              </a:cxn>
              <a:cxn ang="0">
                <a:pos x="120" y="43"/>
              </a:cxn>
              <a:cxn ang="0">
                <a:pos x="121" y="50"/>
              </a:cxn>
              <a:cxn ang="0">
                <a:pos x="148" y="61"/>
              </a:cxn>
              <a:cxn ang="0">
                <a:pos x="158" y="44"/>
              </a:cxn>
              <a:cxn ang="0">
                <a:pos x="193" y="31"/>
              </a:cxn>
              <a:cxn ang="0">
                <a:pos x="182" y="58"/>
              </a:cxn>
              <a:cxn ang="0">
                <a:pos x="140" y="89"/>
              </a:cxn>
              <a:cxn ang="0">
                <a:pos x="100" y="67"/>
              </a:cxn>
              <a:cxn ang="0">
                <a:pos x="58" y="101"/>
              </a:cxn>
              <a:cxn ang="0">
                <a:pos x="44" y="115"/>
              </a:cxn>
              <a:cxn ang="0">
                <a:pos x="27" y="134"/>
              </a:cxn>
              <a:cxn ang="0">
                <a:pos x="45" y="153"/>
              </a:cxn>
              <a:cxn ang="0">
                <a:pos x="46" y="153"/>
              </a:cxn>
              <a:cxn ang="0">
                <a:pos x="96" y="213"/>
              </a:cxn>
              <a:cxn ang="0">
                <a:pos x="139" y="181"/>
              </a:cxn>
              <a:cxn ang="0">
                <a:pos x="178" y="204"/>
              </a:cxn>
              <a:cxn ang="0">
                <a:pos x="219" y="166"/>
              </a:cxn>
              <a:cxn ang="0">
                <a:pos x="247" y="144"/>
              </a:cxn>
              <a:cxn ang="0">
                <a:pos x="250" y="134"/>
              </a:cxn>
              <a:cxn ang="0">
                <a:pos x="242" y="119"/>
              </a:cxn>
              <a:cxn ang="0">
                <a:pos x="219" y="44"/>
              </a:cxn>
              <a:cxn ang="0">
                <a:pos x="287" y="19"/>
              </a:cxn>
              <a:cxn ang="0">
                <a:pos x="325" y="0"/>
              </a:cxn>
              <a:cxn ang="0">
                <a:pos x="367" y="31"/>
              </a:cxn>
              <a:cxn ang="0">
                <a:pos x="431" y="91"/>
              </a:cxn>
              <a:cxn ang="0">
                <a:pos x="463" y="134"/>
              </a:cxn>
              <a:cxn ang="0">
                <a:pos x="439" y="173"/>
              </a:cxn>
              <a:cxn ang="0">
                <a:pos x="427" y="235"/>
              </a:cxn>
              <a:cxn ang="0">
                <a:pos x="343" y="227"/>
              </a:cxn>
              <a:cxn ang="0">
                <a:pos x="325" y="208"/>
              </a:cxn>
              <a:cxn ang="0">
                <a:pos x="323" y="208"/>
              </a:cxn>
              <a:cxn ang="0">
                <a:pos x="306" y="227"/>
              </a:cxn>
              <a:cxn ang="0">
                <a:pos x="257" y="226"/>
              </a:cxn>
              <a:cxn ang="0">
                <a:pos x="288" y="200"/>
              </a:cxn>
              <a:cxn ang="0">
                <a:pos x="324" y="181"/>
              </a:cxn>
              <a:cxn ang="0">
                <a:pos x="325" y="181"/>
              </a:cxn>
              <a:cxn ang="0">
                <a:pos x="367" y="212"/>
              </a:cxn>
              <a:cxn ang="0">
                <a:pos x="417" y="153"/>
              </a:cxn>
              <a:cxn ang="0">
                <a:pos x="423" y="152"/>
              </a:cxn>
              <a:cxn ang="0">
                <a:pos x="434" y="125"/>
              </a:cxn>
              <a:cxn ang="0">
                <a:pos x="416" y="114"/>
              </a:cxn>
              <a:cxn ang="0">
                <a:pos x="356" y="58"/>
              </a:cxn>
              <a:cxn ang="0">
                <a:pos x="329" y="27"/>
              </a:cxn>
              <a:cxn ang="0">
                <a:pos x="318" y="27"/>
              </a:cxn>
              <a:cxn ang="0">
                <a:pos x="292" y="58"/>
              </a:cxn>
              <a:cxn ang="0">
                <a:pos x="257" y="97"/>
              </a:cxn>
              <a:cxn ang="0">
                <a:pos x="277" y="134"/>
              </a:cxn>
              <a:cxn ang="0">
                <a:pos x="245" y="177"/>
              </a:cxn>
              <a:cxn ang="0">
                <a:pos x="232" y="239"/>
              </a:cxn>
              <a:cxn ang="0">
                <a:pos x="157" y="226"/>
              </a:cxn>
              <a:cxn ang="0">
                <a:pos x="157" y="225"/>
              </a:cxn>
              <a:cxn ang="0">
                <a:pos x="139" y="207"/>
              </a:cxn>
              <a:cxn ang="0">
                <a:pos x="120" y="226"/>
              </a:cxn>
              <a:cxn ang="0">
                <a:pos x="106" y="239"/>
              </a:cxn>
              <a:cxn ang="0">
                <a:pos x="329" y="207"/>
              </a:cxn>
              <a:cxn ang="0">
                <a:pos x="335" y="202"/>
              </a:cxn>
              <a:cxn ang="0">
                <a:pos x="336" y="200"/>
              </a:cxn>
              <a:cxn ang="0">
                <a:pos x="336" y="200"/>
              </a:cxn>
            </a:cxnLst>
            <a:rect l="0" t="0" r="r" b="b"/>
            <a:pathLst>
              <a:path w="463" h="239">
                <a:moveTo>
                  <a:pt x="32" y="226"/>
                </a:moveTo>
                <a:cubicBezTo>
                  <a:pt x="32" y="177"/>
                  <a:pt x="32" y="177"/>
                  <a:pt x="32" y="177"/>
                </a:cubicBezTo>
                <a:cubicBezTo>
                  <a:pt x="32" y="177"/>
                  <a:pt x="32" y="177"/>
                  <a:pt x="31" y="177"/>
                </a:cubicBezTo>
                <a:cubicBezTo>
                  <a:pt x="24" y="174"/>
                  <a:pt x="15" y="170"/>
                  <a:pt x="8" y="160"/>
                </a:cubicBezTo>
                <a:cubicBezTo>
                  <a:pt x="4" y="153"/>
                  <a:pt x="1" y="145"/>
                  <a:pt x="0" y="135"/>
                </a:cubicBezTo>
                <a:cubicBezTo>
                  <a:pt x="0" y="134"/>
                  <a:pt x="0" y="134"/>
                  <a:pt x="0" y="134"/>
                </a:cubicBezTo>
                <a:cubicBezTo>
                  <a:pt x="1" y="124"/>
                  <a:pt x="3" y="115"/>
                  <a:pt x="8" y="108"/>
                </a:cubicBezTo>
                <a:cubicBezTo>
                  <a:pt x="12" y="102"/>
                  <a:pt x="18" y="97"/>
                  <a:pt x="23" y="94"/>
                </a:cubicBezTo>
                <a:cubicBezTo>
                  <a:pt x="26" y="93"/>
                  <a:pt x="29" y="91"/>
                  <a:pt x="32" y="91"/>
                </a:cubicBezTo>
                <a:cubicBezTo>
                  <a:pt x="32" y="44"/>
                  <a:pt x="32" y="44"/>
                  <a:pt x="32" y="44"/>
                </a:cubicBezTo>
                <a:cubicBezTo>
                  <a:pt x="32" y="41"/>
                  <a:pt x="33" y="38"/>
                  <a:pt x="36" y="35"/>
                </a:cubicBezTo>
                <a:cubicBezTo>
                  <a:pt x="38" y="33"/>
                  <a:pt x="42" y="31"/>
                  <a:pt x="45" y="31"/>
                </a:cubicBezTo>
                <a:cubicBezTo>
                  <a:pt x="106" y="31"/>
                  <a:pt x="106" y="31"/>
                  <a:pt x="106" y="31"/>
                </a:cubicBezTo>
                <a:cubicBezTo>
                  <a:pt x="113" y="31"/>
                  <a:pt x="119" y="37"/>
                  <a:pt x="119" y="43"/>
                </a:cubicBezTo>
                <a:cubicBezTo>
                  <a:pt x="120" y="43"/>
                  <a:pt x="120" y="43"/>
                  <a:pt x="120" y="43"/>
                </a:cubicBezTo>
                <a:cubicBezTo>
                  <a:pt x="120" y="43"/>
                  <a:pt x="120" y="44"/>
                  <a:pt x="120" y="44"/>
                </a:cubicBezTo>
                <a:cubicBezTo>
                  <a:pt x="120" y="44"/>
                  <a:pt x="120" y="44"/>
                  <a:pt x="120" y="45"/>
                </a:cubicBezTo>
                <a:cubicBezTo>
                  <a:pt x="120" y="46"/>
                  <a:pt x="120" y="48"/>
                  <a:pt x="121" y="50"/>
                </a:cubicBezTo>
                <a:cubicBezTo>
                  <a:pt x="123" y="54"/>
                  <a:pt x="125" y="58"/>
                  <a:pt x="128" y="60"/>
                </a:cubicBezTo>
                <a:cubicBezTo>
                  <a:pt x="131" y="62"/>
                  <a:pt x="134" y="63"/>
                  <a:pt x="139" y="63"/>
                </a:cubicBezTo>
                <a:cubicBezTo>
                  <a:pt x="143" y="63"/>
                  <a:pt x="146" y="62"/>
                  <a:pt x="148" y="61"/>
                </a:cubicBezTo>
                <a:cubicBezTo>
                  <a:pt x="151" y="59"/>
                  <a:pt x="152" y="58"/>
                  <a:pt x="154" y="56"/>
                </a:cubicBezTo>
                <a:cubicBezTo>
                  <a:pt x="156" y="52"/>
                  <a:pt x="158" y="47"/>
                  <a:pt x="158" y="45"/>
                </a:cubicBezTo>
                <a:cubicBezTo>
                  <a:pt x="158" y="44"/>
                  <a:pt x="158" y="44"/>
                  <a:pt x="158" y="44"/>
                </a:cubicBezTo>
                <a:cubicBezTo>
                  <a:pt x="158" y="37"/>
                  <a:pt x="164" y="31"/>
                  <a:pt x="171" y="31"/>
                </a:cubicBezTo>
                <a:cubicBezTo>
                  <a:pt x="193" y="31"/>
                  <a:pt x="193" y="31"/>
                  <a:pt x="193" y="31"/>
                </a:cubicBezTo>
                <a:cubicBezTo>
                  <a:pt x="193" y="31"/>
                  <a:pt x="193" y="31"/>
                  <a:pt x="193" y="31"/>
                </a:cubicBezTo>
                <a:cubicBezTo>
                  <a:pt x="200" y="31"/>
                  <a:pt x="206" y="37"/>
                  <a:pt x="206" y="45"/>
                </a:cubicBezTo>
                <a:cubicBezTo>
                  <a:pt x="206" y="52"/>
                  <a:pt x="200" y="58"/>
                  <a:pt x="193" y="58"/>
                </a:cubicBezTo>
                <a:cubicBezTo>
                  <a:pt x="182" y="58"/>
                  <a:pt x="182" y="58"/>
                  <a:pt x="182" y="58"/>
                </a:cubicBezTo>
                <a:cubicBezTo>
                  <a:pt x="182" y="58"/>
                  <a:pt x="182" y="58"/>
                  <a:pt x="182" y="59"/>
                </a:cubicBezTo>
                <a:cubicBezTo>
                  <a:pt x="179" y="66"/>
                  <a:pt x="174" y="75"/>
                  <a:pt x="164" y="82"/>
                </a:cubicBezTo>
                <a:cubicBezTo>
                  <a:pt x="158" y="86"/>
                  <a:pt x="149" y="89"/>
                  <a:pt x="140" y="89"/>
                </a:cubicBezTo>
                <a:cubicBezTo>
                  <a:pt x="139" y="89"/>
                  <a:pt x="139" y="89"/>
                  <a:pt x="139" y="89"/>
                </a:cubicBezTo>
                <a:cubicBezTo>
                  <a:pt x="129" y="89"/>
                  <a:pt x="120" y="87"/>
                  <a:pt x="114" y="82"/>
                </a:cubicBezTo>
                <a:cubicBezTo>
                  <a:pt x="107" y="78"/>
                  <a:pt x="103" y="72"/>
                  <a:pt x="100" y="67"/>
                </a:cubicBezTo>
                <a:cubicBezTo>
                  <a:pt x="98" y="64"/>
                  <a:pt x="97" y="61"/>
                  <a:pt x="96" y="58"/>
                </a:cubicBezTo>
                <a:cubicBezTo>
                  <a:pt x="58" y="58"/>
                  <a:pt x="58" y="58"/>
                  <a:pt x="58" y="58"/>
                </a:cubicBezTo>
                <a:cubicBezTo>
                  <a:pt x="58" y="101"/>
                  <a:pt x="58" y="101"/>
                  <a:pt x="58" y="101"/>
                </a:cubicBezTo>
                <a:cubicBezTo>
                  <a:pt x="58" y="108"/>
                  <a:pt x="53" y="114"/>
                  <a:pt x="46" y="115"/>
                </a:cubicBezTo>
                <a:cubicBezTo>
                  <a:pt x="46" y="115"/>
                  <a:pt x="46" y="115"/>
                  <a:pt x="46" y="115"/>
                </a:cubicBezTo>
                <a:cubicBezTo>
                  <a:pt x="45" y="115"/>
                  <a:pt x="45" y="115"/>
                  <a:pt x="44" y="115"/>
                </a:cubicBezTo>
                <a:cubicBezTo>
                  <a:pt x="43" y="115"/>
                  <a:pt x="42" y="115"/>
                  <a:pt x="40" y="116"/>
                </a:cubicBezTo>
                <a:cubicBezTo>
                  <a:pt x="36" y="117"/>
                  <a:pt x="32" y="119"/>
                  <a:pt x="30" y="123"/>
                </a:cubicBezTo>
                <a:cubicBezTo>
                  <a:pt x="28" y="125"/>
                  <a:pt x="27" y="129"/>
                  <a:pt x="27" y="134"/>
                </a:cubicBezTo>
                <a:cubicBezTo>
                  <a:pt x="27" y="139"/>
                  <a:pt x="28" y="141"/>
                  <a:pt x="29" y="144"/>
                </a:cubicBezTo>
                <a:cubicBezTo>
                  <a:pt x="30" y="146"/>
                  <a:pt x="32" y="147"/>
                  <a:pt x="34" y="149"/>
                </a:cubicBezTo>
                <a:cubicBezTo>
                  <a:pt x="38" y="151"/>
                  <a:pt x="43" y="152"/>
                  <a:pt x="45" y="153"/>
                </a:cubicBezTo>
                <a:cubicBezTo>
                  <a:pt x="45" y="153"/>
                  <a:pt x="46" y="153"/>
                  <a:pt x="46" y="153"/>
                </a:cubicBezTo>
                <a:cubicBezTo>
                  <a:pt x="46" y="153"/>
                  <a:pt x="46" y="153"/>
                  <a:pt x="46" y="153"/>
                </a:cubicBezTo>
                <a:cubicBezTo>
                  <a:pt x="46" y="153"/>
                  <a:pt x="46" y="153"/>
                  <a:pt x="46" y="153"/>
                </a:cubicBezTo>
                <a:cubicBezTo>
                  <a:pt x="53" y="153"/>
                  <a:pt x="59" y="159"/>
                  <a:pt x="59" y="166"/>
                </a:cubicBezTo>
                <a:cubicBezTo>
                  <a:pt x="59" y="213"/>
                  <a:pt x="59" y="213"/>
                  <a:pt x="59" y="213"/>
                </a:cubicBezTo>
                <a:cubicBezTo>
                  <a:pt x="96" y="213"/>
                  <a:pt x="96" y="213"/>
                  <a:pt x="96" y="213"/>
                </a:cubicBezTo>
                <a:cubicBezTo>
                  <a:pt x="96" y="212"/>
                  <a:pt x="96" y="212"/>
                  <a:pt x="96" y="211"/>
                </a:cubicBezTo>
                <a:cubicBezTo>
                  <a:pt x="99" y="204"/>
                  <a:pt x="104" y="195"/>
                  <a:pt x="114" y="188"/>
                </a:cubicBezTo>
                <a:cubicBezTo>
                  <a:pt x="120" y="184"/>
                  <a:pt x="129" y="181"/>
                  <a:pt x="139" y="181"/>
                </a:cubicBezTo>
                <a:cubicBezTo>
                  <a:pt x="140" y="181"/>
                  <a:pt x="140" y="181"/>
                  <a:pt x="140" y="181"/>
                </a:cubicBezTo>
                <a:cubicBezTo>
                  <a:pt x="149" y="181"/>
                  <a:pt x="158" y="184"/>
                  <a:pt x="165" y="189"/>
                </a:cubicBezTo>
                <a:cubicBezTo>
                  <a:pt x="171" y="193"/>
                  <a:pt x="175" y="199"/>
                  <a:pt x="178" y="204"/>
                </a:cubicBezTo>
                <a:cubicBezTo>
                  <a:pt x="180" y="207"/>
                  <a:pt x="181" y="210"/>
                  <a:pt x="182" y="213"/>
                </a:cubicBezTo>
                <a:cubicBezTo>
                  <a:pt x="219" y="213"/>
                  <a:pt x="219" y="213"/>
                  <a:pt x="219" y="213"/>
                </a:cubicBezTo>
                <a:cubicBezTo>
                  <a:pt x="219" y="166"/>
                  <a:pt x="219" y="166"/>
                  <a:pt x="219" y="166"/>
                </a:cubicBezTo>
                <a:cubicBezTo>
                  <a:pt x="219" y="159"/>
                  <a:pt x="224" y="153"/>
                  <a:pt x="231" y="153"/>
                </a:cubicBezTo>
                <a:cubicBezTo>
                  <a:pt x="236" y="152"/>
                  <a:pt x="240" y="151"/>
                  <a:pt x="242" y="150"/>
                </a:cubicBezTo>
                <a:cubicBezTo>
                  <a:pt x="245" y="148"/>
                  <a:pt x="246" y="146"/>
                  <a:pt x="247" y="144"/>
                </a:cubicBezTo>
                <a:cubicBezTo>
                  <a:pt x="250" y="140"/>
                  <a:pt x="250" y="135"/>
                  <a:pt x="250" y="134"/>
                </a:cubicBezTo>
                <a:cubicBezTo>
                  <a:pt x="250" y="134"/>
                  <a:pt x="250" y="134"/>
                  <a:pt x="250" y="134"/>
                </a:cubicBezTo>
                <a:cubicBezTo>
                  <a:pt x="250" y="134"/>
                  <a:pt x="250" y="134"/>
                  <a:pt x="250" y="134"/>
                </a:cubicBezTo>
                <a:cubicBezTo>
                  <a:pt x="250" y="134"/>
                  <a:pt x="250" y="134"/>
                  <a:pt x="250" y="134"/>
                </a:cubicBezTo>
                <a:cubicBezTo>
                  <a:pt x="250" y="134"/>
                  <a:pt x="250" y="131"/>
                  <a:pt x="249" y="128"/>
                </a:cubicBezTo>
                <a:cubicBezTo>
                  <a:pt x="248" y="125"/>
                  <a:pt x="246" y="122"/>
                  <a:pt x="242" y="119"/>
                </a:cubicBezTo>
                <a:cubicBezTo>
                  <a:pt x="240" y="117"/>
                  <a:pt x="236" y="115"/>
                  <a:pt x="230" y="114"/>
                </a:cubicBezTo>
                <a:cubicBezTo>
                  <a:pt x="223" y="113"/>
                  <a:pt x="219" y="108"/>
                  <a:pt x="219" y="101"/>
                </a:cubicBezTo>
                <a:cubicBezTo>
                  <a:pt x="219" y="44"/>
                  <a:pt x="219" y="44"/>
                  <a:pt x="219" y="44"/>
                </a:cubicBezTo>
                <a:cubicBezTo>
                  <a:pt x="219" y="37"/>
                  <a:pt x="225" y="31"/>
                  <a:pt x="232" y="31"/>
                </a:cubicBezTo>
                <a:cubicBezTo>
                  <a:pt x="281" y="31"/>
                  <a:pt x="281" y="31"/>
                  <a:pt x="281" y="31"/>
                </a:cubicBezTo>
                <a:cubicBezTo>
                  <a:pt x="283" y="27"/>
                  <a:pt x="285" y="23"/>
                  <a:pt x="287" y="19"/>
                </a:cubicBezTo>
                <a:cubicBezTo>
                  <a:pt x="291" y="13"/>
                  <a:pt x="297" y="8"/>
                  <a:pt x="302" y="5"/>
                </a:cubicBezTo>
                <a:cubicBezTo>
                  <a:pt x="312" y="0"/>
                  <a:pt x="322" y="0"/>
                  <a:pt x="324" y="0"/>
                </a:cubicBezTo>
                <a:cubicBezTo>
                  <a:pt x="324" y="0"/>
                  <a:pt x="324" y="0"/>
                  <a:pt x="325" y="0"/>
                </a:cubicBezTo>
                <a:cubicBezTo>
                  <a:pt x="330" y="0"/>
                  <a:pt x="336" y="1"/>
                  <a:pt x="343" y="4"/>
                </a:cubicBezTo>
                <a:cubicBezTo>
                  <a:pt x="350" y="7"/>
                  <a:pt x="358" y="13"/>
                  <a:pt x="363" y="22"/>
                </a:cubicBezTo>
                <a:cubicBezTo>
                  <a:pt x="365" y="25"/>
                  <a:pt x="366" y="28"/>
                  <a:pt x="367" y="31"/>
                </a:cubicBezTo>
                <a:cubicBezTo>
                  <a:pt x="385" y="31"/>
                  <a:pt x="418" y="31"/>
                  <a:pt x="418" y="31"/>
                </a:cubicBezTo>
                <a:cubicBezTo>
                  <a:pt x="425" y="31"/>
                  <a:pt x="431" y="37"/>
                  <a:pt x="431" y="45"/>
                </a:cubicBezTo>
                <a:cubicBezTo>
                  <a:pt x="431" y="91"/>
                  <a:pt x="431" y="91"/>
                  <a:pt x="431" y="91"/>
                </a:cubicBezTo>
                <a:cubicBezTo>
                  <a:pt x="431" y="91"/>
                  <a:pt x="432" y="91"/>
                  <a:pt x="432" y="92"/>
                </a:cubicBezTo>
                <a:cubicBezTo>
                  <a:pt x="439" y="94"/>
                  <a:pt x="449" y="99"/>
                  <a:pt x="455" y="109"/>
                </a:cubicBezTo>
                <a:cubicBezTo>
                  <a:pt x="460" y="116"/>
                  <a:pt x="462" y="124"/>
                  <a:pt x="463" y="134"/>
                </a:cubicBezTo>
                <a:cubicBezTo>
                  <a:pt x="463" y="135"/>
                  <a:pt x="463" y="135"/>
                  <a:pt x="463" y="135"/>
                </a:cubicBezTo>
                <a:cubicBezTo>
                  <a:pt x="462" y="145"/>
                  <a:pt x="459" y="153"/>
                  <a:pt x="455" y="160"/>
                </a:cubicBezTo>
                <a:cubicBezTo>
                  <a:pt x="450" y="166"/>
                  <a:pt x="445" y="171"/>
                  <a:pt x="439" y="173"/>
                </a:cubicBezTo>
                <a:cubicBezTo>
                  <a:pt x="436" y="175"/>
                  <a:pt x="434" y="176"/>
                  <a:pt x="431" y="177"/>
                </a:cubicBezTo>
                <a:cubicBezTo>
                  <a:pt x="431" y="226"/>
                  <a:pt x="431" y="226"/>
                  <a:pt x="431" y="226"/>
                </a:cubicBezTo>
                <a:cubicBezTo>
                  <a:pt x="431" y="229"/>
                  <a:pt x="430" y="233"/>
                  <a:pt x="427" y="235"/>
                </a:cubicBezTo>
                <a:cubicBezTo>
                  <a:pt x="425" y="238"/>
                  <a:pt x="421" y="239"/>
                  <a:pt x="418" y="239"/>
                </a:cubicBezTo>
                <a:cubicBezTo>
                  <a:pt x="357" y="239"/>
                  <a:pt x="357" y="239"/>
                  <a:pt x="357" y="239"/>
                </a:cubicBezTo>
                <a:cubicBezTo>
                  <a:pt x="350" y="239"/>
                  <a:pt x="344" y="234"/>
                  <a:pt x="343" y="227"/>
                </a:cubicBezTo>
                <a:cubicBezTo>
                  <a:pt x="343" y="221"/>
                  <a:pt x="341" y="218"/>
                  <a:pt x="340" y="216"/>
                </a:cubicBezTo>
                <a:cubicBezTo>
                  <a:pt x="338" y="213"/>
                  <a:pt x="336" y="212"/>
                  <a:pt x="334" y="210"/>
                </a:cubicBezTo>
                <a:cubicBezTo>
                  <a:pt x="331" y="208"/>
                  <a:pt x="326" y="208"/>
                  <a:pt x="325" y="208"/>
                </a:cubicBezTo>
                <a:cubicBezTo>
                  <a:pt x="325" y="208"/>
                  <a:pt x="324" y="208"/>
                  <a:pt x="324" y="208"/>
                </a:cubicBezTo>
                <a:cubicBezTo>
                  <a:pt x="324" y="208"/>
                  <a:pt x="324" y="208"/>
                  <a:pt x="324" y="208"/>
                </a:cubicBezTo>
                <a:cubicBezTo>
                  <a:pt x="324" y="208"/>
                  <a:pt x="324" y="208"/>
                  <a:pt x="323" y="208"/>
                </a:cubicBezTo>
                <a:cubicBezTo>
                  <a:pt x="322" y="208"/>
                  <a:pt x="321" y="208"/>
                  <a:pt x="319" y="209"/>
                </a:cubicBezTo>
                <a:cubicBezTo>
                  <a:pt x="316" y="210"/>
                  <a:pt x="312" y="212"/>
                  <a:pt x="310" y="215"/>
                </a:cubicBezTo>
                <a:cubicBezTo>
                  <a:pt x="308" y="218"/>
                  <a:pt x="306" y="222"/>
                  <a:pt x="306" y="227"/>
                </a:cubicBezTo>
                <a:cubicBezTo>
                  <a:pt x="305" y="234"/>
                  <a:pt x="299" y="239"/>
                  <a:pt x="292" y="239"/>
                </a:cubicBezTo>
                <a:cubicBezTo>
                  <a:pt x="271" y="239"/>
                  <a:pt x="271" y="239"/>
                  <a:pt x="271" y="239"/>
                </a:cubicBezTo>
                <a:cubicBezTo>
                  <a:pt x="263" y="239"/>
                  <a:pt x="257" y="233"/>
                  <a:pt x="257" y="226"/>
                </a:cubicBezTo>
                <a:cubicBezTo>
                  <a:pt x="257" y="219"/>
                  <a:pt x="263" y="213"/>
                  <a:pt x="271" y="213"/>
                </a:cubicBezTo>
                <a:cubicBezTo>
                  <a:pt x="282" y="213"/>
                  <a:pt x="282" y="213"/>
                  <a:pt x="282" y="213"/>
                </a:cubicBezTo>
                <a:cubicBezTo>
                  <a:pt x="283" y="208"/>
                  <a:pt x="285" y="204"/>
                  <a:pt x="288" y="200"/>
                </a:cubicBezTo>
                <a:cubicBezTo>
                  <a:pt x="292" y="194"/>
                  <a:pt x="298" y="190"/>
                  <a:pt x="303" y="187"/>
                </a:cubicBezTo>
                <a:cubicBezTo>
                  <a:pt x="314" y="181"/>
                  <a:pt x="323" y="181"/>
                  <a:pt x="324" y="181"/>
                </a:cubicBezTo>
                <a:cubicBezTo>
                  <a:pt x="324" y="181"/>
                  <a:pt x="324" y="181"/>
                  <a:pt x="324" y="181"/>
                </a:cubicBezTo>
                <a:cubicBezTo>
                  <a:pt x="324" y="181"/>
                  <a:pt x="324" y="181"/>
                  <a:pt x="324" y="181"/>
                </a:cubicBezTo>
                <a:cubicBezTo>
                  <a:pt x="324" y="181"/>
                  <a:pt x="324" y="181"/>
                  <a:pt x="324" y="181"/>
                </a:cubicBezTo>
                <a:cubicBezTo>
                  <a:pt x="325" y="181"/>
                  <a:pt x="325" y="181"/>
                  <a:pt x="325" y="181"/>
                </a:cubicBezTo>
                <a:cubicBezTo>
                  <a:pt x="327" y="181"/>
                  <a:pt x="331" y="181"/>
                  <a:pt x="338" y="183"/>
                </a:cubicBezTo>
                <a:cubicBezTo>
                  <a:pt x="345" y="186"/>
                  <a:pt x="354" y="190"/>
                  <a:pt x="361" y="200"/>
                </a:cubicBezTo>
                <a:cubicBezTo>
                  <a:pt x="364" y="204"/>
                  <a:pt x="366" y="208"/>
                  <a:pt x="367" y="212"/>
                </a:cubicBezTo>
                <a:cubicBezTo>
                  <a:pt x="405" y="213"/>
                  <a:pt x="405" y="213"/>
                  <a:pt x="405" y="213"/>
                </a:cubicBezTo>
                <a:cubicBezTo>
                  <a:pt x="405" y="166"/>
                  <a:pt x="405" y="166"/>
                  <a:pt x="405" y="166"/>
                </a:cubicBezTo>
                <a:cubicBezTo>
                  <a:pt x="405" y="159"/>
                  <a:pt x="410" y="153"/>
                  <a:pt x="417" y="153"/>
                </a:cubicBezTo>
                <a:cubicBezTo>
                  <a:pt x="417" y="153"/>
                  <a:pt x="417" y="153"/>
                  <a:pt x="417" y="153"/>
                </a:cubicBezTo>
                <a:cubicBezTo>
                  <a:pt x="418" y="153"/>
                  <a:pt x="418" y="153"/>
                  <a:pt x="419" y="153"/>
                </a:cubicBezTo>
                <a:cubicBezTo>
                  <a:pt x="420" y="153"/>
                  <a:pt x="421" y="152"/>
                  <a:pt x="423" y="152"/>
                </a:cubicBezTo>
                <a:cubicBezTo>
                  <a:pt x="427" y="150"/>
                  <a:pt x="431" y="148"/>
                  <a:pt x="433" y="145"/>
                </a:cubicBezTo>
                <a:cubicBezTo>
                  <a:pt x="434" y="142"/>
                  <a:pt x="436" y="139"/>
                  <a:pt x="436" y="134"/>
                </a:cubicBezTo>
                <a:cubicBezTo>
                  <a:pt x="436" y="130"/>
                  <a:pt x="435" y="127"/>
                  <a:pt x="434" y="125"/>
                </a:cubicBezTo>
                <a:cubicBezTo>
                  <a:pt x="433" y="123"/>
                  <a:pt x="431" y="121"/>
                  <a:pt x="429" y="120"/>
                </a:cubicBezTo>
                <a:cubicBezTo>
                  <a:pt x="425" y="117"/>
                  <a:pt x="419" y="115"/>
                  <a:pt x="417" y="115"/>
                </a:cubicBezTo>
                <a:cubicBezTo>
                  <a:pt x="417" y="114"/>
                  <a:pt x="416" y="114"/>
                  <a:pt x="416" y="114"/>
                </a:cubicBezTo>
                <a:cubicBezTo>
                  <a:pt x="410" y="114"/>
                  <a:pt x="404" y="108"/>
                  <a:pt x="404" y="101"/>
                </a:cubicBezTo>
                <a:cubicBezTo>
                  <a:pt x="404" y="58"/>
                  <a:pt x="404" y="58"/>
                  <a:pt x="404" y="58"/>
                </a:cubicBezTo>
                <a:cubicBezTo>
                  <a:pt x="386" y="58"/>
                  <a:pt x="356" y="58"/>
                  <a:pt x="356" y="58"/>
                </a:cubicBezTo>
                <a:cubicBezTo>
                  <a:pt x="349" y="58"/>
                  <a:pt x="343" y="52"/>
                  <a:pt x="343" y="45"/>
                </a:cubicBezTo>
                <a:cubicBezTo>
                  <a:pt x="342" y="38"/>
                  <a:pt x="340" y="35"/>
                  <a:pt x="338" y="32"/>
                </a:cubicBezTo>
                <a:cubicBezTo>
                  <a:pt x="335" y="29"/>
                  <a:pt x="332" y="28"/>
                  <a:pt x="329" y="27"/>
                </a:cubicBezTo>
                <a:cubicBezTo>
                  <a:pt x="327" y="26"/>
                  <a:pt x="325" y="26"/>
                  <a:pt x="325" y="26"/>
                </a:cubicBezTo>
                <a:cubicBezTo>
                  <a:pt x="325" y="26"/>
                  <a:pt x="325" y="26"/>
                  <a:pt x="325" y="26"/>
                </a:cubicBezTo>
                <a:cubicBezTo>
                  <a:pt x="324" y="26"/>
                  <a:pt x="321" y="26"/>
                  <a:pt x="318" y="27"/>
                </a:cubicBezTo>
                <a:cubicBezTo>
                  <a:pt x="315" y="28"/>
                  <a:pt x="312" y="30"/>
                  <a:pt x="309" y="34"/>
                </a:cubicBezTo>
                <a:cubicBezTo>
                  <a:pt x="307" y="36"/>
                  <a:pt x="306" y="40"/>
                  <a:pt x="305" y="46"/>
                </a:cubicBezTo>
                <a:cubicBezTo>
                  <a:pt x="304" y="53"/>
                  <a:pt x="299" y="58"/>
                  <a:pt x="292" y="58"/>
                </a:cubicBezTo>
                <a:cubicBezTo>
                  <a:pt x="245" y="58"/>
                  <a:pt x="245" y="58"/>
                  <a:pt x="245" y="58"/>
                </a:cubicBezTo>
                <a:cubicBezTo>
                  <a:pt x="245" y="91"/>
                  <a:pt x="245" y="91"/>
                  <a:pt x="245" y="91"/>
                </a:cubicBezTo>
                <a:cubicBezTo>
                  <a:pt x="250" y="93"/>
                  <a:pt x="254" y="95"/>
                  <a:pt x="257" y="97"/>
                </a:cubicBezTo>
                <a:cubicBezTo>
                  <a:pt x="263" y="101"/>
                  <a:pt x="268" y="107"/>
                  <a:pt x="271" y="112"/>
                </a:cubicBezTo>
                <a:cubicBezTo>
                  <a:pt x="276" y="122"/>
                  <a:pt x="277" y="131"/>
                  <a:pt x="277" y="134"/>
                </a:cubicBezTo>
                <a:cubicBezTo>
                  <a:pt x="277" y="134"/>
                  <a:pt x="277" y="134"/>
                  <a:pt x="277" y="134"/>
                </a:cubicBezTo>
                <a:cubicBezTo>
                  <a:pt x="277" y="136"/>
                  <a:pt x="277" y="142"/>
                  <a:pt x="274" y="149"/>
                </a:cubicBezTo>
                <a:cubicBezTo>
                  <a:pt x="272" y="156"/>
                  <a:pt x="267" y="165"/>
                  <a:pt x="257" y="171"/>
                </a:cubicBezTo>
                <a:cubicBezTo>
                  <a:pt x="254" y="174"/>
                  <a:pt x="250" y="176"/>
                  <a:pt x="245" y="177"/>
                </a:cubicBezTo>
                <a:cubicBezTo>
                  <a:pt x="245" y="226"/>
                  <a:pt x="245" y="226"/>
                  <a:pt x="245" y="226"/>
                </a:cubicBezTo>
                <a:cubicBezTo>
                  <a:pt x="245" y="229"/>
                  <a:pt x="244" y="233"/>
                  <a:pt x="241" y="235"/>
                </a:cubicBezTo>
                <a:cubicBezTo>
                  <a:pt x="239" y="238"/>
                  <a:pt x="235" y="239"/>
                  <a:pt x="232" y="239"/>
                </a:cubicBezTo>
                <a:cubicBezTo>
                  <a:pt x="171" y="239"/>
                  <a:pt x="171" y="239"/>
                  <a:pt x="171" y="239"/>
                </a:cubicBezTo>
                <a:cubicBezTo>
                  <a:pt x="163" y="239"/>
                  <a:pt x="158" y="233"/>
                  <a:pt x="157" y="226"/>
                </a:cubicBezTo>
                <a:cubicBezTo>
                  <a:pt x="157" y="226"/>
                  <a:pt x="157" y="226"/>
                  <a:pt x="157" y="226"/>
                </a:cubicBezTo>
                <a:cubicBezTo>
                  <a:pt x="157" y="226"/>
                  <a:pt x="157" y="226"/>
                  <a:pt x="157" y="226"/>
                </a:cubicBezTo>
                <a:cubicBezTo>
                  <a:pt x="157" y="226"/>
                  <a:pt x="157" y="226"/>
                  <a:pt x="157" y="226"/>
                </a:cubicBezTo>
                <a:cubicBezTo>
                  <a:pt x="157" y="226"/>
                  <a:pt x="157" y="225"/>
                  <a:pt x="157" y="225"/>
                </a:cubicBezTo>
                <a:cubicBezTo>
                  <a:pt x="157" y="224"/>
                  <a:pt x="157" y="222"/>
                  <a:pt x="156" y="220"/>
                </a:cubicBezTo>
                <a:cubicBezTo>
                  <a:pt x="155" y="217"/>
                  <a:pt x="153" y="213"/>
                  <a:pt x="150" y="211"/>
                </a:cubicBezTo>
                <a:cubicBezTo>
                  <a:pt x="147" y="209"/>
                  <a:pt x="144" y="208"/>
                  <a:pt x="139" y="207"/>
                </a:cubicBezTo>
                <a:cubicBezTo>
                  <a:pt x="135" y="208"/>
                  <a:pt x="132" y="208"/>
                  <a:pt x="130" y="210"/>
                </a:cubicBezTo>
                <a:cubicBezTo>
                  <a:pt x="128" y="211"/>
                  <a:pt x="126" y="213"/>
                  <a:pt x="125" y="215"/>
                </a:cubicBezTo>
                <a:cubicBezTo>
                  <a:pt x="122" y="218"/>
                  <a:pt x="120" y="224"/>
                  <a:pt x="120" y="226"/>
                </a:cubicBezTo>
                <a:cubicBezTo>
                  <a:pt x="120" y="227"/>
                  <a:pt x="120" y="227"/>
                  <a:pt x="120" y="227"/>
                </a:cubicBezTo>
                <a:cubicBezTo>
                  <a:pt x="120" y="227"/>
                  <a:pt x="120" y="227"/>
                  <a:pt x="120" y="227"/>
                </a:cubicBezTo>
                <a:cubicBezTo>
                  <a:pt x="119" y="234"/>
                  <a:pt x="113" y="239"/>
                  <a:pt x="106" y="239"/>
                </a:cubicBezTo>
                <a:cubicBezTo>
                  <a:pt x="45" y="239"/>
                  <a:pt x="45" y="239"/>
                  <a:pt x="45" y="239"/>
                </a:cubicBezTo>
                <a:cubicBezTo>
                  <a:pt x="38" y="239"/>
                  <a:pt x="32" y="233"/>
                  <a:pt x="32" y="226"/>
                </a:cubicBezTo>
                <a:moveTo>
                  <a:pt x="329" y="207"/>
                </a:moveTo>
                <a:cubicBezTo>
                  <a:pt x="330" y="206"/>
                  <a:pt x="330" y="206"/>
                  <a:pt x="330" y="206"/>
                </a:cubicBezTo>
                <a:cubicBezTo>
                  <a:pt x="330" y="206"/>
                  <a:pt x="330" y="206"/>
                  <a:pt x="329" y="207"/>
                </a:cubicBezTo>
                <a:close/>
                <a:moveTo>
                  <a:pt x="335" y="202"/>
                </a:moveTo>
                <a:cubicBezTo>
                  <a:pt x="335" y="202"/>
                  <a:pt x="335" y="202"/>
                  <a:pt x="336" y="202"/>
                </a:cubicBezTo>
                <a:cubicBezTo>
                  <a:pt x="335" y="202"/>
                  <a:pt x="335" y="202"/>
                  <a:pt x="335" y="202"/>
                </a:cubicBezTo>
                <a:close/>
                <a:moveTo>
                  <a:pt x="336" y="200"/>
                </a:moveTo>
                <a:cubicBezTo>
                  <a:pt x="336" y="200"/>
                  <a:pt x="336" y="200"/>
                  <a:pt x="336" y="201"/>
                </a:cubicBezTo>
                <a:cubicBezTo>
                  <a:pt x="336" y="200"/>
                  <a:pt x="336" y="200"/>
                  <a:pt x="337" y="200"/>
                </a:cubicBezTo>
                <a:cubicBezTo>
                  <a:pt x="337" y="200"/>
                  <a:pt x="337" y="200"/>
                  <a:pt x="336" y="20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1" name="Freeform 552"/>
          <p:cNvSpPr>
            <a:spLocks/>
          </p:cNvSpPr>
          <p:nvPr userDrawn="1"/>
        </p:nvSpPr>
        <p:spPr bwMode="auto">
          <a:xfrm>
            <a:off x="6984425" y="5076234"/>
            <a:ext cx="342900" cy="493713"/>
          </a:xfrm>
          <a:custGeom>
            <a:avLst/>
            <a:gdLst/>
            <a:ahLst/>
            <a:cxnLst>
              <a:cxn ang="0">
                <a:pos x="30" y="424"/>
              </a:cxn>
              <a:cxn ang="0">
                <a:pos x="0" y="372"/>
              </a:cxn>
              <a:cxn ang="0">
                <a:pos x="73" y="220"/>
              </a:cxn>
              <a:cxn ang="0">
                <a:pos x="95" y="235"/>
              </a:cxn>
              <a:cxn ang="0">
                <a:pos x="82" y="287"/>
              </a:cxn>
              <a:cxn ang="0">
                <a:pos x="86" y="290"/>
              </a:cxn>
              <a:cxn ang="0">
                <a:pos x="128" y="263"/>
              </a:cxn>
              <a:cxn ang="0">
                <a:pos x="164" y="198"/>
              </a:cxn>
              <a:cxn ang="0">
                <a:pos x="114" y="153"/>
              </a:cxn>
              <a:cxn ang="0">
                <a:pos x="88" y="157"/>
              </a:cxn>
              <a:cxn ang="0">
                <a:pos x="80" y="149"/>
              </a:cxn>
              <a:cxn ang="0">
                <a:pos x="75" y="122"/>
              </a:cxn>
              <a:cxn ang="0">
                <a:pos x="121" y="64"/>
              </a:cxn>
              <a:cxn ang="0">
                <a:pos x="208" y="69"/>
              </a:cxn>
              <a:cxn ang="0">
                <a:pos x="245" y="162"/>
              </a:cxn>
              <a:cxn ang="0">
                <a:pos x="176" y="318"/>
              </a:cxn>
              <a:cxn ang="0">
                <a:pos x="159" y="298"/>
              </a:cxn>
              <a:cxn ang="0">
                <a:pos x="218" y="162"/>
              </a:cxn>
              <a:cxn ang="0">
                <a:pos x="193" y="91"/>
              </a:cxn>
              <a:cxn ang="0">
                <a:pos x="131" y="89"/>
              </a:cxn>
              <a:cxn ang="0">
                <a:pos x="102" y="122"/>
              </a:cxn>
              <a:cxn ang="0">
                <a:pos x="114" y="127"/>
              </a:cxn>
              <a:cxn ang="0">
                <a:pos x="191" y="198"/>
              </a:cxn>
              <a:cxn ang="0">
                <a:pos x="146" y="282"/>
              </a:cxn>
              <a:cxn ang="0">
                <a:pos x="86" y="317"/>
              </a:cxn>
              <a:cxn ang="0">
                <a:pos x="60" y="304"/>
              </a:cxn>
              <a:cxn ang="0">
                <a:pos x="43" y="320"/>
              </a:cxn>
              <a:cxn ang="0">
                <a:pos x="30" y="389"/>
              </a:cxn>
              <a:cxn ang="0">
                <a:pos x="81" y="410"/>
              </a:cxn>
              <a:cxn ang="0">
                <a:pos x="247" y="254"/>
              </a:cxn>
              <a:cxn ang="0">
                <a:pos x="244" y="68"/>
              </a:cxn>
              <a:cxn ang="0">
                <a:pos x="151" y="26"/>
              </a:cxn>
              <a:cxn ang="0">
                <a:pos x="73" y="64"/>
              </a:cxn>
              <a:cxn ang="0">
                <a:pos x="46" y="145"/>
              </a:cxn>
              <a:cxn ang="0">
                <a:pos x="20" y="148"/>
              </a:cxn>
              <a:cxn ang="0">
                <a:pos x="38" y="69"/>
              </a:cxn>
              <a:cxn ang="0">
                <a:pos x="151" y="0"/>
              </a:cxn>
              <a:cxn ang="0">
                <a:pos x="264" y="50"/>
              </a:cxn>
              <a:cxn ang="0">
                <a:pos x="271" y="266"/>
              </a:cxn>
              <a:cxn ang="0">
                <a:pos x="82" y="437"/>
              </a:cxn>
            </a:cxnLst>
            <a:rect l="0" t="0" r="r" b="b"/>
            <a:pathLst>
              <a:path w="303" h="437">
                <a:moveTo>
                  <a:pt x="81" y="437"/>
                </a:moveTo>
                <a:cubicBezTo>
                  <a:pt x="61" y="437"/>
                  <a:pt x="43" y="431"/>
                  <a:pt x="30" y="424"/>
                </a:cubicBezTo>
                <a:cubicBezTo>
                  <a:pt x="20" y="418"/>
                  <a:pt x="12" y="411"/>
                  <a:pt x="7" y="402"/>
                </a:cubicBezTo>
                <a:cubicBezTo>
                  <a:pt x="2" y="393"/>
                  <a:pt x="0" y="383"/>
                  <a:pt x="0" y="372"/>
                </a:cubicBezTo>
                <a:cubicBezTo>
                  <a:pt x="0" y="353"/>
                  <a:pt x="6" y="333"/>
                  <a:pt x="19" y="308"/>
                </a:cubicBezTo>
                <a:cubicBezTo>
                  <a:pt x="31" y="283"/>
                  <a:pt x="49" y="254"/>
                  <a:pt x="73" y="220"/>
                </a:cubicBezTo>
                <a:cubicBezTo>
                  <a:pt x="77" y="215"/>
                  <a:pt x="85" y="213"/>
                  <a:pt x="91" y="217"/>
                </a:cubicBezTo>
                <a:cubicBezTo>
                  <a:pt x="97" y="221"/>
                  <a:pt x="99" y="229"/>
                  <a:pt x="95" y="235"/>
                </a:cubicBezTo>
                <a:cubicBezTo>
                  <a:pt x="85" y="250"/>
                  <a:pt x="80" y="267"/>
                  <a:pt x="80" y="278"/>
                </a:cubicBezTo>
                <a:cubicBezTo>
                  <a:pt x="80" y="282"/>
                  <a:pt x="81" y="285"/>
                  <a:pt x="82" y="287"/>
                </a:cubicBezTo>
                <a:cubicBezTo>
                  <a:pt x="83" y="289"/>
                  <a:pt x="83" y="289"/>
                  <a:pt x="84" y="290"/>
                </a:cubicBezTo>
                <a:cubicBezTo>
                  <a:pt x="84" y="290"/>
                  <a:pt x="84" y="290"/>
                  <a:pt x="86" y="290"/>
                </a:cubicBezTo>
                <a:cubicBezTo>
                  <a:pt x="88" y="290"/>
                  <a:pt x="93" y="289"/>
                  <a:pt x="100" y="285"/>
                </a:cubicBezTo>
                <a:cubicBezTo>
                  <a:pt x="108" y="281"/>
                  <a:pt x="117" y="274"/>
                  <a:pt x="128" y="263"/>
                </a:cubicBezTo>
                <a:cubicBezTo>
                  <a:pt x="141" y="249"/>
                  <a:pt x="151" y="237"/>
                  <a:pt x="156" y="226"/>
                </a:cubicBezTo>
                <a:cubicBezTo>
                  <a:pt x="162" y="215"/>
                  <a:pt x="164" y="206"/>
                  <a:pt x="164" y="198"/>
                </a:cubicBezTo>
                <a:cubicBezTo>
                  <a:pt x="164" y="184"/>
                  <a:pt x="158" y="174"/>
                  <a:pt x="148" y="166"/>
                </a:cubicBezTo>
                <a:cubicBezTo>
                  <a:pt x="139" y="158"/>
                  <a:pt x="126" y="153"/>
                  <a:pt x="114" y="153"/>
                </a:cubicBezTo>
                <a:cubicBezTo>
                  <a:pt x="108" y="153"/>
                  <a:pt x="103" y="154"/>
                  <a:pt x="98" y="157"/>
                </a:cubicBezTo>
                <a:cubicBezTo>
                  <a:pt x="95" y="158"/>
                  <a:pt x="91" y="158"/>
                  <a:pt x="88" y="157"/>
                </a:cubicBezTo>
                <a:cubicBezTo>
                  <a:pt x="84" y="155"/>
                  <a:pt x="82" y="153"/>
                  <a:pt x="80" y="149"/>
                </a:cubicBezTo>
                <a:cubicBezTo>
                  <a:pt x="80" y="149"/>
                  <a:pt x="80" y="149"/>
                  <a:pt x="80" y="149"/>
                </a:cubicBezTo>
                <a:cubicBezTo>
                  <a:pt x="80" y="149"/>
                  <a:pt x="80" y="149"/>
                  <a:pt x="80" y="149"/>
                </a:cubicBezTo>
                <a:cubicBezTo>
                  <a:pt x="77" y="140"/>
                  <a:pt x="75" y="132"/>
                  <a:pt x="75" y="122"/>
                </a:cubicBezTo>
                <a:cubicBezTo>
                  <a:pt x="75" y="111"/>
                  <a:pt x="78" y="99"/>
                  <a:pt x="86" y="88"/>
                </a:cubicBezTo>
                <a:cubicBezTo>
                  <a:pt x="94" y="78"/>
                  <a:pt x="106" y="70"/>
                  <a:pt x="121" y="64"/>
                </a:cubicBezTo>
                <a:cubicBezTo>
                  <a:pt x="134" y="59"/>
                  <a:pt x="148" y="56"/>
                  <a:pt x="162" y="56"/>
                </a:cubicBezTo>
                <a:cubicBezTo>
                  <a:pt x="178" y="56"/>
                  <a:pt x="194" y="60"/>
                  <a:pt x="208" y="69"/>
                </a:cubicBezTo>
                <a:cubicBezTo>
                  <a:pt x="222" y="79"/>
                  <a:pt x="233" y="93"/>
                  <a:pt x="238" y="113"/>
                </a:cubicBezTo>
                <a:cubicBezTo>
                  <a:pt x="242" y="126"/>
                  <a:pt x="245" y="143"/>
                  <a:pt x="245" y="162"/>
                </a:cubicBezTo>
                <a:cubicBezTo>
                  <a:pt x="245" y="186"/>
                  <a:pt x="240" y="214"/>
                  <a:pt x="230" y="242"/>
                </a:cubicBezTo>
                <a:cubicBezTo>
                  <a:pt x="219" y="269"/>
                  <a:pt x="202" y="296"/>
                  <a:pt x="176" y="318"/>
                </a:cubicBezTo>
                <a:cubicBezTo>
                  <a:pt x="170" y="323"/>
                  <a:pt x="161" y="322"/>
                  <a:pt x="157" y="317"/>
                </a:cubicBezTo>
                <a:cubicBezTo>
                  <a:pt x="152" y="311"/>
                  <a:pt x="153" y="303"/>
                  <a:pt x="159" y="298"/>
                </a:cubicBezTo>
                <a:cubicBezTo>
                  <a:pt x="181" y="279"/>
                  <a:pt x="196" y="256"/>
                  <a:pt x="205" y="232"/>
                </a:cubicBezTo>
                <a:cubicBezTo>
                  <a:pt x="214" y="208"/>
                  <a:pt x="218" y="183"/>
                  <a:pt x="218" y="162"/>
                </a:cubicBezTo>
                <a:cubicBezTo>
                  <a:pt x="218" y="145"/>
                  <a:pt x="216" y="130"/>
                  <a:pt x="213" y="120"/>
                </a:cubicBezTo>
                <a:cubicBezTo>
                  <a:pt x="208" y="106"/>
                  <a:pt x="201" y="97"/>
                  <a:pt x="193" y="91"/>
                </a:cubicBezTo>
                <a:cubicBezTo>
                  <a:pt x="184" y="85"/>
                  <a:pt x="174" y="82"/>
                  <a:pt x="162" y="82"/>
                </a:cubicBezTo>
                <a:cubicBezTo>
                  <a:pt x="152" y="82"/>
                  <a:pt x="141" y="85"/>
                  <a:pt x="131" y="89"/>
                </a:cubicBezTo>
                <a:cubicBezTo>
                  <a:pt x="119" y="93"/>
                  <a:pt x="112" y="99"/>
                  <a:pt x="108" y="104"/>
                </a:cubicBezTo>
                <a:cubicBezTo>
                  <a:pt x="104" y="110"/>
                  <a:pt x="102" y="116"/>
                  <a:pt x="102" y="122"/>
                </a:cubicBezTo>
                <a:cubicBezTo>
                  <a:pt x="102" y="124"/>
                  <a:pt x="102" y="126"/>
                  <a:pt x="102" y="128"/>
                </a:cubicBezTo>
                <a:cubicBezTo>
                  <a:pt x="106" y="127"/>
                  <a:pt x="110" y="127"/>
                  <a:pt x="114" y="127"/>
                </a:cubicBezTo>
                <a:cubicBezTo>
                  <a:pt x="132" y="127"/>
                  <a:pt x="151" y="133"/>
                  <a:pt x="165" y="145"/>
                </a:cubicBezTo>
                <a:cubicBezTo>
                  <a:pt x="180" y="157"/>
                  <a:pt x="191" y="176"/>
                  <a:pt x="191" y="198"/>
                </a:cubicBezTo>
                <a:cubicBezTo>
                  <a:pt x="191" y="211"/>
                  <a:pt x="187" y="224"/>
                  <a:pt x="180" y="238"/>
                </a:cubicBezTo>
                <a:cubicBezTo>
                  <a:pt x="173" y="252"/>
                  <a:pt x="162" y="267"/>
                  <a:pt x="146" y="282"/>
                </a:cubicBezTo>
                <a:cubicBezTo>
                  <a:pt x="134" y="294"/>
                  <a:pt x="124" y="302"/>
                  <a:pt x="114" y="308"/>
                </a:cubicBezTo>
                <a:cubicBezTo>
                  <a:pt x="104" y="313"/>
                  <a:pt x="95" y="317"/>
                  <a:pt x="86" y="317"/>
                </a:cubicBezTo>
                <a:cubicBezTo>
                  <a:pt x="81" y="317"/>
                  <a:pt x="76" y="316"/>
                  <a:pt x="71" y="313"/>
                </a:cubicBezTo>
                <a:cubicBezTo>
                  <a:pt x="67" y="311"/>
                  <a:pt x="63" y="307"/>
                  <a:pt x="60" y="304"/>
                </a:cubicBezTo>
                <a:cubicBezTo>
                  <a:pt x="59" y="301"/>
                  <a:pt x="57" y="298"/>
                  <a:pt x="56" y="295"/>
                </a:cubicBezTo>
                <a:cubicBezTo>
                  <a:pt x="51" y="304"/>
                  <a:pt x="46" y="312"/>
                  <a:pt x="43" y="320"/>
                </a:cubicBezTo>
                <a:cubicBezTo>
                  <a:pt x="31" y="343"/>
                  <a:pt x="26" y="360"/>
                  <a:pt x="26" y="372"/>
                </a:cubicBezTo>
                <a:cubicBezTo>
                  <a:pt x="26" y="379"/>
                  <a:pt x="28" y="384"/>
                  <a:pt x="30" y="389"/>
                </a:cubicBezTo>
                <a:cubicBezTo>
                  <a:pt x="33" y="393"/>
                  <a:pt x="37" y="397"/>
                  <a:pt x="43" y="401"/>
                </a:cubicBezTo>
                <a:cubicBezTo>
                  <a:pt x="52" y="406"/>
                  <a:pt x="66" y="411"/>
                  <a:pt x="81" y="410"/>
                </a:cubicBezTo>
                <a:cubicBezTo>
                  <a:pt x="100" y="410"/>
                  <a:pt x="121" y="404"/>
                  <a:pt x="142" y="385"/>
                </a:cubicBezTo>
                <a:cubicBezTo>
                  <a:pt x="192" y="336"/>
                  <a:pt x="226" y="292"/>
                  <a:pt x="247" y="254"/>
                </a:cubicBezTo>
                <a:cubicBezTo>
                  <a:pt x="268" y="215"/>
                  <a:pt x="276" y="181"/>
                  <a:pt x="276" y="153"/>
                </a:cubicBezTo>
                <a:cubicBezTo>
                  <a:pt x="276" y="117"/>
                  <a:pt x="263" y="89"/>
                  <a:pt x="244" y="68"/>
                </a:cubicBezTo>
                <a:cubicBezTo>
                  <a:pt x="225" y="47"/>
                  <a:pt x="199" y="34"/>
                  <a:pt x="174" y="29"/>
                </a:cubicBezTo>
                <a:cubicBezTo>
                  <a:pt x="166" y="27"/>
                  <a:pt x="158" y="26"/>
                  <a:pt x="151" y="26"/>
                </a:cubicBezTo>
                <a:cubicBezTo>
                  <a:pt x="134" y="26"/>
                  <a:pt x="119" y="30"/>
                  <a:pt x="106" y="37"/>
                </a:cubicBezTo>
                <a:cubicBezTo>
                  <a:pt x="94" y="44"/>
                  <a:pt x="82" y="53"/>
                  <a:pt x="73" y="64"/>
                </a:cubicBezTo>
                <a:cubicBezTo>
                  <a:pt x="55" y="86"/>
                  <a:pt x="45" y="115"/>
                  <a:pt x="46" y="136"/>
                </a:cubicBezTo>
                <a:cubicBezTo>
                  <a:pt x="46" y="139"/>
                  <a:pt x="46" y="142"/>
                  <a:pt x="46" y="145"/>
                </a:cubicBezTo>
                <a:cubicBezTo>
                  <a:pt x="47" y="152"/>
                  <a:pt x="42" y="159"/>
                  <a:pt x="35" y="160"/>
                </a:cubicBezTo>
                <a:cubicBezTo>
                  <a:pt x="27" y="160"/>
                  <a:pt x="21" y="155"/>
                  <a:pt x="20" y="148"/>
                </a:cubicBezTo>
                <a:cubicBezTo>
                  <a:pt x="19" y="144"/>
                  <a:pt x="19" y="140"/>
                  <a:pt x="19" y="136"/>
                </a:cubicBezTo>
                <a:cubicBezTo>
                  <a:pt x="19" y="115"/>
                  <a:pt x="26" y="91"/>
                  <a:pt x="38" y="69"/>
                </a:cubicBezTo>
                <a:cubicBezTo>
                  <a:pt x="51" y="47"/>
                  <a:pt x="69" y="26"/>
                  <a:pt x="94" y="13"/>
                </a:cubicBezTo>
                <a:cubicBezTo>
                  <a:pt x="110" y="5"/>
                  <a:pt x="130" y="0"/>
                  <a:pt x="151" y="0"/>
                </a:cubicBezTo>
                <a:cubicBezTo>
                  <a:pt x="160" y="0"/>
                  <a:pt x="170" y="1"/>
                  <a:pt x="180" y="3"/>
                </a:cubicBezTo>
                <a:cubicBezTo>
                  <a:pt x="210" y="9"/>
                  <a:pt x="240" y="25"/>
                  <a:pt x="264" y="50"/>
                </a:cubicBezTo>
                <a:cubicBezTo>
                  <a:pt x="287" y="75"/>
                  <a:pt x="303" y="110"/>
                  <a:pt x="303" y="153"/>
                </a:cubicBezTo>
                <a:cubicBezTo>
                  <a:pt x="303" y="187"/>
                  <a:pt x="293" y="224"/>
                  <a:pt x="271" y="266"/>
                </a:cubicBezTo>
                <a:cubicBezTo>
                  <a:pt x="248" y="308"/>
                  <a:pt x="212" y="354"/>
                  <a:pt x="160" y="404"/>
                </a:cubicBezTo>
                <a:cubicBezTo>
                  <a:pt x="135" y="428"/>
                  <a:pt x="107" y="437"/>
                  <a:pt x="82" y="437"/>
                </a:cubicBezTo>
                <a:cubicBezTo>
                  <a:pt x="82" y="437"/>
                  <a:pt x="82" y="437"/>
                  <a:pt x="81" y="437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82" name="Group 319"/>
          <p:cNvGrpSpPr>
            <a:grpSpLocks noChangeAspect="1"/>
          </p:cNvGrpSpPr>
          <p:nvPr userDrawn="1"/>
        </p:nvGrpSpPr>
        <p:grpSpPr bwMode="auto">
          <a:xfrm>
            <a:off x="7631288" y="1168800"/>
            <a:ext cx="266700" cy="506413"/>
            <a:chOff x="2579" y="548"/>
            <a:chExt cx="168" cy="319"/>
          </a:xfrm>
          <a:noFill/>
        </p:grpSpPr>
        <p:sp>
          <p:nvSpPr>
            <p:cNvPr id="93" name="Freeform 320"/>
            <p:cNvSpPr>
              <a:spLocks/>
            </p:cNvSpPr>
            <p:nvPr/>
          </p:nvSpPr>
          <p:spPr bwMode="auto">
            <a:xfrm>
              <a:off x="2579" y="548"/>
              <a:ext cx="168" cy="319"/>
            </a:xfrm>
            <a:custGeom>
              <a:avLst/>
              <a:gdLst/>
              <a:ahLst/>
              <a:cxnLst>
                <a:cxn ang="0">
                  <a:pos x="197" y="418"/>
                </a:cxn>
                <a:cxn ang="0">
                  <a:pos x="0" y="369"/>
                </a:cxn>
                <a:cxn ang="0">
                  <a:pos x="0" y="61"/>
                </a:cxn>
                <a:cxn ang="0">
                  <a:pos x="79" y="33"/>
                </a:cxn>
                <a:cxn ang="0">
                  <a:pos x="88" y="31"/>
                </a:cxn>
                <a:cxn ang="0">
                  <a:pos x="88" y="7"/>
                </a:cxn>
                <a:cxn ang="0">
                  <a:pos x="147" y="7"/>
                </a:cxn>
                <a:cxn ang="0">
                  <a:pos x="147" y="32"/>
                </a:cxn>
                <a:cxn ang="0">
                  <a:pos x="151" y="32"/>
                </a:cxn>
                <a:cxn ang="0">
                  <a:pos x="235" y="61"/>
                </a:cxn>
                <a:cxn ang="0">
                  <a:pos x="235" y="369"/>
                </a:cxn>
              </a:cxnLst>
              <a:rect l="0" t="0" r="r" b="b"/>
              <a:pathLst>
                <a:path w="235" h="449">
                  <a:moveTo>
                    <a:pt x="197" y="418"/>
                  </a:moveTo>
                  <a:cubicBezTo>
                    <a:pt x="130" y="449"/>
                    <a:pt x="0" y="433"/>
                    <a:pt x="0" y="369"/>
                  </a:cubicBezTo>
                  <a:cubicBezTo>
                    <a:pt x="0" y="61"/>
                    <a:pt x="0" y="61"/>
                    <a:pt x="0" y="61"/>
                  </a:cubicBezTo>
                  <a:cubicBezTo>
                    <a:pt x="0" y="45"/>
                    <a:pt x="35" y="36"/>
                    <a:pt x="79" y="33"/>
                  </a:cubicBezTo>
                  <a:cubicBezTo>
                    <a:pt x="88" y="31"/>
                    <a:pt x="88" y="31"/>
                    <a:pt x="88" y="31"/>
                  </a:cubicBezTo>
                  <a:cubicBezTo>
                    <a:pt x="88" y="7"/>
                    <a:pt x="88" y="7"/>
                    <a:pt x="88" y="7"/>
                  </a:cubicBezTo>
                  <a:cubicBezTo>
                    <a:pt x="88" y="0"/>
                    <a:pt x="147" y="0"/>
                    <a:pt x="147" y="7"/>
                  </a:cubicBezTo>
                  <a:cubicBezTo>
                    <a:pt x="147" y="32"/>
                    <a:pt x="147" y="32"/>
                    <a:pt x="147" y="32"/>
                  </a:cubicBezTo>
                  <a:cubicBezTo>
                    <a:pt x="151" y="32"/>
                    <a:pt x="151" y="32"/>
                    <a:pt x="151" y="32"/>
                  </a:cubicBezTo>
                  <a:cubicBezTo>
                    <a:pt x="197" y="35"/>
                    <a:pt x="235" y="45"/>
                    <a:pt x="235" y="61"/>
                  </a:cubicBezTo>
                  <a:cubicBezTo>
                    <a:pt x="235" y="369"/>
                    <a:pt x="235" y="369"/>
                    <a:pt x="235" y="369"/>
                  </a:cubicBezTo>
                </a:path>
              </a:pathLst>
            </a:custGeom>
            <a:grpFill/>
            <a:ln w="28575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4" name="Freeform 321"/>
            <p:cNvSpPr>
              <a:spLocks/>
            </p:cNvSpPr>
            <p:nvPr/>
          </p:nvSpPr>
          <p:spPr bwMode="auto">
            <a:xfrm>
              <a:off x="2626" y="590"/>
              <a:ext cx="121" cy="19"/>
            </a:xfrm>
            <a:custGeom>
              <a:avLst/>
              <a:gdLst/>
              <a:ahLst/>
              <a:cxnLst>
                <a:cxn ang="0">
                  <a:pos x="169" y="0"/>
                </a:cxn>
                <a:cxn ang="0">
                  <a:pos x="51" y="27"/>
                </a:cxn>
                <a:cxn ang="0">
                  <a:pos x="0" y="24"/>
                </a:cxn>
              </a:cxnLst>
              <a:rect l="0" t="0" r="r" b="b"/>
              <a:pathLst>
                <a:path w="169" h="27">
                  <a:moveTo>
                    <a:pt x="169" y="0"/>
                  </a:moveTo>
                  <a:cubicBezTo>
                    <a:pt x="169" y="15"/>
                    <a:pt x="117" y="27"/>
                    <a:pt x="51" y="27"/>
                  </a:cubicBezTo>
                  <a:cubicBezTo>
                    <a:pt x="33" y="27"/>
                    <a:pt x="15" y="26"/>
                    <a:pt x="0" y="24"/>
                  </a:cubicBezTo>
                </a:path>
              </a:pathLst>
            </a:custGeom>
            <a:grpFill/>
            <a:ln w="28575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95" name="Freeform 389"/>
          <p:cNvSpPr>
            <a:spLocks/>
          </p:cNvSpPr>
          <p:nvPr userDrawn="1"/>
        </p:nvSpPr>
        <p:spPr bwMode="auto">
          <a:xfrm>
            <a:off x="7549532" y="4511961"/>
            <a:ext cx="430213" cy="298450"/>
          </a:xfrm>
          <a:custGeom>
            <a:avLst/>
            <a:gdLst/>
            <a:ahLst/>
            <a:cxnLst>
              <a:cxn ang="0">
                <a:pos x="274" y="19"/>
              </a:cxn>
              <a:cxn ang="0">
                <a:pos x="255" y="64"/>
              </a:cxn>
              <a:cxn ang="0">
                <a:pos x="256" y="75"/>
              </a:cxn>
              <a:cxn ang="0">
                <a:pos x="151" y="181"/>
              </a:cxn>
              <a:cxn ang="0">
                <a:pos x="142" y="202"/>
              </a:cxn>
              <a:cxn ang="0">
                <a:pos x="142" y="202"/>
              </a:cxn>
              <a:cxn ang="0">
                <a:pos x="147" y="220"/>
              </a:cxn>
              <a:cxn ang="0">
                <a:pos x="123" y="235"/>
              </a:cxn>
              <a:cxn ang="0">
                <a:pos x="104" y="233"/>
              </a:cxn>
              <a:cxn ang="0">
                <a:pos x="100" y="213"/>
              </a:cxn>
              <a:cxn ang="0">
                <a:pos x="81" y="170"/>
              </a:cxn>
              <a:cxn ang="0">
                <a:pos x="32" y="182"/>
              </a:cxn>
              <a:cxn ang="0">
                <a:pos x="7" y="218"/>
              </a:cxn>
              <a:cxn ang="0">
                <a:pos x="5" y="221"/>
              </a:cxn>
              <a:cxn ang="0">
                <a:pos x="6" y="221"/>
              </a:cxn>
              <a:cxn ang="0">
                <a:pos x="5" y="239"/>
              </a:cxn>
              <a:cxn ang="0">
                <a:pos x="23" y="241"/>
              </a:cxn>
              <a:cxn ang="0">
                <a:pos x="30" y="231"/>
              </a:cxn>
              <a:cxn ang="0">
                <a:pos x="31" y="231"/>
              </a:cxn>
              <a:cxn ang="0">
                <a:pos x="70" y="194"/>
              </a:cxn>
              <a:cxn ang="0">
                <a:pos x="73" y="211"/>
              </a:cxn>
              <a:cxn ang="0">
                <a:pos x="89" y="255"/>
              </a:cxn>
              <a:cxn ang="0">
                <a:pos x="129" y="261"/>
              </a:cxn>
              <a:cxn ang="0">
                <a:pos x="176" y="225"/>
              </a:cxn>
              <a:cxn ang="0">
                <a:pos x="178" y="219"/>
              </a:cxn>
              <a:cxn ang="0">
                <a:pos x="174" y="209"/>
              </a:cxn>
              <a:cxn ang="0">
                <a:pos x="170" y="205"/>
              </a:cxn>
              <a:cxn ang="0">
                <a:pos x="168" y="202"/>
              </a:cxn>
              <a:cxn ang="0">
                <a:pos x="170" y="200"/>
              </a:cxn>
              <a:cxn ang="0">
                <a:pos x="280" y="89"/>
              </a:cxn>
              <a:cxn ang="0">
                <a:pos x="284" y="76"/>
              </a:cxn>
              <a:cxn ang="0">
                <a:pos x="293" y="38"/>
              </a:cxn>
              <a:cxn ang="0">
                <a:pos x="319" y="27"/>
              </a:cxn>
              <a:cxn ang="0">
                <a:pos x="346" y="38"/>
              </a:cxn>
              <a:cxn ang="0">
                <a:pos x="357" y="65"/>
              </a:cxn>
              <a:cxn ang="0">
                <a:pos x="346" y="91"/>
              </a:cxn>
              <a:cxn ang="0">
                <a:pos x="308" y="100"/>
              </a:cxn>
              <a:cxn ang="0">
                <a:pos x="295" y="104"/>
              </a:cxn>
              <a:cxn ang="0">
                <a:pos x="193" y="206"/>
              </a:cxn>
              <a:cxn ang="0">
                <a:pos x="193" y="225"/>
              </a:cxn>
              <a:cxn ang="0">
                <a:pos x="212" y="225"/>
              </a:cxn>
              <a:cxn ang="0">
                <a:pos x="308" y="128"/>
              </a:cxn>
              <a:cxn ang="0">
                <a:pos x="365" y="110"/>
              </a:cxn>
              <a:cxn ang="0">
                <a:pos x="383" y="65"/>
              </a:cxn>
              <a:cxn ang="0">
                <a:pos x="365" y="19"/>
              </a:cxn>
              <a:cxn ang="0">
                <a:pos x="319" y="0"/>
              </a:cxn>
              <a:cxn ang="0">
                <a:pos x="274" y="19"/>
              </a:cxn>
            </a:cxnLst>
            <a:rect l="0" t="0" r="r" b="b"/>
            <a:pathLst>
              <a:path w="383" h="264">
                <a:moveTo>
                  <a:pt x="274" y="19"/>
                </a:moveTo>
                <a:cubicBezTo>
                  <a:pt x="262" y="31"/>
                  <a:pt x="255" y="48"/>
                  <a:pt x="255" y="64"/>
                </a:cubicBezTo>
                <a:cubicBezTo>
                  <a:pt x="255" y="68"/>
                  <a:pt x="256" y="72"/>
                  <a:pt x="256" y="75"/>
                </a:cubicBezTo>
                <a:cubicBezTo>
                  <a:pt x="247" y="85"/>
                  <a:pt x="151" y="181"/>
                  <a:pt x="151" y="181"/>
                </a:cubicBezTo>
                <a:cubicBezTo>
                  <a:pt x="145" y="187"/>
                  <a:pt x="142" y="194"/>
                  <a:pt x="142" y="202"/>
                </a:cubicBezTo>
                <a:cubicBezTo>
                  <a:pt x="142" y="202"/>
                  <a:pt x="142" y="202"/>
                  <a:pt x="142" y="202"/>
                </a:cubicBezTo>
                <a:cubicBezTo>
                  <a:pt x="142" y="209"/>
                  <a:pt x="144" y="215"/>
                  <a:pt x="147" y="220"/>
                </a:cubicBezTo>
                <a:cubicBezTo>
                  <a:pt x="141" y="227"/>
                  <a:pt x="132" y="232"/>
                  <a:pt x="123" y="235"/>
                </a:cubicBezTo>
                <a:cubicBezTo>
                  <a:pt x="117" y="236"/>
                  <a:pt x="110" y="237"/>
                  <a:pt x="104" y="233"/>
                </a:cubicBezTo>
                <a:cubicBezTo>
                  <a:pt x="99" y="229"/>
                  <a:pt x="99" y="225"/>
                  <a:pt x="100" y="213"/>
                </a:cubicBezTo>
                <a:cubicBezTo>
                  <a:pt x="101" y="201"/>
                  <a:pt x="103" y="180"/>
                  <a:pt x="81" y="170"/>
                </a:cubicBezTo>
                <a:cubicBezTo>
                  <a:pt x="71" y="165"/>
                  <a:pt x="52" y="161"/>
                  <a:pt x="32" y="182"/>
                </a:cubicBezTo>
                <a:cubicBezTo>
                  <a:pt x="21" y="193"/>
                  <a:pt x="13" y="208"/>
                  <a:pt x="7" y="218"/>
                </a:cubicBezTo>
                <a:cubicBezTo>
                  <a:pt x="6" y="221"/>
                  <a:pt x="5" y="221"/>
                  <a:pt x="5" y="221"/>
                </a:cubicBezTo>
                <a:cubicBezTo>
                  <a:pt x="6" y="221"/>
                  <a:pt x="6" y="221"/>
                  <a:pt x="6" y="221"/>
                </a:cubicBezTo>
                <a:cubicBezTo>
                  <a:pt x="1" y="225"/>
                  <a:pt x="0" y="234"/>
                  <a:pt x="5" y="239"/>
                </a:cubicBezTo>
                <a:cubicBezTo>
                  <a:pt x="10" y="245"/>
                  <a:pt x="17" y="246"/>
                  <a:pt x="23" y="241"/>
                </a:cubicBezTo>
                <a:cubicBezTo>
                  <a:pt x="25" y="239"/>
                  <a:pt x="28" y="236"/>
                  <a:pt x="30" y="231"/>
                </a:cubicBezTo>
                <a:cubicBezTo>
                  <a:pt x="30" y="231"/>
                  <a:pt x="31" y="231"/>
                  <a:pt x="31" y="231"/>
                </a:cubicBezTo>
                <a:cubicBezTo>
                  <a:pt x="45" y="204"/>
                  <a:pt x="57" y="188"/>
                  <a:pt x="70" y="194"/>
                </a:cubicBezTo>
                <a:cubicBezTo>
                  <a:pt x="74" y="196"/>
                  <a:pt x="75" y="197"/>
                  <a:pt x="73" y="211"/>
                </a:cubicBezTo>
                <a:cubicBezTo>
                  <a:pt x="72" y="223"/>
                  <a:pt x="71" y="242"/>
                  <a:pt x="89" y="255"/>
                </a:cubicBezTo>
                <a:cubicBezTo>
                  <a:pt x="100" y="262"/>
                  <a:pt x="114" y="264"/>
                  <a:pt x="129" y="261"/>
                </a:cubicBezTo>
                <a:cubicBezTo>
                  <a:pt x="148" y="256"/>
                  <a:pt x="167" y="242"/>
                  <a:pt x="176" y="225"/>
                </a:cubicBezTo>
                <a:cubicBezTo>
                  <a:pt x="176" y="225"/>
                  <a:pt x="178" y="219"/>
                  <a:pt x="178" y="219"/>
                </a:cubicBezTo>
                <a:cubicBezTo>
                  <a:pt x="179" y="215"/>
                  <a:pt x="177" y="213"/>
                  <a:pt x="174" y="209"/>
                </a:cubicBezTo>
                <a:cubicBezTo>
                  <a:pt x="170" y="205"/>
                  <a:pt x="170" y="205"/>
                  <a:pt x="170" y="205"/>
                </a:cubicBezTo>
                <a:cubicBezTo>
                  <a:pt x="169" y="204"/>
                  <a:pt x="168" y="203"/>
                  <a:pt x="168" y="202"/>
                </a:cubicBezTo>
                <a:cubicBezTo>
                  <a:pt x="168" y="202"/>
                  <a:pt x="169" y="201"/>
                  <a:pt x="170" y="200"/>
                </a:cubicBezTo>
                <a:cubicBezTo>
                  <a:pt x="280" y="89"/>
                  <a:pt x="280" y="89"/>
                  <a:pt x="280" y="89"/>
                </a:cubicBezTo>
                <a:cubicBezTo>
                  <a:pt x="284" y="86"/>
                  <a:pt x="285" y="80"/>
                  <a:pt x="284" y="76"/>
                </a:cubicBezTo>
                <a:cubicBezTo>
                  <a:pt x="279" y="62"/>
                  <a:pt x="283" y="48"/>
                  <a:pt x="293" y="38"/>
                </a:cubicBezTo>
                <a:cubicBezTo>
                  <a:pt x="300" y="31"/>
                  <a:pt x="309" y="27"/>
                  <a:pt x="319" y="27"/>
                </a:cubicBezTo>
                <a:cubicBezTo>
                  <a:pt x="329" y="27"/>
                  <a:pt x="339" y="31"/>
                  <a:pt x="346" y="38"/>
                </a:cubicBezTo>
                <a:cubicBezTo>
                  <a:pt x="353" y="45"/>
                  <a:pt x="357" y="55"/>
                  <a:pt x="357" y="65"/>
                </a:cubicBezTo>
                <a:cubicBezTo>
                  <a:pt x="357" y="75"/>
                  <a:pt x="353" y="84"/>
                  <a:pt x="346" y="91"/>
                </a:cubicBezTo>
                <a:cubicBezTo>
                  <a:pt x="336" y="101"/>
                  <a:pt x="322" y="104"/>
                  <a:pt x="308" y="100"/>
                </a:cubicBezTo>
                <a:cubicBezTo>
                  <a:pt x="304" y="99"/>
                  <a:pt x="298" y="100"/>
                  <a:pt x="295" y="104"/>
                </a:cubicBezTo>
                <a:cubicBezTo>
                  <a:pt x="193" y="206"/>
                  <a:pt x="193" y="206"/>
                  <a:pt x="193" y="206"/>
                </a:cubicBezTo>
                <a:cubicBezTo>
                  <a:pt x="188" y="211"/>
                  <a:pt x="188" y="219"/>
                  <a:pt x="193" y="225"/>
                </a:cubicBezTo>
                <a:cubicBezTo>
                  <a:pt x="198" y="230"/>
                  <a:pt x="206" y="230"/>
                  <a:pt x="212" y="225"/>
                </a:cubicBezTo>
                <a:cubicBezTo>
                  <a:pt x="212" y="225"/>
                  <a:pt x="299" y="137"/>
                  <a:pt x="308" y="128"/>
                </a:cubicBezTo>
                <a:cubicBezTo>
                  <a:pt x="329" y="131"/>
                  <a:pt x="350" y="125"/>
                  <a:pt x="365" y="110"/>
                </a:cubicBezTo>
                <a:cubicBezTo>
                  <a:pt x="377" y="98"/>
                  <a:pt x="383" y="82"/>
                  <a:pt x="383" y="65"/>
                </a:cubicBezTo>
                <a:cubicBezTo>
                  <a:pt x="383" y="47"/>
                  <a:pt x="377" y="31"/>
                  <a:pt x="365" y="19"/>
                </a:cubicBezTo>
                <a:cubicBezTo>
                  <a:pt x="353" y="7"/>
                  <a:pt x="336" y="0"/>
                  <a:pt x="319" y="0"/>
                </a:cubicBezTo>
                <a:cubicBezTo>
                  <a:pt x="302" y="0"/>
                  <a:pt x="286" y="7"/>
                  <a:pt x="274" y="1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6" name="Freeform 457"/>
          <p:cNvSpPr>
            <a:spLocks noEditPoints="1"/>
          </p:cNvSpPr>
          <p:nvPr userDrawn="1"/>
        </p:nvSpPr>
        <p:spPr bwMode="auto">
          <a:xfrm>
            <a:off x="7596363" y="2405280"/>
            <a:ext cx="336550" cy="473075"/>
          </a:xfrm>
          <a:custGeom>
            <a:avLst/>
            <a:gdLst/>
            <a:ahLst/>
            <a:cxnLst>
              <a:cxn ang="0">
                <a:pos x="139" y="0"/>
              </a:cxn>
              <a:cxn ang="0">
                <a:pos x="60" y="45"/>
              </a:cxn>
              <a:cxn ang="0">
                <a:pos x="66" y="70"/>
              </a:cxn>
              <a:cxn ang="0">
                <a:pos x="200" y="115"/>
              </a:cxn>
              <a:cxn ang="0">
                <a:pos x="146" y="150"/>
              </a:cxn>
              <a:cxn ang="0">
                <a:pos x="141" y="194"/>
              </a:cxn>
              <a:cxn ang="0">
                <a:pos x="141" y="220"/>
              </a:cxn>
              <a:cxn ang="0">
                <a:pos x="146" y="259"/>
              </a:cxn>
              <a:cxn ang="0">
                <a:pos x="128" y="272"/>
              </a:cxn>
              <a:cxn ang="0">
                <a:pos x="146" y="286"/>
              </a:cxn>
              <a:cxn ang="0">
                <a:pos x="65" y="322"/>
              </a:cxn>
              <a:cxn ang="0">
                <a:pos x="26" y="322"/>
              </a:cxn>
              <a:cxn ang="0">
                <a:pos x="46" y="255"/>
              </a:cxn>
              <a:cxn ang="0">
                <a:pos x="78" y="248"/>
              </a:cxn>
              <a:cxn ang="0">
                <a:pos x="125" y="210"/>
              </a:cxn>
              <a:cxn ang="0">
                <a:pos x="68" y="223"/>
              </a:cxn>
              <a:cxn ang="0">
                <a:pos x="45" y="228"/>
              </a:cxn>
              <a:cxn ang="0">
                <a:pos x="26" y="158"/>
              </a:cxn>
              <a:cxn ang="0">
                <a:pos x="78" y="123"/>
              </a:cxn>
              <a:cxn ang="0">
                <a:pos x="65" y="84"/>
              </a:cxn>
              <a:cxn ang="0">
                <a:pos x="52" y="115"/>
              </a:cxn>
              <a:cxn ang="0">
                <a:pos x="0" y="150"/>
              </a:cxn>
              <a:cxn ang="0">
                <a:pos x="13" y="348"/>
              </a:cxn>
              <a:cxn ang="0">
                <a:pos x="52" y="406"/>
              </a:cxn>
              <a:cxn ang="0">
                <a:pos x="213" y="419"/>
              </a:cxn>
              <a:cxn ang="0">
                <a:pos x="226" y="309"/>
              </a:cxn>
              <a:cxn ang="0">
                <a:pos x="222" y="300"/>
              </a:cxn>
              <a:cxn ang="0">
                <a:pos x="221" y="298"/>
              </a:cxn>
              <a:cxn ang="0">
                <a:pos x="220" y="298"/>
              </a:cxn>
              <a:cxn ang="0">
                <a:pos x="219" y="297"/>
              </a:cxn>
              <a:cxn ang="0">
                <a:pos x="218" y="297"/>
              </a:cxn>
              <a:cxn ang="0">
                <a:pos x="216" y="296"/>
              </a:cxn>
              <a:cxn ang="0">
                <a:pos x="214" y="296"/>
              </a:cxn>
              <a:cxn ang="0">
                <a:pos x="212" y="296"/>
              </a:cxn>
              <a:cxn ang="0">
                <a:pos x="207" y="297"/>
              </a:cxn>
              <a:cxn ang="0">
                <a:pos x="207" y="297"/>
              </a:cxn>
              <a:cxn ang="0">
                <a:pos x="206" y="297"/>
              </a:cxn>
              <a:cxn ang="0">
                <a:pos x="173" y="158"/>
              </a:cxn>
              <a:cxn ang="0">
                <a:pos x="226" y="123"/>
              </a:cxn>
              <a:cxn ang="0">
                <a:pos x="213" y="43"/>
              </a:cxn>
              <a:cxn ang="0">
                <a:pos x="143" y="27"/>
              </a:cxn>
              <a:cxn ang="0">
                <a:pos x="272" y="357"/>
              </a:cxn>
              <a:cxn ang="0">
                <a:pos x="237" y="392"/>
              </a:cxn>
              <a:cxn ang="0">
                <a:pos x="292" y="377"/>
              </a:cxn>
              <a:cxn ang="0">
                <a:pos x="298" y="14"/>
              </a:cxn>
              <a:cxn ang="0">
                <a:pos x="78" y="348"/>
              </a:cxn>
              <a:cxn ang="0">
                <a:pos x="164" y="348"/>
              </a:cxn>
              <a:cxn ang="0">
                <a:pos x="200" y="331"/>
              </a:cxn>
              <a:cxn ang="0">
                <a:pos x="78" y="392"/>
              </a:cxn>
            </a:cxnLst>
            <a:rect l="0" t="0" r="r" b="b"/>
            <a:pathLst>
              <a:path w="298" h="419">
                <a:moveTo>
                  <a:pt x="285" y="0"/>
                </a:moveTo>
                <a:cubicBezTo>
                  <a:pt x="139" y="0"/>
                  <a:pt x="139" y="0"/>
                  <a:pt x="139" y="0"/>
                </a:cubicBezTo>
                <a:cubicBezTo>
                  <a:pt x="137" y="0"/>
                  <a:pt x="134" y="1"/>
                  <a:pt x="132" y="2"/>
                </a:cubicBezTo>
                <a:cubicBezTo>
                  <a:pt x="60" y="45"/>
                  <a:pt x="60" y="45"/>
                  <a:pt x="60" y="45"/>
                </a:cubicBezTo>
                <a:cubicBezTo>
                  <a:pt x="54" y="48"/>
                  <a:pt x="52" y="54"/>
                  <a:pt x="53" y="60"/>
                </a:cubicBezTo>
                <a:cubicBezTo>
                  <a:pt x="55" y="66"/>
                  <a:pt x="60" y="70"/>
                  <a:pt x="66" y="70"/>
                </a:cubicBezTo>
                <a:cubicBezTo>
                  <a:pt x="200" y="70"/>
                  <a:pt x="200" y="70"/>
                  <a:pt x="200" y="70"/>
                </a:cubicBezTo>
                <a:cubicBezTo>
                  <a:pt x="200" y="115"/>
                  <a:pt x="200" y="115"/>
                  <a:pt x="200" y="115"/>
                </a:cubicBezTo>
                <a:cubicBezTo>
                  <a:pt x="154" y="138"/>
                  <a:pt x="154" y="138"/>
                  <a:pt x="154" y="138"/>
                </a:cubicBezTo>
                <a:cubicBezTo>
                  <a:pt x="149" y="140"/>
                  <a:pt x="146" y="144"/>
                  <a:pt x="146" y="150"/>
                </a:cubicBezTo>
                <a:cubicBezTo>
                  <a:pt x="146" y="194"/>
                  <a:pt x="146" y="194"/>
                  <a:pt x="146" y="194"/>
                </a:cubicBezTo>
                <a:cubicBezTo>
                  <a:pt x="141" y="194"/>
                  <a:pt x="141" y="194"/>
                  <a:pt x="141" y="194"/>
                </a:cubicBezTo>
                <a:cubicBezTo>
                  <a:pt x="134" y="194"/>
                  <a:pt x="128" y="200"/>
                  <a:pt x="128" y="207"/>
                </a:cubicBezTo>
                <a:cubicBezTo>
                  <a:pt x="128" y="214"/>
                  <a:pt x="134" y="220"/>
                  <a:pt x="141" y="220"/>
                </a:cubicBezTo>
                <a:cubicBezTo>
                  <a:pt x="146" y="220"/>
                  <a:pt x="146" y="220"/>
                  <a:pt x="146" y="220"/>
                </a:cubicBezTo>
                <a:cubicBezTo>
                  <a:pt x="146" y="259"/>
                  <a:pt x="146" y="259"/>
                  <a:pt x="146" y="259"/>
                </a:cubicBezTo>
                <a:cubicBezTo>
                  <a:pt x="141" y="259"/>
                  <a:pt x="141" y="259"/>
                  <a:pt x="141" y="259"/>
                </a:cubicBezTo>
                <a:cubicBezTo>
                  <a:pt x="134" y="259"/>
                  <a:pt x="128" y="265"/>
                  <a:pt x="128" y="272"/>
                </a:cubicBezTo>
                <a:cubicBezTo>
                  <a:pt x="128" y="280"/>
                  <a:pt x="134" y="286"/>
                  <a:pt x="141" y="286"/>
                </a:cubicBezTo>
                <a:cubicBezTo>
                  <a:pt x="146" y="286"/>
                  <a:pt x="146" y="286"/>
                  <a:pt x="146" y="286"/>
                </a:cubicBezTo>
                <a:cubicBezTo>
                  <a:pt x="146" y="322"/>
                  <a:pt x="146" y="322"/>
                  <a:pt x="146" y="322"/>
                </a:cubicBezTo>
                <a:cubicBezTo>
                  <a:pt x="65" y="322"/>
                  <a:pt x="65" y="322"/>
                  <a:pt x="65" y="322"/>
                </a:cubicBezTo>
                <a:cubicBezTo>
                  <a:pt x="54" y="322"/>
                  <a:pt x="54" y="322"/>
                  <a:pt x="54" y="322"/>
                </a:cubicBezTo>
                <a:cubicBezTo>
                  <a:pt x="26" y="322"/>
                  <a:pt x="26" y="322"/>
                  <a:pt x="26" y="322"/>
                </a:cubicBezTo>
                <a:cubicBezTo>
                  <a:pt x="26" y="255"/>
                  <a:pt x="26" y="255"/>
                  <a:pt x="26" y="255"/>
                </a:cubicBezTo>
                <a:cubicBezTo>
                  <a:pt x="46" y="255"/>
                  <a:pt x="46" y="255"/>
                  <a:pt x="46" y="255"/>
                </a:cubicBezTo>
                <a:cubicBezTo>
                  <a:pt x="49" y="259"/>
                  <a:pt x="54" y="261"/>
                  <a:pt x="60" y="261"/>
                </a:cubicBezTo>
                <a:cubicBezTo>
                  <a:pt x="68" y="261"/>
                  <a:pt x="75" y="255"/>
                  <a:pt x="78" y="248"/>
                </a:cubicBezTo>
                <a:cubicBezTo>
                  <a:pt x="119" y="228"/>
                  <a:pt x="119" y="228"/>
                  <a:pt x="119" y="228"/>
                </a:cubicBezTo>
                <a:cubicBezTo>
                  <a:pt x="125" y="225"/>
                  <a:pt x="128" y="217"/>
                  <a:pt x="125" y="210"/>
                </a:cubicBezTo>
                <a:cubicBezTo>
                  <a:pt x="122" y="204"/>
                  <a:pt x="114" y="201"/>
                  <a:pt x="107" y="204"/>
                </a:cubicBezTo>
                <a:cubicBezTo>
                  <a:pt x="68" y="223"/>
                  <a:pt x="68" y="223"/>
                  <a:pt x="68" y="223"/>
                </a:cubicBezTo>
                <a:cubicBezTo>
                  <a:pt x="65" y="222"/>
                  <a:pt x="62" y="221"/>
                  <a:pt x="60" y="221"/>
                </a:cubicBezTo>
                <a:cubicBezTo>
                  <a:pt x="54" y="221"/>
                  <a:pt x="48" y="224"/>
                  <a:pt x="45" y="228"/>
                </a:cubicBezTo>
                <a:cubicBezTo>
                  <a:pt x="26" y="228"/>
                  <a:pt x="26" y="228"/>
                  <a:pt x="26" y="228"/>
                </a:cubicBezTo>
                <a:cubicBezTo>
                  <a:pt x="26" y="158"/>
                  <a:pt x="26" y="158"/>
                  <a:pt x="26" y="158"/>
                </a:cubicBezTo>
                <a:cubicBezTo>
                  <a:pt x="71" y="135"/>
                  <a:pt x="71" y="135"/>
                  <a:pt x="71" y="135"/>
                </a:cubicBezTo>
                <a:cubicBezTo>
                  <a:pt x="76" y="133"/>
                  <a:pt x="78" y="128"/>
                  <a:pt x="78" y="123"/>
                </a:cubicBezTo>
                <a:cubicBezTo>
                  <a:pt x="78" y="98"/>
                  <a:pt x="78" y="98"/>
                  <a:pt x="78" y="98"/>
                </a:cubicBezTo>
                <a:cubicBezTo>
                  <a:pt x="78" y="90"/>
                  <a:pt x="72" y="84"/>
                  <a:pt x="65" y="84"/>
                </a:cubicBezTo>
                <a:cubicBezTo>
                  <a:pt x="58" y="84"/>
                  <a:pt x="52" y="90"/>
                  <a:pt x="52" y="98"/>
                </a:cubicBezTo>
                <a:cubicBezTo>
                  <a:pt x="52" y="115"/>
                  <a:pt x="52" y="115"/>
                  <a:pt x="52" y="115"/>
                </a:cubicBezTo>
                <a:cubicBezTo>
                  <a:pt x="7" y="138"/>
                  <a:pt x="7" y="138"/>
                  <a:pt x="7" y="138"/>
                </a:cubicBezTo>
                <a:cubicBezTo>
                  <a:pt x="2" y="140"/>
                  <a:pt x="0" y="144"/>
                  <a:pt x="0" y="150"/>
                </a:cubicBezTo>
                <a:cubicBezTo>
                  <a:pt x="0" y="335"/>
                  <a:pt x="0" y="335"/>
                  <a:pt x="0" y="335"/>
                </a:cubicBezTo>
                <a:cubicBezTo>
                  <a:pt x="0" y="342"/>
                  <a:pt x="6" y="348"/>
                  <a:pt x="13" y="348"/>
                </a:cubicBezTo>
                <a:cubicBezTo>
                  <a:pt x="52" y="348"/>
                  <a:pt x="52" y="348"/>
                  <a:pt x="52" y="348"/>
                </a:cubicBezTo>
                <a:cubicBezTo>
                  <a:pt x="52" y="406"/>
                  <a:pt x="52" y="406"/>
                  <a:pt x="52" y="406"/>
                </a:cubicBezTo>
                <a:cubicBezTo>
                  <a:pt x="52" y="413"/>
                  <a:pt x="58" y="419"/>
                  <a:pt x="65" y="419"/>
                </a:cubicBezTo>
                <a:cubicBezTo>
                  <a:pt x="213" y="419"/>
                  <a:pt x="213" y="419"/>
                  <a:pt x="213" y="419"/>
                </a:cubicBezTo>
                <a:cubicBezTo>
                  <a:pt x="220" y="419"/>
                  <a:pt x="226" y="413"/>
                  <a:pt x="226" y="406"/>
                </a:cubicBezTo>
                <a:cubicBezTo>
                  <a:pt x="226" y="309"/>
                  <a:pt x="226" y="309"/>
                  <a:pt x="226" y="309"/>
                </a:cubicBezTo>
                <a:cubicBezTo>
                  <a:pt x="226" y="306"/>
                  <a:pt x="225" y="302"/>
                  <a:pt x="223" y="300"/>
                </a:cubicBezTo>
                <a:cubicBezTo>
                  <a:pt x="223" y="300"/>
                  <a:pt x="222" y="300"/>
                  <a:pt x="222" y="300"/>
                </a:cubicBezTo>
                <a:cubicBezTo>
                  <a:pt x="222" y="299"/>
                  <a:pt x="222" y="299"/>
                  <a:pt x="221" y="299"/>
                </a:cubicBezTo>
                <a:cubicBezTo>
                  <a:pt x="221" y="299"/>
                  <a:pt x="221" y="298"/>
                  <a:pt x="221" y="298"/>
                </a:cubicBezTo>
                <a:cubicBezTo>
                  <a:pt x="220" y="298"/>
                  <a:pt x="220" y="298"/>
                  <a:pt x="220" y="298"/>
                </a:cubicBezTo>
                <a:cubicBezTo>
                  <a:pt x="220" y="298"/>
                  <a:pt x="220" y="298"/>
                  <a:pt x="220" y="298"/>
                </a:cubicBezTo>
                <a:cubicBezTo>
                  <a:pt x="220" y="298"/>
                  <a:pt x="220" y="298"/>
                  <a:pt x="220" y="298"/>
                </a:cubicBezTo>
                <a:cubicBezTo>
                  <a:pt x="220" y="298"/>
                  <a:pt x="219" y="297"/>
                  <a:pt x="219" y="297"/>
                </a:cubicBezTo>
                <a:cubicBezTo>
                  <a:pt x="219" y="297"/>
                  <a:pt x="219" y="297"/>
                  <a:pt x="219" y="297"/>
                </a:cubicBezTo>
                <a:cubicBezTo>
                  <a:pt x="218" y="297"/>
                  <a:pt x="218" y="297"/>
                  <a:pt x="218" y="297"/>
                </a:cubicBezTo>
                <a:cubicBezTo>
                  <a:pt x="218" y="297"/>
                  <a:pt x="217" y="296"/>
                  <a:pt x="217" y="296"/>
                </a:cubicBezTo>
                <a:cubicBezTo>
                  <a:pt x="217" y="296"/>
                  <a:pt x="216" y="296"/>
                  <a:pt x="216" y="296"/>
                </a:cubicBezTo>
                <a:cubicBezTo>
                  <a:pt x="216" y="296"/>
                  <a:pt x="216" y="296"/>
                  <a:pt x="215" y="296"/>
                </a:cubicBezTo>
                <a:cubicBezTo>
                  <a:pt x="215" y="296"/>
                  <a:pt x="215" y="296"/>
                  <a:pt x="214" y="296"/>
                </a:cubicBezTo>
                <a:cubicBezTo>
                  <a:pt x="214" y="296"/>
                  <a:pt x="214" y="296"/>
                  <a:pt x="214" y="296"/>
                </a:cubicBezTo>
                <a:cubicBezTo>
                  <a:pt x="213" y="296"/>
                  <a:pt x="213" y="296"/>
                  <a:pt x="212" y="296"/>
                </a:cubicBezTo>
                <a:cubicBezTo>
                  <a:pt x="212" y="296"/>
                  <a:pt x="212" y="296"/>
                  <a:pt x="212" y="296"/>
                </a:cubicBezTo>
                <a:cubicBezTo>
                  <a:pt x="210" y="296"/>
                  <a:pt x="209" y="296"/>
                  <a:pt x="207" y="297"/>
                </a:cubicBezTo>
                <a:cubicBezTo>
                  <a:pt x="207" y="297"/>
                  <a:pt x="207" y="297"/>
                  <a:pt x="207" y="297"/>
                </a:cubicBezTo>
                <a:cubicBezTo>
                  <a:pt x="207" y="297"/>
                  <a:pt x="207" y="297"/>
                  <a:pt x="207" y="297"/>
                </a:cubicBezTo>
                <a:cubicBezTo>
                  <a:pt x="207" y="297"/>
                  <a:pt x="207" y="297"/>
                  <a:pt x="207" y="297"/>
                </a:cubicBezTo>
                <a:cubicBezTo>
                  <a:pt x="206" y="297"/>
                  <a:pt x="206" y="297"/>
                  <a:pt x="206" y="297"/>
                </a:cubicBezTo>
                <a:cubicBezTo>
                  <a:pt x="173" y="314"/>
                  <a:pt x="173" y="314"/>
                  <a:pt x="173" y="314"/>
                </a:cubicBezTo>
                <a:cubicBezTo>
                  <a:pt x="173" y="158"/>
                  <a:pt x="173" y="158"/>
                  <a:pt x="173" y="158"/>
                </a:cubicBezTo>
                <a:cubicBezTo>
                  <a:pt x="219" y="135"/>
                  <a:pt x="219" y="135"/>
                  <a:pt x="219" y="135"/>
                </a:cubicBezTo>
                <a:cubicBezTo>
                  <a:pt x="223" y="133"/>
                  <a:pt x="226" y="128"/>
                  <a:pt x="226" y="123"/>
                </a:cubicBezTo>
                <a:cubicBezTo>
                  <a:pt x="226" y="56"/>
                  <a:pt x="226" y="56"/>
                  <a:pt x="226" y="56"/>
                </a:cubicBezTo>
                <a:cubicBezTo>
                  <a:pt x="226" y="49"/>
                  <a:pt x="220" y="43"/>
                  <a:pt x="213" y="43"/>
                </a:cubicBezTo>
                <a:cubicBezTo>
                  <a:pt x="115" y="43"/>
                  <a:pt x="115" y="43"/>
                  <a:pt x="115" y="43"/>
                </a:cubicBezTo>
                <a:cubicBezTo>
                  <a:pt x="143" y="27"/>
                  <a:pt x="143" y="27"/>
                  <a:pt x="143" y="27"/>
                </a:cubicBezTo>
                <a:cubicBezTo>
                  <a:pt x="272" y="27"/>
                  <a:pt x="272" y="27"/>
                  <a:pt x="272" y="27"/>
                </a:cubicBezTo>
                <a:cubicBezTo>
                  <a:pt x="272" y="357"/>
                  <a:pt x="272" y="357"/>
                  <a:pt x="272" y="357"/>
                </a:cubicBezTo>
                <a:cubicBezTo>
                  <a:pt x="242" y="374"/>
                  <a:pt x="242" y="374"/>
                  <a:pt x="242" y="374"/>
                </a:cubicBezTo>
                <a:cubicBezTo>
                  <a:pt x="235" y="378"/>
                  <a:pt x="233" y="386"/>
                  <a:pt x="237" y="392"/>
                </a:cubicBezTo>
                <a:cubicBezTo>
                  <a:pt x="240" y="399"/>
                  <a:pt x="249" y="401"/>
                  <a:pt x="255" y="397"/>
                </a:cubicBezTo>
                <a:cubicBezTo>
                  <a:pt x="292" y="377"/>
                  <a:pt x="292" y="377"/>
                  <a:pt x="292" y="377"/>
                </a:cubicBezTo>
                <a:cubicBezTo>
                  <a:pt x="296" y="374"/>
                  <a:pt x="298" y="370"/>
                  <a:pt x="298" y="365"/>
                </a:cubicBezTo>
                <a:cubicBezTo>
                  <a:pt x="298" y="14"/>
                  <a:pt x="298" y="14"/>
                  <a:pt x="298" y="14"/>
                </a:cubicBezTo>
                <a:cubicBezTo>
                  <a:pt x="298" y="6"/>
                  <a:pt x="292" y="0"/>
                  <a:pt x="285" y="0"/>
                </a:cubicBezTo>
                <a:close/>
                <a:moveTo>
                  <a:pt x="78" y="348"/>
                </a:moveTo>
                <a:cubicBezTo>
                  <a:pt x="157" y="348"/>
                  <a:pt x="157" y="348"/>
                  <a:pt x="157" y="348"/>
                </a:cubicBezTo>
                <a:cubicBezTo>
                  <a:pt x="159" y="349"/>
                  <a:pt x="162" y="349"/>
                  <a:pt x="164" y="348"/>
                </a:cubicBezTo>
                <a:cubicBezTo>
                  <a:pt x="166" y="348"/>
                  <a:pt x="168" y="347"/>
                  <a:pt x="169" y="346"/>
                </a:cubicBezTo>
                <a:cubicBezTo>
                  <a:pt x="200" y="331"/>
                  <a:pt x="200" y="331"/>
                  <a:pt x="200" y="331"/>
                </a:cubicBezTo>
                <a:cubicBezTo>
                  <a:pt x="200" y="392"/>
                  <a:pt x="200" y="392"/>
                  <a:pt x="200" y="392"/>
                </a:cubicBezTo>
                <a:cubicBezTo>
                  <a:pt x="78" y="392"/>
                  <a:pt x="78" y="392"/>
                  <a:pt x="78" y="392"/>
                </a:cubicBezTo>
                <a:lnTo>
                  <a:pt x="78" y="348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7" name="Freeform 465"/>
          <p:cNvSpPr>
            <a:spLocks/>
          </p:cNvSpPr>
          <p:nvPr userDrawn="1"/>
        </p:nvSpPr>
        <p:spPr bwMode="auto">
          <a:xfrm>
            <a:off x="7504288" y="1737423"/>
            <a:ext cx="520700" cy="533401"/>
          </a:xfrm>
          <a:custGeom>
            <a:avLst/>
            <a:gdLst/>
            <a:ahLst/>
            <a:cxnLst>
              <a:cxn ang="0">
                <a:pos x="28" y="296"/>
              </a:cxn>
              <a:cxn ang="0">
                <a:pos x="28" y="301"/>
              </a:cxn>
              <a:cxn ang="0">
                <a:pos x="16" y="330"/>
              </a:cxn>
              <a:cxn ang="0">
                <a:pos x="2" y="394"/>
              </a:cxn>
              <a:cxn ang="0">
                <a:pos x="160" y="426"/>
              </a:cxn>
              <a:cxn ang="0">
                <a:pos x="168" y="415"/>
              </a:cxn>
              <a:cxn ang="0">
                <a:pos x="271" y="373"/>
              </a:cxn>
              <a:cxn ang="0">
                <a:pos x="377" y="462"/>
              </a:cxn>
              <a:cxn ang="0">
                <a:pos x="274" y="346"/>
              </a:cxn>
              <a:cxn ang="0">
                <a:pos x="160" y="385"/>
              </a:cxn>
              <a:cxn ang="0">
                <a:pos x="148" y="398"/>
              </a:cxn>
              <a:cxn ang="0">
                <a:pos x="138" y="409"/>
              </a:cxn>
              <a:cxn ang="0">
                <a:pos x="28" y="389"/>
              </a:cxn>
              <a:cxn ang="0">
                <a:pos x="38" y="345"/>
              </a:cxn>
              <a:cxn ang="0">
                <a:pos x="61" y="319"/>
              </a:cxn>
              <a:cxn ang="0">
                <a:pos x="54" y="296"/>
              </a:cxn>
              <a:cxn ang="0">
                <a:pos x="375" y="34"/>
              </a:cxn>
              <a:cxn ang="0">
                <a:pos x="430" y="73"/>
              </a:cxn>
              <a:cxn ang="0">
                <a:pos x="331" y="150"/>
              </a:cxn>
              <a:cxn ang="0">
                <a:pos x="305" y="101"/>
              </a:cxn>
              <a:cxn ang="0">
                <a:pos x="300" y="99"/>
              </a:cxn>
              <a:cxn ang="0">
                <a:pos x="134" y="235"/>
              </a:cxn>
              <a:cxn ang="0">
                <a:pos x="135" y="242"/>
              </a:cxn>
              <a:cxn ang="0">
                <a:pos x="141" y="249"/>
              </a:cxn>
              <a:cxn ang="0">
                <a:pos x="177" y="278"/>
              </a:cxn>
              <a:cxn ang="0">
                <a:pos x="79" y="355"/>
              </a:cxn>
              <a:cxn ang="0">
                <a:pos x="58" y="345"/>
              </a:cxn>
              <a:cxn ang="0">
                <a:pos x="57" y="371"/>
              </a:cxn>
              <a:cxn ang="0">
                <a:pos x="59" y="374"/>
              </a:cxn>
              <a:cxn ang="0">
                <a:pos x="158" y="353"/>
              </a:cxn>
              <a:cxn ang="0">
                <a:pos x="201" y="263"/>
              </a:cxn>
              <a:cxn ang="0">
                <a:pos x="198" y="259"/>
              </a:cxn>
              <a:cxn ang="0">
                <a:pos x="161" y="231"/>
              </a:cxn>
              <a:cxn ang="0">
                <a:pos x="290" y="126"/>
              </a:cxn>
              <a:cxn ang="0">
                <a:pos x="311" y="167"/>
              </a:cxn>
              <a:cxn ang="0">
                <a:pos x="314" y="171"/>
              </a:cxn>
              <a:cxn ang="0">
                <a:pos x="453" y="58"/>
              </a:cxn>
              <a:cxn ang="0">
                <a:pos x="453" y="57"/>
              </a:cxn>
              <a:cxn ang="0">
                <a:pos x="385" y="9"/>
              </a:cxn>
              <a:cxn ang="0">
                <a:pos x="384" y="8"/>
              </a:cxn>
              <a:cxn ang="0">
                <a:pos x="158" y="95"/>
              </a:cxn>
            </a:cxnLst>
            <a:rect l="0" t="0" r="r" b="b"/>
            <a:pathLst>
              <a:path w="463" h="474">
                <a:moveTo>
                  <a:pt x="158" y="95"/>
                </a:moveTo>
                <a:cubicBezTo>
                  <a:pt x="83" y="157"/>
                  <a:pt x="33" y="233"/>
                  <a:pt x="28" y="296"/>
                </a:cubicBezTo>
                <a:cubicBezTo>
                  <a:pt x="28" y="296"/>
                  <a:pt x="27" y="296"/>
                  <a:pt x="27" y="297"/>
                </a:cubicBezTo>
                <a:cubicBezTo>
                  <a:pt x="27" y="298"/>
                  <a:pt x="28" y="299"/>
                  <a:pt x="28" y="301"/>
                </a:cubicBezTo>
                <a:cubicBezTo>
                  <a:pt x="28" y="301"/>
                  <a:pt x="30" y="307"/>
                  <a:pt x="32" y="314"/>
                </a:cubicBezTo>
                <a:cubicBezTo>
                  <a:pt x="25" y="320"/>
                  <a:pt x="18" y="328"/>
                  <a:pt x="16" y="330"/>
                </a:cubicBezTo>
                <a:cubicBezTo>
                  <a:pt x="6" y="345"/>
                  <a:pt x="0" y="362"/>
                  <a:pt x="0" y="379"/>
                </a:cubicBezTo>
                <a:cubicBezTo>
                  <a:pt x="0" y="384"/>
                  <a:pt x="1" y="389"/>
                  <a:pt x="2" y="394"/>
                </a:cubicBezTo>
                <a:cubicBezTo>
                  <a:pt x="6" y="416"/>
                  <a:pt x="18" y="435"/>
                  <a:pt x="36" y="448"/>
                </a:cubicBezTo>
                <a:cubicBezTo>
                  <a:pt x="74" y="474"/>
                  <a:pt x="131" y="464"/>
                  <a:pt x="160" y="426"/>
                </a:cubicBezTo>
                <a:cubicBezTo>
                  <a:pt x="160" y="426"/>
                  <a:pt x="160" y="426"/>
                  <a:pt x="159" y="426"/>
                </a:cubicBezTo>
                <a:cubicBezTo>
                  <a:pt x="159" y="426"/>
                  <a:pt x="168" y="415"/>
                  <a:pt x="168" y="415"/>
                </a:cubicBezTo>
                <a:cubicBezTo>
                  <a:pt x="169" y="415"/>
                  <a:pt x="179" y="403"/>
                  <a:pt x="180" y="403"/>
                </a:cubicBezTo>
                <a:cubicBezTo>
                  <a:pt x="201" y="380"/>
                  <a:pt x="236" y="369"/>
                  <a:pt x="271" y="373"/>
                </a:cubicBezTo>
                <a:cubicBezTo>
                  <a:pt x="319" y="379"/>
                  <a:pt x="358" y="411"/>
                  <a:pt x="362" y="450"/>
                </a:cubicBezTo>
                <a:cubicBezTo>
                  <a:pt x="363" y="457"/>
                  <a:pt x="370" y="463"/>
                  <a:pt x="377" y="462"/>
                </a:cubicBezTo>
                <a:cubicBezTo>
                  <a:pt x="385" y="461"/>
                  <a:pt x="390" y="454"/>
                  <a:pt x="389" y="447"/>
                </a:cubicBezTo>
                <a:cubicBezTo>
                  <a:pt x="383" y="396"/>
                  <a:pt x="334" y="353"/>
                  <a:pt x="274" y="346"/>
                </a:cubicBezTo>
                <a:cubicBezTo>
                  <a:pt x="230" y="341"/>
                  <a:pt x="187" y="355"/>
                  <a:pt x="160" y="384"/>
                </a:cubicBezTo>
                <a:cubicBezTo>
                  <a:pt x="160" y="385"/>
                  <a:pt x="160" y="385"/>
                  <a:pt x="160" y="385"/>
                </a:cubicBezTo>
                <a:cubicBezTo>
                  <a:pt x="148" y="397"/>
                  <a:pt x="148" y="397"/>
                  <a:pt x="148" y="397"/>
                </a:cubicBezTo>
                <a:cubicBezTo>
                  <a:pt x="148" y="398"/>
                  <a:pt x="148" y="398"/>
                  <a:pt x="148" y="398"/>
                </a:cubicBezTo>
                <a:cubicBezTo>
                  <a:pt x="139" y="409"/>
                  <a:pt x="139" y="409"/>
                  <a:pt x="139" y="409"/>
                </a:cubicBezTo>
                <a:cubicBezTo>
                  <a:pt x="139" y="409"/>
                  <a:pt x="139" y="409"/>
                  <a:pt x="138" y="409"/>
                </a:cubicBezTo>
                <a:cubicBezTo>
                  <a:pt x="116" y="439"/>
                  <a:pt x="75" y="442"/>
                  <a:pt x="52" y="426"/>
                </a:cubicBezTo>
                <a:cubicBezTo>
                  <a:pt x="39" y="417"/>
                  <a:pt x="31" y="404"/>
                  <a:pt x="28" y="389"/>
                </a:cubicBezTo>
                <a:cubicBezTo>
                  <a:pt x="27" y="386"/>
                  <a:pt x="27" y="383"/>
                  <a:pt x="27" y="379"/>
                </a:cubicBezTo>
                <a:cubicBezTo>
                  <a:pt x="27" y="367"/>
                  <a:pt x="31" y="356"/>
                  <a:pt x="38" y="345"/>
                </a:cubicBezTo>
                <a:cubicBezTo>
                  <a:pt x="40" y="343"/>
                  <a:pt x="49" y="334"/>
                  <a:pt x="54" y="331"/>
                </a:cubicBezTo>
                <a:cubicBezTo>
                  <a:pt x="58" y="329"/>
                  <a:pt x="61" y="324"/>
                  <a:pt x="61" y="319"/>
                </a:cubicBezTo>
                <a:cubicBezTo>
                  <a:pt x="61" y="318"/>
                  <a:pt x="61" y="317"/>
                  <a:pt x="60" y="315"/>
                </a:cubicBezTo>
                <a:cubicBezTo>
                  <a:pt x="60" y="315"/>
                  <a:pt x="56" y="300"/>
                  <a:pt x="54" y="296"/>
                </a:cubicBezTo>
                <a:cubicBezTo>
                  <a:pt x="60" y="241"/>
                  <a:pt x="107" y="171"/>
                  <a:pt x="175" y="116"/>
                </a:cubicBezTo>
                <a:cubicBezTo>
                  <a:pt x="243" y="61"/>
                  <a:pt x="321" y="29"/>
                  <a:pt x="375" y="34"/>
                </a:cubicBezTo>
                <a:cubicBezTo>
                  <a:pt x="395" y="43"/>
                  <a:pt x="413" y="55"/>
                  <a:pt x="429" y="70"/>
                </a:cubicBezTo>
                <a:cubicBezTo>
                  <a:pt x="429" y="71"/>
                  <a:pt x="430" y="72"/>
                  <a:pt x="430" y="73"/>
                </a:cubicBezTo>
                <a:cubicBezTo>
                  <a:pt x="430" y="85"/>
                  <a:pt x="419" y="106"/>
                  <a:pt x="394" y="127"/>
                </a:cubicBezTo>
                <a:cubicBezTo>
                  <a:pt x="367" y="148"/>
                  <a:pt x="342" y="154"/>
                  <a:pt x="331" y="150"/>
                </a:cubicBezTo>
                <a:cubicBezTo>
                  <a:pt x="324" y="137"/>
                  <a:pt x="318" y="123"/>
                  <a:pt x="313" y="109"/>
                </a:cubicBezTo>
                <a:cubicBezTo>
                  <a:pt x="312" y="105"/>
                  <a:pt x="308" y="102"/>
                  <a:pt x="305" y="101"/>
                </a:cubicBezTo>
                <a:cubicBezTo>
                  <a:pt x="303" y="100"/>
                  <a:pt x="303" y="100"/>
                  <a:pt x="303" y="100"/>
                </a:cubicBezTo>
                <a:cubicBezTo>
                  <a:pt x="302" y="100"/>
                  <a:pt x="301" y="100"/>
                  <a:pt x="300" y="99"/>
                </a:cubicBezTo>
                <a:cubicBezTo>
                  <a:pt x="268" y="96"/>
                  <a:pt x="226" y="111"/>
                  <a:pt x="193" y="138"/>
                </a:cubicBezTo>
                <a:cubicBezTo>
                  <a:pt x="160" y="165"/>
                  <a:pt x="136" y="203"/>
                  <a:pt x="134" y="235"/>
                </a:cubicBezTo>
                <a:cubicBezTo>
                  <a:pt x="134" y="235"/>
                  <a:pt x="134" y="236"/>
                  <a:pt x="134" y="236"/>
                </a:cubicBezTo>
                <a:cubicBezTo>
                  <a:pt x="134" y="238"/>
                  <a:pt x="134" y="240"/>
                  <a:pt x="135" y="242"/>
                </a:cubicBezTo>
                <a:cubicBezTo>
                  <a:pt x="136" y="243"/>
                  <a:pt x="136" y="243"/>
                  <a:pt x="136" y="243"/>
                </a:cubicBezTo>
                <a:cubicBezTo>
                  <a:pt x="137" y="246"/>
                  <a:pt x="139" y="248"/>
                  <a:pt x="141" y="249"/>
                </a:cubicBezTo>
                <a:cubicBezTo>
                  <a:pt x="154" y="257"/>
                  <a:pt x="166" y="266"/>
                  <a:pt x="177" y="276"/>
                </a:cubicBezTo>
                <a:cubicBezTo>
                  <a:pt x="177" y="276"/>
                  <a:pt x="177" y="277"/>
                  <a:pt x="177" y="278"/>
                </a:cubicBezTo>
                <a:cubicBezTo>
                  <a:pt x="177" y="290"/>
                  <a:pt x="166" y="312"/>
                  <a:pt x="141" y="332"/>
                </a:cubicBezTo>
                <a:cubicBezTo>
                  <a:pt x="114" y="354"/>
                  <a:pt x="89" y="359"/>
                  <a:pt x="79" y="355"/>
                </a:cubicBezTo>
                <a:cubicBezTo>
                  <a:pt x="77" y="353"/>
                  <a:pt x="76" y="351"/>
                  <a:pt x="76" y="351"/>
                </a:cubicBezTo>
                <a:cubicBezTo>
                  <a:pt x="72" y="344"/>
                  <a:pt x="64" y="342"/>
                  <a:pt x="58" y="345"/>
                </a:cubicBezTo>
                <a:cubicBezTo>
                  <a:pt x="51" y="349"/>
                  <a:pt x="49" y="357"/>
                  <a:pt x="53" y="363"/>
                </a:cubicBezTo>
                <a:cubicBezTo>
                  <a:pt x="57" y="371"/>
                  <a:pt x="57" y="371"/>
                  <a:pt x="57" y="371"/>
                </a:cubicBezTo>
                <a:cubicBezTo>
                  <a:pt x="57" y="372"/>
                  <a:pt x="58" y="372"/>
                  <a:pt x="58" y="373"/>
                </a:cubicBezTo>
                <a:cubicBezTo>
                  <a:pt x="59" y="374"/>
                  <a:pt x="59" y="374"/>
                  <a:pt x="59" y="374"/>
                </a:cubicBezTo>
                <a:cubicBezTo>
                  <a:pt x="60" y="375"/>
                  <a:pt x="61" y="376"/>
                  <a:pt x="62" y="376"/>
                </a:cubicBezTo>
                <a:cubicBezTo>
                  <a:pt x="83" y="391"/>
                  <a:pt x="123" y="381"/>
                  <a:pt x="158" y="353"/>
                </a:cubicBezTo>
                <a:cubicBezTo>
                  <a:pt x="187" y="330"/>
                  <a:pt x="203" y="301"/>
                  <a:pt x="203" y="278"/>
                </a:cubicBezTo>
                <a:cubicBezTo>
                  <a:pt x="203" y="273"/>
                  <a:pt x="203" y="268"/>
                  <a:pt x="201" y="263"/>
                </a:cubicBezTo>
                <a:cubicBezTo>
                  <a:pt x="200" y="262"/>
                  <a:pt x="200" y="261"/>
                  <a:pt x="199" y="260"/>
                </a:cubicBezTo>
                <a:cubicBezTo>
                  <a:pt x="198" y="259"/>
                  <a:pt x="198" y="259"/>
                  <a:pt x="198" y="259"/>
                </a:cubicBezTo>
                <a:cubicBezTo>
                  <a:pt x="198" y="259"/>
                  <a:pt x="197" y="258"/>
                  <a:pt x="197" y="258"/>
                </a:cubicBezTo>
                <a:cubicBezTo>
                  <a:pt x="186" y="248"/>
                  <a:pt x="174" y="239"/>
                  <a:pt x="161" y="231"/>
                </a:cubicBezTo>
                <a:cubicBezTo>
                  <a:pt x="165" y="210"/>
                  <a:pt x="181" y="182"/>
                  <a:pt x="210" y="159"/>
                </a:cubicBezTo>
                <a:cubicBezTo>
                  <a:pt x="239" y="135"/>
                  <a:pt x="270" y="126"/>
                  <a:pt x="290" y="126"/>
                </a:cubicBezTo>
                <a:cubicBezTo>
                  <a:pt x="296" y="140"/>
                  <a:pt x="302" y="153"/>
                  <a:pt x="310" y="166"/>
                </a:cubicBezTo>
                <a:cubicBezTo>
                  <a:pt x="310" y="166"/>
                  <a:pt x="311" y="167"/>
                  <a:pt x="311" y="167"/>
                </a:cubicBezTo>
                <a:cubicBezTo>
                  <a:pt x="312" y="168"/>
                  <a:pt x="312" y="168"/>
                  <a:pt x="312" y="168"/>
                </a:cubicBezTo>
                <a:cubicBezTo>
                  <a:pt x="312" y="169"/>
                  <a:pt x="313" y="170"/>
                  <a:pt x="314" y="171"/>
                </a:cubicBezTo>
                <a:cubicBezTo>
                  <a:pt x="336" y="185"/>
                  <a:pt x="376" y="176"/>
                  <a:pt x="411" y="147"/>
                </a:cubicBezTo>
                <a:cubicBezTo>
                  <a:pt x="446" y="119"/>
                  <a:pt x="463" y="82"/>
                  <a:pt x="453" y="58"/>
                </a:cubicBezTo>
                <a:cubicBezTo>
                  <a:pt x="453" y="58"/>
                  <a:pt x="453" y="58"/>
                  <a:pt x="453" y="58"/>
                </a:cubicBezTo>
                <a:cubicBezTo>
                  <a:pt x="453" y="57"/>
                  <a:pt x="453" y="57"/>
                  <a:pt x="453" y="57"/>
                </a:cubicBezTo>
                <a:cubicBezTo>
                  <a:pt x="452" y="55"/>
                  <a:pt x="451" y="53"/>
                  <a:pt x="450" y="52"/>
                </a:cubicBezTo>
                <a:cubicBezTo>
                  <a:pt x="430" y="34"/>
                  <a:pt x="409" y="20"/>
                  <a:pt x="385" y="9"/>
                </a:cubicBezTo>
                <a:cubicBezTo>
                  <a:pt x="385" y="9"/>
                  <a:pt x="385" y="9"/>
                  <a:pt x="384" y="9"/>
                </a:cubicBezTo>
                <a:cubicBezTo>
                  <a:pt x="384" y="8"/>
                  <a:pt x="384" y="8"/>
                  <a:pt x="384" y="8"/>
                </a:cubicBezTo>
                <a:cubicBezTo>
                  <a:pt x="383" y="8"/>
                  <a:pt x="382" y="8"/>
                  <a:pt x="380" y="8"/>
                </a:cubicBezTo>
                <a:cubicBezTo>
                  <a:pt x="319" y="0"/>
                  <a:pt x="234" y="34"/>
                  <a:pt x="158" y="9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8" name="Freeform 481"/>
          <p:cNvSpPr>
            <a:spLocks/>
          </p:cNvSpPr>
          <p:nvPr userDrawn="1"/>
        </p:nvSpPr>
        <p:spPr bwMode="auto">
          <a:xfrm>
            <a:off x="7524926" y="2999690"/>
            <a:ext cx="479425" cy="496887"/>
          </a:xfrm>
          <a:custGeom>
            <a:avLst/>
            <a:gdLst/>
            <a:ahLst/>
            <a:cxnLst>
              <a:cxn ang="0">
                <a:pos x="366" y="146"/>
              </a:cxn>
              <a:cxn ang="0">
                <a:pos x="276" y="107"/>
              </a:cxn>
              <a:cxn ang="0">
                <a:pos x="185" y="144"/>
              </a:cxn>
              <a:cxn ang="0">
                <a:pos x="153" y="218"/>
              </a:cxn>
              <a:cxn ang="0">
                <a:pos x="183" y="292"/>
              </a:cxn>
              <a:cxn ang="0">
                <a:pos x="244" y="318"/>
              </a:cxn>
              <a:cxn ang="0">
                <a:pos x="306" y="294"/>
              </a:cxn>
              <a:cxn ang="0">
                <a:pos x="307" y="192"/>
              </a:cxn>
              <a:cxn ang="0">
                <a:pos x="265" y="174"/>
              </a:cxn>
              <a:cxn ang="0">
                <a:pos x="222" y="191"/>
              </a:cxn>
              <a:cxn ang="0">
                <a:pos x="221" y="263"/>
              </a:cxn>
              <a:cxn ang="0">
                <a:pos x="240" y="263"/>
              </a:cxn>
              <a:cxn ang="0">
                <a:pos x="240" y="244"/>
              </a:cxn>
              <a:cxn ang="0">
                <a:pos x="241" y="210"/>
              </a:cxn>
              <a:cxn ang="0">
                <a:pos x="264" y="200"/>
              </a:cxn>
              <a:cxn ang="0">
                <a:pos x="288" y="210"/>
              </a:cxn>
              <a:cxn ang="0">
                <a:pos x="287" y="275"/>
              </a:cxn>
              <a:cxn ang="0">
                <a:pos x="245" y="292"/>
              </a:cxn>
              <a:cxn ang="0">
                <a:pos x="202" y="274"/>
              </a:cxn>
              <a:cxn ang="0">
                <a:pos x="180" y="218"/>
              </a:cxn>
              <a:cxn ang="0">
                <a:pos x="204" y="163"/>
              </a:cxn>
              <a:cxn ang="0">
                <a:pos x="276" y="134"/>
              </a:cxn>
              <a:cxn ang="0">
                <a:pos x="347" y="164"/>
              </a:cxn>
              <a:cxn ang="0">
                <a:pos x="345" y="348"/>
              </a:cxn>
              <a:cxn ang="0">
                <a:pos x="110" y="346"/>
              </a:cxn>
              <a:cxn ang="0">
                <a:pos x="112" y="49"/>
              </a:cxn>
              <a:cxn ang="0">
                <a:pos x="112" y="113"/>
              </a:cxn>
              <a:cxn ang="0">
                <a:pos x="125" y="127"/>
              </a:cxn>
              <a:cxn ang="0">
                <a:pos x="138" y="113"/>
              </a:cxn>
              <a:cxn ang="0">
                <a:pos x="138" y="14"/>
              </a:cxn>
              <a:cxn ang="0">
                <a:pos x="134" y="4"/>
              </a:cxn>
              <a:cxn ang="0">
                <a:pos x="125" y="0"/>
              </a:cxn>
              <a:cxn ang="0">
                <a:pos x="25" y="0"/>
              </a:cxn>
              <a:cxn ang="0">
                <a:pos x="12" y="14"/>
              </a:cxn>
              <a:cxn ang="0">
                <a:pos x="25" y="27"/>
              </a:cxn>
              <a:cxn ang="0">
                <a:pos x="97" y="27"/>
              </a:cxn>
              <a:cxn ang="0">
                <a:pos x="95" y="28"/>
              </a:cxn>
              <a:cxn ang="0">
                <a:pos x="91" y="364"/>
              </a:cxn>
              <a:cxn ang="0">
                <a:pos x="364" y="367"/>
              </a:cxn>
              <a:cxn ang="0">
                <a:pos x="366" y="146"/>
              </a:cxn>
            </a:cxnLst>
            <a:rect l="0" t="0" r="r" b="b"/>
            <a:pathLst>
              <a:path w="427" h="442">
                <a:moveTo>
                  <a:pt x="366" y="146"/>
                </a:moveTo>
                <a:cubicBezTo>
                  <a:pt x="342" y="121"/>
                  <a:pt x="310" y="107"/>
                  <a:pt x="276" y="107"/>
                </a:cubicBezTo>
                <a:cubicBezTo>
                  <a:pt x="242" y="107"/>
                  <a:pt x="209" y="120"/>
                  <a:pt x="185" y="144"/>
                </a:cubicBezTo>
                <a:cubicBezTo>
                  <a:pt x="165" y="163"/>
                  <a:pt x="154" y="189"/>
                  <a:pt x="153" y="218"/>
                </a:cubicBezTo>
                <a:cubicBezTo>
                  <a:pt x="153" y="246"/>
                  <a:pt x="164" y="272"/>
                  <a:pt x="183" y="292"/>
                </a:cubicBezTo>
                <a:cubicBezTo>
                  <a:pt x="200" y="309"/>
                  <a:pt x="221" y="318"/>
                  <a:pt x="244" y="318"/>
                </a:cubicBezTo>
                <a:cubicBezTo>
                  <a:pt x="268" y="319"/>
                  <a:pt x="289" y="310"/>
                  <a:pt x="306" y="294"/>
                </a:cubicBezTo>
                <a:cubicBezTo>
                  <a:pt x="335" y="266"/>
                  <a:pt x="335" y="220"/>
                  <a:pt x="307" y="192"/>
                </a:cubicBezTo>
                <a:cubicBezTo>
                  <a:pt x="296" y="180"/>
                  <a:pt x="281" y="174"/>
                  <a:pt x="265" y="174"/>
                </a:cubicBezTo>
                <a:cubicBezTo>
                  <a:pt x="249" y="173"/>
                  <a:pt x="233" y="179"/>
                  <a:pt x="222" y="191"/>
                </a:cubicBezTo>
                <a:cubicBezTo>
                  <a:pt x="202" y="210"/>
                  <a:pt x="201" y="243"/>
                  <a:pt x="221" y="263"/>
                </a:cubicBezTo>
                <a:cubicBezTo>
                  <a:pt x="226" y="268"/>
                  <a:pt x="235" y="268"/>
                  <a:pt x="240" y="263"/>
                </a:cubicBezTo>
                <a:cubicBezTo>
                  <a:pt x="245" y="258"/>
                  <a:pt x="245" y="249"/>
                  <a:pt x="240" y="244"/>
                </a:cubicBezTo>
                <a:cubicBezTo>
                  <a:pt x="231" y="235"/>
                  <a:pt x="231" y="219"/>
                  <a:pt x="241" y="210"/>
                </a:cubicBezTo>
                <a:cubicBezTo>
                  <a:pt x="247" y="203"/>
                  <a:pt x="255" y="200"/>
                  <a:pt x="264" y="200"/>
                </a:cubicBezTo>
                <a:cubicBezTo>
                  <a:pt x="273" y="200"/>
                  <a:pt x="282" y="204"/>
                  <a:pt x="288" y="210"/>
                </a:cubicBezTo>
                <a:cubicBezTo>
                  <a:pt x="306" y="228"/>
                  <a:pt x="305" y="257"/>
                  <a:pt x="287" y="275"/>
                </a:cubicBezTo>
                <a:cubicBezTo>
                  <a:pt x="276" y="286"/>
                  <a:pt x="261" y="292"/>
                  <a:pt x="245" y="292"/>
                </a:cubicBezTo>
                <a:cubicBezTo>
                  <a:pt x="229" y="292"/>
                  <a:pt x="214" y="285"/>
                  <a:pt x="202" y="274"/>
                </a:cubicBezTo>
                <a:cubicBezTo>
                  <a:pt x="188" y="259"/>
                  <a:pt x="180" y="239"/>
                  <a:pt x="180" y="218"/>
                </a:cubicBezTo>
                <a:cubicBezTo>
                  <a:pt x="180" y="197"/>
                  <a:pt x="189" y="177"/>
                  <a:pt x="204" y="163"/>
                </a:cubicBezTo>
                <a:cubicBezTo>
                  <a:pt x="223" y="144"/>
                  <a:pt x="249" y="133"/>
                  <a:pt x="276" y="134"/>
                </a:cubicBezTo>
                <a:cubicBezTo>
                  <a:pt x="303" y="134"/>
                  <a:pt x="328" y="145"/>
                  <a:pt x="347" y="164"/>
                </a:cubicBezTo>
                <a:cubicBezTo>
                  <a:pt x="397" y="216"/>
                  <a:pt x="396" y="298"/>
                  <a:pt x="345" y="348"/>
                </a:cubicBezTo>
                <a:cubicBezTo>
                  <a:pt x="280" y="412"/>
                  <a:pt x="174" y="411"/>
                  <a:pt x="110" y="346"/>
                </a:cubicBezTo>
                <a:cubicBezTo>
                  <a:pt x="30" y="263"/>
                  <a:pt x="30" y="131"/>
                  <a:pt x="112" y="49"/>
                </a:cubicBezTo>
                <a:cubicBezTo>
                  <a:pt x="112" y="77"/>
                  <a:pt x="112" y="113"/>
                  <a:pt x="112" y="113"/>
                </a:cubicBezTo>
                <a:cubicBezTo>
                  <a:pt x="112" y="121"/>
                  <a:pt x="117" y="127"/>
                  <a:pt x="125" y="127"/>
                </a:cubicBezTo>
                <a:cubicBezTo>
                  <a:pt x="132" y="127"/>
                  <a:pt x="138" y="121"/>
                  <a:pt x="138" y="113"/>
                </a:cubicBezTo>
                <a:cubicBezTo>
                  <a:pt x="138" y="14"/>
                  <a:pt x="138" y="14"/>
                  <a:pt x="138" y="14"/>
                </a:cubicBezTo>
                <a:cubicBezTo>
                  <a:pt x="138" y="10"/>
                  <a:pt x="137" y="7"/>
                  <a:pt x="134" y="4"/>
                </a:cubicBezTo>
                <a:cubicBezTo>
                  <a:pt x="132" y="2"/>
                  <a:pt x="128" y="0"/>
                  <a:pt x="125" y="0"/>
                </a:cubicBezTo>
                <a:cubicBezTo>
                  <a:pt x="25" y="0"/>
                  <a:pt x="25" y="0"/>
                  <a:pt x="25" y="0"/>
                </a:cubicBezTo>
                <a:cubicBezTo>
                  <a:pt x="18" y="0"/>
                  <a:pt x="12" y="6"/>
                  <a:pt x="12" y="14"/>
                </a:cubicBezTo>
                <a:cubicBezTo>
                  <a:pt x="12" y="21"/>
                  <a:pt x="18" y="27"/>
                  <a:pt x="25" y="27"/>
                </a:cubicBezTo>
                <a:cubicBezTo>
                  <a:pt x="25" y="27"/>
                  <a:pt x="69" y="27"/>
                  <a:pt x="97" y="27"/>
                </a:cubicBezTo>
                <a:cubicBezTo>
                  <a:pt x="96" y="27"/>
                  <a:pt x="95" y="28"/>
                  <a:pt x="95" y="28"/>
                </a:cubicBezTo>
                <a:cubicBezTo>
                  <a:pt x="1" y="120"/>
                  <a:pt x="0" y="271"/>
                  <a:pt x="91" y="364"/>
                </a:cubicBezTo>
                <a:cubicBezTo>
                  <a:pt x="165" y="440"/>
                  <a:pt x="288" y="442"/>
                  <a:pt x="364" y="367"/>
                </a:cubicBezTo>
                <a:cubicBezTo>
                  <a:pt x="426" y="307"/>
                  <a:pt x="427" y="207"/>
                  <a:pt x="366" y="14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9" name="Freeform 537"/>
          <p:cNvSpPr>
            <a:spLocks noEditPoints="1"/>
          </p:cNvSpPr>
          <p:nvPr userDrawn="1"/>
        </p:nvSpPr>
        <p:spPr bwMode="auto">
          <a:xfrm>
            <a:off x="7582869" y="3681867"/>
            <a:ext cx="363538" cy="509587"/>
          </a:xfrm>
          <a:custGeom>
            <a:avLst/>
            <a:gdLst/>
            <a:ahLst/>
            <a:cxnLst>
              <a:cxn ang="0">
                <a:pos x="299" y="124"/>
              </a:cxn>
              <a:cxn ang="0">
                <a:pos x="262" y="196"/>
              </a:cxn>
              <a:cxn ang="0">
                <a:pos x="230" y="147"/>
              </a:cxn>
              <a:cxn ang="0">
                <a:pos x="162" y="84"/>
              </a:cxn>
              <a:cxn ang="0">
                <a:pos x="95" y="147"/>
              </a:cxn>
              <a:cxn ang="0">
                <a:pos x="34" y="211"/>
              </a:cxn>
              <a:cxn ang="0">
                <a:pos x="28" y="82"/>
              </a:cxn>
              <a:cxn ang="0">
                <a:pos x="163" y="27"/>
              </a:cxn>
              <a:cxn ang="0">
                <a:pos x="284" y="72"/>
              </a:cxn>
              <a:cxn ang="0">
                <a:pos x="318" y="83"/>
              </a:cxn>
              <a:cxn ang="0">
                <a:pos x="311" y="58"/>
              </a:cxn>
              <a:cxn ang="0">
                <a:pos x="163" y="0"/>
              </a:cxn>
              <a:cxn ang="0">
                <a:pos x="14" y="58"/>
              </a:cxn>
              <a:cxn ang="0">
                <a:pos x="2" y="76"/>
              </a:cxn>
              <a:cxn ang="0">
                <a:pos x="97" y="425"/>
              </a:cxn>
              <a:cxn ang="0">
                <a:pos x="163" y="453"/>
              </a:cxn>
              <a:cxn ang="0">
                <a:pos x="228" y="425"/>
              </a:cxn>
              <a:cxn ang="0">
                <a:pos x="315" y="117"/>
              </a:cxn>
              <a:cxn ang="0">
                <a:pos x="149" y="264"/>
              </a:cxn>
              <a:cxn ang="0">
                <a:pos x="95" y="227"/>
              </a:cxn>
              <a:cxn ang="0">
                <a:pos x="185" y="227"/>
              </a:cxn>
              <a:cxn ang="0">
                <a:pos x="176" y="227"/>
              </a:cxn>
              <a:cxn ang="0">
                <a:pos x="181" y="195"/>
              </a:cxn>
              <a:cxn ang="0">
                <a:pos x="149" y="200"/>
              </a:cxn>
              <a:cxn ang="0">
                <a:pos x="149" y="191"/>
              </a:cxn>
              <a:cxn ang="0">
                <a:pos x="149" y="235"/>
              </a:cxn>
              <a:cxn ang="0">
                <a:pos x="149" y="227"/>
              </a:cxn>
              <a:cxn ang="0">
                <a:pos x="214" y="227"/>
              </a:cxn>
              <a:cxn ang="0">
                <a:pos x="176" y="279"/>
              </a:cxn>
              <a:cxn ang="0">
                <a:pos x="230" y="200"/>
              </a:cxn>
              <a:cxn ang="0">
                <a:pos x="176" y="163"/>
              </a:cxn>
              <a:cxn ang="0">
                <a:pos x="113" y="167"/>
              </a:cxn>
              <a:cxn ang="0">
                <a:pos x="125" y="176"/>
              </a:cxn>
              <a:cxn ang="0">
                <a:pos x="113" y="167"/>
              </a:cxn>
              <a:cxn ang="0">
                <a:pos x="183" y="423"/>
              </a:cxn>
              <a:cxn ang="0">
                <a:pos x="162" y="427"/>
              </a:cxn>
              <a:cxn ang="0">
                <a:pos x="39" y="257"/>
              </a:cxn>
              <a:cxn ang="0">
                <a:pos x="67" y="227"/>
              </a:cxn>
              <a:cxn ang="0">
                <a:pos x="149" y="329"/>
              </a:cxn>
              <a:cxn ang="0">
                <a:pos x="176" y="306"/>
              </a:cxn>
              <a:cxn ang="0">
                <a:pos x="266" y="227"/>
              </a:cxn>
              <a:cxn ang="0">
                <a:pos x="291" y="198"/>
              </a:cxn>
            </a:cxnLst>
            <a:rect l="0" t="0" r="r" b="b"/>
            <a:pathLst>
              <a:path w="324" h="454">
                <a:moveTo>
                  <a:pt x="315" y="117"/>
                </a:moveTo>
                <a:cubicBezTo>
                  <a:pt x="315" y="117"/>
                  <a:pt x="315" y="117"/>
                  <a:pt x="315" y="117"/>
                </a:cubicBezTo>
                <a:cubicBezTo>
                  <a:pt x="309" y="115"/>
                  <a:pt x="302" y="118"/>
                  <a:pt x="299" y="124"/>
                </a:cubicBezTo>
                <a:cubicBezTo>
                  <a:pt x="299" y="124"/>
                  <a:pt x="297" y="129"/>
                  <a:pt x="293" y="136"/>
                </a:cubicBezTo>
                <a:cubicBezTo>
                  <a:pt x="288" y="147"/>
                  <a:pt x="280" y="163"/>
                  <a:pt x="272" y="177"/>
                </a:cubicBezTo>
                <a:cubicBezTo>
                  <a:pt x="268" y="184"/>
                  <a:pt x="265" y="191"/>
                  <a:pt x="262" y="196"/>
                </a:cubicBezTo>
                <a:cubicBezTo>
                  <a:pt x="261" y="197"/>
                  <a:pt x="260" y="199"/>
                  <a:pt x="259" y="200"/>
                </a:cubicBezTo>
                <a:cubicBezTo>
                  <a:pt x="257" y="200"/>
                  <a:pt x="257" y="200"/>
                  <a:pt x="257" y="200"/>
                </a:cubicBezTo>
                <a:cubicBezTo>
                  <a:pt x="254" y="180"/>
                  <a:pt x="244" y="161"/>
                  <a:pt x="230" y="147"/>
                </a:cubicBezTo>
                <a:cubicBezTo>
                  <a:pt x="215" y="134"/>
                  <a:pt x="197" y="124"/>
                  <a:pt x="176" y="121"/>
                </a:cubicBezTo>
                <a:cubicBezTo>
                  <a:pt x="176" y="98"/>
                  <a:pt x="176" y="98"/>
                  <a:pt x="176" y="98"/>
                </a:cubicBezTo>
                <a:cubicBezTo>
                  <a:pt x="176" y="90"/>
                  <a:pt x="170" y="84"/>
                  <a:pt x="162" y="84"/>
                </a:cubicBezTo>
                <a:cubicBezTo>
                  <a:pt x="155" y="84"/>
                  <a:pt x="149" y="90"/>
                  <a:pt x="149" y="98"/>
                </a:cubicBezTo>
                <a:cubicBezTo>
                  <a:pt x="149" y="121"/>
                  <a:pt x="149" y="121"/>
                  <a:pt x="149" y="121"/>
                </a:cubicBezTo>
                <a:cubicBezTo>
                  <a:pt x="128" y="124"/>
                  <a:pt x="109" y="134"/>
                  <a:pt x="95" y="147"/>
                </a:cubicBezTo>
                <a:cubicBezTo>
                  <a:pt x="80" y="161"/>
                  <a:pt x="71" y="180"/>
                  <a:pt x="67" y="200"/>
                </a:cubicBezTo>
                <a:cubicBezTo>
                  <a:pt x="47" y="200"/>
                  <a:pt x="47" y="200"/>
                  <a:pt x="47" y="200"/>
                </a:cubicBezTo>
                <a:cubicBezTo>
                  <a:pt x="40" y="200"/>
                  <a:pt x="35" y="205"/>
                  <a:pt x="34" y="211"/>
                </a:cubicBezTo>
                <a:cubicBezTo>
                  <a:pt x="30" y="174"/>
                  <a:pt x="27" y="128"/>
                  <a:pt x="27" y="100"/>
                </a:cubicBezTo>
                <a:cubicBezTo>
                  <a:pt x="27" y="93"/>
                  <a:pt x="27" y="88"/>
                  <a:pt x="27" y="84"/>
                </a:cubicBezTo>
                <a:cubicBezTo>
                  <a:pt x="28" y="83"/>
                  <a:pt x="28" y="82"/>
                  <a:pt x="28" y="82"/>
                </a:cubicBezTo>
                <a:cubicBezTo>
                  <a:pt x="28" y="81"/>
                  <a:pt x="29" y="80"/>
                  <a:pt x="30" y="79"/>
                </a:cubicBezTo>
                <a:cubicBezTo>
                  <a:pt x="40" y="72"/>
                  <a:pt x="60" y="59"/>
                  <a:pt x="84" y="47"/>
                </a:cubicBezTo>
                <a:cubicBezTo>
                  <a:pt x="109" y="36"/>
                  <a:pt x="137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92" y="27"/>
                  <a:pt x="225" y="39"/>
                  <a:pt x="251" y="52"/>
                </a:cubicBezTo>
                <a:cubicBezTo>
                  <a:pt x="264" y="59"/>
                  <a:pt x="276" y="66"/>
                  <a:pt x="284" y="72"/>
                </a:cubicBezTo>
                <a:cubicBezTo>
                  <a:pt x="289" y="75"/>
                  <a:pt x="292" y="77"/>
                  <a:pt x="295" y="79"/>
                </a:cubicBezTo>
                <a:cubicBezTo>
                  <a:pt x="297" y="81"/>
                  <a:pt x="299" y="83"/>
                  <a:pt x="299" y="83"/>
                </a:cubicBezTo>
                <a:cubicBezTo>
                  <a:pt x="305" y="88"/>
                  <a:pt x="313" y="88"/>
                  <a:pt x="318" y="83"/>
                </a:cubicBezTo>
                <a:cubicBezTo>
                  <a:pt x="323" y="78"/>
                  <a:pt x="323" y="70"/>
                  <a:pt x="318" y="64"/>
                </a:cubicBezTo>
                <a:cubicBezTo>
                  <a:pt x="318" y="64"/>
                  <a:pt x="318" y="64"/>
                  <a:pt x="318" y="64"/>
                </a:cubicBezTo>
                <a:cubicBezTo>
                  <a:pt x="316" y="62"/>
                  <a:pt x="314" y="61"/>
                  <a:pt x="311" y="58"/>
                </a:cubicBezTo>
                <a:cubicBezTo>
                  <a:pt x="300" y="50"/>
                  <a:pt x="279" y="36"/>
                  <a:pt x="252" y="23"/>
                </a:cubicBezTo>
                <a:cubicBezTo>
                  <a:pt x="226" y="11"/>
                  <a:pt x="194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26" y="0"/>
                  <a:pt x="91" y="14"/>
                  <a:pt x="62" y="29"/>
                </a:cubicBezTo>
                <a:cubicBezTo>
                  <a:pt x="48" y="36"/>
                  <a:pt x="36" y="44"/>
                  <a:pt x="26" y="50"/>
                </a:cubicBezTo>
                <a:cubicBezTo>
                  <a:pt x="21" y="53"/>
                  <a:pt x="17" y="56"/>
                  <a:pt x="14" y="58"/>
                </a:cubicBezTo>
                <a:cubicBezTo>
                  <a:pt x="11" y="61"/>
                  <a:pt x="9" y="62"/>
                  <a:pt x="7" y="64"/>
                </a:cubicBezTo>
                <a:cubicBezTo>
                  <a:pt x="5" y="66"/>
                  <a:pt x="4" y="68"/>
                  <a:pt x="3" y="70"/>
                </a:cubicBezTo>
                <a:cubicBezTo>
                  <a:pt x="2" y="72"/>
                  <a:pt x="2" y="74"/>
                  <a:pt x="2" y="76"/>
                </a:cubicBezTo>
                <a:cubicBezTo>
                  <a:pt x="1" y="83"/>
                  <a:pt x="0" y="90"/>
                  <a:pt x="0" y="100"/>
                </a:cubicBezTo>
                <a:cubicBezTo>
                  <a:pt x="0" y="145"/>
                  <a:pt x="8" y="228"/>
                  <a:pt x="12" y="261"/>
                </a:cubicBezTo>
                <a:cubicBezTo>
                  <a:pt x="25" y="347"/>
                  <a:pt x="66" y="398"/>
                  <a:pt x="97" y="425"/>
                </a:cubicBezTo>
                <a:cubicBezTo>
                  <a:pt x="110" y="436"/>
                  <a:pt x="122" y="443"/>
                  <a:pt x="133" y="448"/>
                </a:cubicBezTo>
                <a:cubicBezTo>
                  <a:pt x="143" y="452"/>
                  <a:pt x="153" y="453"/>
                  <a:pt x="162" y="453"/>
                </a:cubicBezTo>
                <a:cubicBezTo>
                  <a:pt x="162" y="453"/>
                  <a:pt x="162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72" y="454"/>
                  <a:pt x="182" y="452"/>
                  <a:pt x="193" y="448"/>
                </a:cubicBezTo>
                <a:cubicBezTo>
                  <a:pt x="204" y="443"/>
                  <a:pt x="215" y="436"/>
                  <a:pt x="228" y="425"/>
                </a:cubicBezTo>
                <a:cubicBezTo>
                  <a:pt x="259" y="398"/>
                  <a:pt x="300" y="347"/>
                  <a:pt x="313" y="261"/>
                </a:cubicBezTo>
                <a:cubicBezTo>
                  <a:pt x="317" y="235"/>
                  <a:pt x="322" y="176"/>
                  <a:pt x="324" y="131"/>
                </a:cubicBezTo>
                <a:cubicBezTo>
                  <a:pt x="324" y="125"/>
                  <a:pt x="321" y="119"/>
                  <a:pt x="315" y="117"/>
                </a:cubicBezTo>
                <a:close/>
                <a:moveTo>
                  <a:pt x="111" y="227"/>
                </a:moveTo>
                <a:cubicBezTo>
                  <a:pt x="113" y="236"/>
                  <a:pt x="118" y="244"/>
                  <a:pt x="125" y="250"/>
                </a:cubicBezTo>
                <a:cubicBezTo>
                  <a:pt x="131" y="257"/>
                  <a:pt x="140" y="262"/>
                  <a:pt x="149" y="264"/>
                </a:cubicBezTo>
                <a:cubicBezTo>
                  <a:pt x="149" y="279"/>
                  <a:pt x="149" y="279"/>
                  <a:pt x="149" y="279"/>
                </a:cubicBezTo>
                <a:cubicBezTo>
                  <a:pt x="135" y="276"/>
                  <a:pt x="123" y="269"/>
                  <a:pt x="113" y="260"/>
                </a:cubicBezTo>
                <a:cubicBezTo>
                  <a:pt x="104" y="251"/>
                  <a:pt x="97" y="240"/>
                  <a:pt x="95" y="227"/>
                </a:cubicBezTo>
                <a:lnTo>
                  <a:pt x="111" y="227"/>
                </a:lnTo>
                <a:close/>
                <a:moveTo>
                  <a:pt x="176" y="227"/>
                </a:moveTo>
                <a:cubicBezTo>
                  <a:pt x="185" y="227"/>
                  <a:pt x="185" y="227"/>
                  <a:pt x="185" y="227"/>
                </a:cubicBezTo>
                <a:cubicBezTo>
                  <a:pt x="184" y="228"/>
                  <a:pt x="183" y="230"/>
                  <a:pt x="181" y="231"/>
                </a:cubicBezTo>
                <a:cubicBezTo>
                  <a:pt x="180" y="233"/>
                  <a:pt x="178" y="234"/>
                  <a:pt x="176" y="235"/>
                </a:cubicBezTo>
                <a:lnTo>
                  <a:pt x="176" y="227"/>
                </a:lnTo>
                <a:close/>
                <a:moveTo>
                  <a:pt x="176" y="200"/>
                </a:moveTo>
                <a:cubicBezTo>
                  <a:pt x="176" y="191"/>
                  <a:pt x="176" y="191"/>
                  <a:pt x="176" y="191"/>
                </a:cubicBezTo>
                <a:cubicBezTo>
                  <a:pt x="178" y="192"/>
                  <a:pt x="180" y="194"/>
                  <a:pt x="181" y="195"/>
                </a:cubicBezTo>
                <a:cubicBezTo>
                  <a:pt x="183" y="197"/>
                  <a:pt x="184" y="198"/>
                  <a:pt x="185" y="200"/>
                </a:cubicBezTo>
                <a:lnTo>
                  <a:pt x="176" y="200"/>
                </a:lnTo>
                <a:close/>
                <a:moveTo>
                  <a:pt x="149" y="200"/>
                </a:moveTo>
                <a:cubicBezTo>
                  <a:pt x="139" y="200"/>
                  <a:pt x="139" y="200"/>
                  <a:pt x="139" y="200"/>
                </a:cubicBezTo>
                <a:cubicBezTo>
                  <a:pt x="140" y="198"/>
                  <a:pt x="142" y="197"/>
                  <a:pt x="143" y="195"/>
                </a:cubicBezTo>
                <a:cubicBezTo>
                  <a:pt x="145" y="194"/>
                  <a:pt x="147" y="192"/>
                  <a:pt x="149" y="191"/>
                </a:cubicBezTo>
                <a:lnTo>
                  <a:pt x="149" y="200"/>
                </a:lnTo>
                <a:close/>
                <a:moveTo>
                  <a:pt x="149" y="227"/>
                </a:moveTo>
                <a:cubicBezTo>
                  <a:pt x="149" y="235"/>
                  <a:pt x="149" y="235"/>
                  <a:pt x="149" y="235"/>
                </a:cubicBezTo>
                <a:cubicBezTo>
                  <a:pt x="147" y="234"/>
                  <a:pt x="145" y="233"/>
                  <a:pt x="143" y="231"/>
                </a:cubicBezTo>
                <a:cubicBezTo>
                  <a:pt x="142" y="230"/>
                  <a:pt x="140" y="228"/>
                  <a:pt x="139" y="227"/>
                </a:cubicBezTo>
                <a:lnTo>
                  <a:pt x="149" y="227"/>
                </a:lnTo>
                <a:close/>
                <a:moveTo>
                  <a:pt x="176" y="264"/>
                </a:moveTo>
                <a:cubicBezTo>
                  <a:pt x="185" y="262"/>
                  <a:pt x="193" y="257"/>
                  <a:pt x="200" y="250"/>
                </a:cubicBezTo>
                <a:cubicBezTo>
                  <a:pt x="207" y="244"/>
                  <a:pt x="211" y="236"/>
                  <a:pt x="214" y="227"/>
                </a:cubicBezTo>
                <a:cubicBezTo>
                  <a:pt x="230" y="227"/>
                  <a:pt x="230" y="227"/>
                  <a:pt x="230" y="227"/>
                </a:cubicBezTo>
                <a:cubicBezTo>
                  <a:pt x="227" y="240"/>
                  <a:pt x="221" y="251"/>
                  <a:pt x="211" y="260"/>
                </a:cubicBezTo>
                <a:cubicBezTo>
                  <a:pt x="202" y="269"/>
                  <a:pt x="189" y="276"/>
                  <a:pt x="176" y="279"/>
                </a:cubicBezTo>
                <a:lnTo>
                  <a:pt x="176" y="264"/>
                </a:lnTo>
                <a:close/>
                <a:moveTo>
                  <a:pt x="211" y="167"/>
                </a:moveTo>
                <a:cubicBezTo>
                  <a:pt x="221" y="176"/>
                  <a:pt x="227" y="187"/>
                  <a:pt x="230" y="200"/>
                </a:cubicBezTo>
                <a:cubicBezTo>
                  <a:pt x="214" y="200"/>
                  <a:pt x="214" y="200"/>
                  <a:pt x="214" y="200"/>
                </a:cubicBezTo>
                <a:cubicBezTo>
                  <a:pt x="211" y="191"/>
                  <a:pt x="207" y="183"/>
                  <a:pt x="200" y="176"/>
                </a:cubicBezTo>
                <a:cubicBezTo>
                  <a:pt x="193" y="170"/>
                  <a:pt x="185" y="165"/>
                  <a:pt x="176" y="163"/>
                </a:cubicBezTo>
                <a:cubicBezTo>
                  <a:pt x="176" y="148"/>
                  <a:pt x="176" y="148"/>
                  <a:pt x="176" y="148"/>
                </a:cubicBezTo>
                <a:cubicBezTo>
                  <a:pt x="189" y="151"/>
                  <a:pt x="202" y="157"/>
                  <a:pt x="211" y="167"/>
                </a:cubicBezTo>
                <a:close/>
                <a:moveTo>
                  <a:pt x="113" y="167"/>
                </a:moveTo>
                <a:cubicBezTo>
                  <a:pt x="123" y="157"/>
                  <a:pt x="135" y="151"/>
                  <a:pt x="149" y="148"/>
                </a:cubicBezTo>
                <a:cubicBezTo>
                  <a:pt x="149" y="163"/>
                  <a:pt x="149" y="163"/>
                  <a:pt x="149" y="163"/>
                </a:cubicBezTo>
                <a:cubicBezTo>
                  <a:pt x="140" y="165"/>
                  <a:pt x="131" y="170"/>
                  <a:pt x="125" y="176"/>
                </a:cubicBezTo>
                <a:cubicBezTo>
                  <a:pt x="118" y="183"/>
                  <a:pt x="113" y="191"/>
                  <a:pt x="111" y="200"/>
                </a:cubicBezTo>
                <a:cubicBezTo>
                  <a:pt x="95" y="200"/>
                  <a:pt x="95" y="200"/>
                  <a:pt x="95" y="200"/>
                </a:cubicBezTo>
                <a:cubicBezTo>
                  <a:pt x="97" y="187"/>
                  <a:pt x="104" y="176"/>
                  <a:pt x="113" y="167"/>
                </a:cubicBezTo>
                <a:close/>
                <a:moveTo>
                  <a:pt x="286" y="257"/>
                </a:moveTo>
                <a:cubicBezTo>
                  <a:pt x="274" y="337"/>
                  <a:pt x="238" y="381"/>
                  <a:pt x="211" y="405"/>
                </a:cubicBezTo>
                <a:cubicBezTo>
                  <a:pt x="200" y="414"/>
                  <a:pt x="190" y="420"/>
                  <a:pt x="183" y="423"/>
                </a:cubicBezTo>
                <a:cubicBezTo>
                  <a:pt x="175" y="426"/>
                  <a:pt x="169" y="427"/>
                  <a:pt x="163" y="427"/>
                </a:cubicBezTo>
                <a:cubicBezTo>
                  <a:pt x="163" y="427"/>
                  <a:pt x="163" y="427"/>
                  <a:pt x="163" y="427"/>
                </a:cubicBezTo>
                <a:cubicBezTo>
                  <a:pt x="162" y="427"/>
                  <a:pt x="162" y="427"/>
                  <a:pt x="162" y="427"/>
                </a:cubicBezTo>
                <a:cubicBezTo>
                  <a:pt x="156" y="427"/>
                  <a:pt x="150" y="426"/>
                  <a:pt x="143" y="423"/>
                </a:cubicBezTo>
                <a:cubicBezTo>
                  <a:pt x="135" y="420"/>
                  <a:pt x="126" y="414"/>
                  <a:pt x="114" y="405"/>
                </a:cubicBezTo>
                <a:cubicBezTo>
                  <a:pt x="88" y="381"/>
                  <a:pt x="51" y="337"/>
                  <a:pt x="39" y="257"/>
                </a:cubicBezTo>
                <a:cubicBezTo>
                  <a:pt x="38" y="248"/>
                  <a:pt x="36" y="235"/>
                  <a:pt x="34" y="219"/>
                </a:cubicBezTo>
                <a:cubicBezTo>
                  <a:pt x="36" y="223"/>
                  <a:pt x="41" y="227"/>
                  <a:pt x="47" y="227"/>
                </a:cubicBezTo>
                <a:cubicBezTo>
                  <a:pt x="67" y="227"/>
                  <a:pt x="67" y="227"/>
                  <a:pt x="67" y="227"/>
                </a:cubicBezTo>
                <a:cubicBezTo>
                  <a:pt x="71" y="247"/>
                  <a:pt x="80" y="266"/>
                  <a:pt x="95" y="279"/>
                </a:cubicBezTo>
                <a:cubicBezTo>
                  <a:pt x="109" y="293"/>
                  <a:pt x="128" y="303"/>
                  <a:pt x="149" y="306"/>
                </a:cubicBezTo>
                <a:cubicBezTo>
                  <a:pt x="149" y="329"/>
                  <a:pt x="149" y="329"/>
                  <a:pt x="149" y="329"/>
                </a:cubicBezTo>
                <a:cubicBezTo>
                  <a:pt x="149" y="336"/>
                  <a:pt x="155" y="342"/>
                  <a:pt x="162" y="342"/>
                </a:cubicBezTo>
                <a:cubicBezTo>
                  <a:pt x="170" y="342"/>
                  <a:pt x="176" y="336"/>
                  <a:pt x="176" y="329"/>
                </a:cubicBezTo>
                <a:cubicBezTo>
                  <a:pt x="176" y="306"/>
                  <a:pt x="176" y="306"/>
                  <a:pt x="176" y="306"/>
                </a:cubicBezTo>
                <a:cubicBezTo>
                  <a:pt x="197" y="303"/>
                  <a:pt x="215" y="293"/>
                  <a:pt x="230" y="279"/>
                </a:cubicBezTo>
                <a:cubicBezTo>
                  <a:pt x="244" y="266"/>
                  <a:pt x="254" y="247"/>
                  <a:pt x="257" y="227"/>
                </a:cubicBezTo>
                <a:cubicBezTo>
                  <a:pt x="266" y="227"/>
                  <a:pt x="266" y="227"/>
                  <a:pt x="266" y="227"/>
                </a:cubicBezTo>
                <a:cubicBezTo>
                  <a:pt x="270" y="227"/>
                  <a:pt x="273" y="225"/>
                  <a:pt x="275" y="223"/>
                </a:cubicBezTo>
                <a:cubicBezTo>
                  <a:pt x="277" y="221"/>
                  <a:pt x="278" y="220"/>
                  <a:pt x="279" y="219"/>
                </a:cubicBezTo>
                <a:cubicBezTo>
                  <a:pt x="282" y="214"/>
                  <a:pt x="286" y="207"/>
                  <a:pt x="291" y="198"/>
                </a:cubicBezTo>
                <a:cubicBezTo>
                  <a:pt x="292" y="197"/>
                  <a:pt x="292" y="196"/>
                  <a:pt x="293" y="194"/>
                </a:cubicBezTo>
                <a:cubicBezTo>
                  <a:pt x="291" y="220"/>
                  <a:pt x="288" y="244"/>
                  <a:pt x="286" y="25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0" name="Freeform 556"/>
          <p:cNvSpPr>
            <a:spLocks/>
          </p:cNvSpPr>
          <p:nvPr userDrawn="1"/>
        </p:nvSpPr>
        <p:spPr bwMode="auto">
          <a:xfrm>
            <a:off x="7534451" y="5128621"/>
            <a:ext cx="460375" cy="388938"/>
          </a:xfrm>
          <a:custGeom>
            <a:avLst/>
            <a:gdLst/>
            <a:ahLst/>
            <a:cxnLst>
              <a:cxn ang="0">
                <a:pos x="304" y="345"/>
              </a:cxn>
              <a:cxn ang="0">
                <a:pos x="262" y="194"/>
              </a:cxn>
              <a:cxn ang="0">
                <a:pos x="262" y="191"/>
              </a:cxn>
              <a:cxn ang="0">
                <a:pos x="144" y="191"/>
              </a:cxn>
              <a:cxn ang="0">
                <a:pos x="144" y="194"/>
              </a:cxn>
              <a:cxn ang="0">
                <a:pos x="103" y="345"/>
              </a:cxn>
              <a:cxn ang="0">
                <a:pos x="0" y="303"/>
              </a:cxn>
              <a:cxn ang="0">
                <a:pos x="33" y="134"/>
              </a:cxn>
              <a:cxn ang="0">
                <a:pos x="78" y="31"/>
              </a:cxn>
              <a:cxn ang="0">
                <a:pos x="149" y="63"/>
              </a:cxn>
              <a:cxn ang="0">
                <a:pos x="202" y="0"/>
              </a:cxn>
              <a:cxn ang="0">
                <a:pos x="257" y="63"/>
              </a:cxn>
              <a:cxn ang="0">
                <a:pos x="328" y="31"/>
              </a:cxn>
              <a:cxn ang="0">
                <a:pos x="374" y="133"/>
              </a:cxn>
              <a:cxn ang="0">
                <a:pos x="409" y="315"/>
              </a:cxn>
              <a:cxn ang="0">
                <a:pos x="382" y="315"/>
              </a:cxn>
              <a:cxn ang="0">
                <a:pos x="367" y="160"/>
              </a:cxn>
              <a:cxn ang="0">
                <a:pos x="336" y="146"/>
              </a:cxn>
              <a:cxn ang="0">
                <a:pos x="343" y="124"/>
              </a:cxn>
              <a:cxn ang="0">
                <a:pos x="328" y="58"/>
              </a:cxn>
              <a:cxn ang="0">
                <a:pos x="309" y="121"/>
              </a:cxn>
              <a:cxn ang="0">
                <a:pos x="315" y="141"/>
              </a:cxn>
              <a:cxn ang="0">
                <a:pos x="292" y="150"/>
              </a:cxn>
              <a:cxn ang="0">
                <a:pos x="232" y="74"/>
              </a:cxn>
              <a:cxn ang="0">
                <a:pos x="219" y="35"/>
              </a:cxn>
              <a:cxn ang="0">
                <a:pos x="187" y="37"/>
              </a:cxn>
              <a:cxn ang="0">
                <a:pos x="174" y="74"/>
              </a:cxn>
              <a:cxn ang="0">
                <a:pos x="115" y="150"/>
              </a:cxn>
              <a:cxn ang="0">
                <a:pos x="91" y="141"/>
              </a:cxn>
              <a:cxn ang="0">
                <a:pos x="97" y="121"/>
              </a:cxn>
              <a:cxn ang="0">
                <a:pos x="78" y="58"/>
              </a:cxn>
              <a:cxn ang="0">
                <a:pos x="63" y="124"/>
              </a:cxn>
              <a:cxn ang="0">
                <a:pos x="71" y="146"/>
              </a:cxn>
              <a:cxn ang="0">
                <a:pos x="42" y="160"/>
              </a:cxn>
              <a:cxn ang="0">
                <a:pos x="27" y="303"/>
              </a:cxn>
              <a:cxn ang="0">
                <a:pos x="103" y="318"/>
              </a:cxn>
              <a:cxn ang="0">
                <a:pos x="117" y="194"/>
              </a:cxn>
              <a:cxn ang="0">
                <a:pos x="118" y="188"/>
              </a:cxn>
              <a:cxn ang="0">
                <a:pos x="187" y="97"/>
              </a:cxn>
              <a:cxn ang="0">
                <a:pos x="193" y="89"/>
              </a:cxn>
              <a:cxn ang="0">
                <a:pos x="203" y="85"/>
              </a:cxn>
              <a:cxn ang="0">
                <a:pos x="219" y="96"/>
              </a:cxn>
              <a:cxn ang="0">
                <a:pos x="286" y="178"/>
              </a:cxn>
              <a:cxn ang="0">
                <a:pos x="289" y="189"/>
              </a:cxn>
              <a:cxn ang="0">
                <a:pos x="289" y="303"/>
              </a:cxn>
              <a:cxn ang="0">
                <a:pos x="367" y="318"/>
              </a:cxn>
              <a:cxn ang="0">
                <a:pos x="367" y="345"/>
              </a:cxn>
            </a:cxnLst>
            <a:rect l="0" t="0" r="r" b="b"/>
            <a:pathLst>
              <a:path w="409" h="345">
                <a:moveTo>
                  <a:pt x="367" y="345"/>
                </a:moveTo>
                <a:cubicBezTo>
                  <a:pt x="304" y="345"/>
                  <a:pt x="304" y="345"/>
                  <a:pt x="304" y="345"/>
                </a:cubicBezTo>
                <a:cubicBezTo>
                  <a:pt x="281" y="345"/>
                  <a:pt x="262" y="326"/>
                  <a:pt x="262" y="303"/>
                </a:cubicBezTo>
                <a:cubicBezTo>
                  <a:pt x="262" y="194"/>
                  <a:pt x="262" y="194"/>
                  <a:pt x="262" y="194"/>
                </a:cubicBezTo>
                <a:cubicBezTo>
                  <a:pt x="262" y="193"/>
                  <a:pt x="262" y="193"/>
                  <a:pt x="262" y="193"/>
                </a:cubicBezTo>
                <a:cubicBezTo>
                  <a:pt x="262" y="192"/>
                  <a:pt x="262" y="191"/>
                  <a:pt x="262" y="191"/>
                </a:cubicBezTo>
                <a:cubicBezTo>
                  <a:pt x="203" y="119"/>
                  <a:pt x="203" y="119"/>
                  <a:pt x="203" y="119"/>
                </a:cubicBezTo>
                <a:cubicBezTo>
                  <a:pt x="144" y="191"/>
                  <a:pt x="144" y="191"/>
                  <a:pt x="144" y="191"/>
                </a:cubicBezTo>
                <a:cubicBezTo>
                  <a:pt x="144" y="191"/>
                  <a:pt x="144" y="192"/>
                  <a:pt x="144" y="193"/>
                </a:cubicBezTo>
                <a:cubicBezTo>
                  <a:pt x="144" y="193"/>
                  <a:pt x="144" y="193"/>
                  <a:pt x="144" y="194"/>
                </a:cubicBezTo>
                <a:cubicBezTo>
                  <a:pt x="144" y="303"/>
                  <a:pt x="144" y="303"/>
                  <a:pt x="144" y="303"/>
                </a:cubicBezTo>
                <a:cubicBezTo>
                  <a:pt x="144" y="326"/>
                  <a:pt x="125" y="345"/>
                  <a:pt x="103" y="345"/>
                </a:cubicBezTo>
                <a:cubicBezTo>
                  <a:pt x="42" y="345"/>
                  <a:pt x="42" y="345"/>
                  <a:pt x="42" y="345"/>
                </a:cubicBezTo>
                <a:cubicBezTo>
                  <a:pt x="19" y="345"/>
                  <a:pt x="0" y="326"/>
                  <a:pt x="0" y="303"/>
                </a:cubicBezTo>
                <a:cubicBezTo>
                  <a:pt x="0" y="174"/>
                  <a:pt x="0" y="174"/>
                  <a:pt x="0" y="174"/>
                </a:cubicBezTo>
                <a:cubicBezTo>
                  <a:pt x="0" y="154"/>
                  <a:pt x="14" y="138"/>
                  <a:pt x="33" y="134"/>
                </a:cubicBezTo>
                <a:cubicBezTo>
                  <a:pt x="23" y="123"/>
                  <a:pt x="17" y="108"/>
                  <a:pt x="17" y="92"/>
                </a:cubicBezTo>
                <a:cubicBezTo>
                  <a:pt x="17" y="59"/>
                  <a:pt x="44" y="31"/>
                  <a:pt x="78" y="31"/>
                </a:cubicBezTo>
                <a:cubicBezTo>
                  <a:pt x="107" y="31"/>
                  <a:pt x="131" y="51"/>
                  <a:pt x="137" y="78"/>
                </a:cubicBezTo>
                <a:cubicBezTo>
                  <a:pt x="149" y="63"/>
                  <a:pt x="149" y="63"/>
                  <a:pt x="149" y="63"/>
                </a:cubicBezTo>
                <a:cubicBezTo>
                  <a:pt x="161" y="30"/>
                  <a:pt x="161" y="30"/>
                  <a:pt x="161" y="30"/>
                </a:cubicBezTo>
                <a:cubicBezTo>
                  <a:pt x="164" y="19"/>
                  <a:pt x="176" y="0"/>
                  <a:pt x="202" y="0"/>
                </a:cubicBezTo>
                <a:cubicBezTo>
                  <a:pt x="230" y="0"/>
                  <a:pt x="242" y="18"/>
                  <a:pt x="245" y="28"/>
                </a:cubicBezTo>
                <a:cubicBezTo>
                  <a:pt x="257" y="63"/>
                  <a:pt x="257" y="63"/>
                  <a:pt x="257" y="63"/>
                </a:cubicBezTo>
                <a:cubicBezTo>
                  <a:pt x="269" y="78"/>
                  <a:pt x="269" y="78"/>
                  <a:pt x="269" y="78"/>
                </a:cubicBezTo>
                <a:cubicBezTo>
                  <a:pt x="275" y="51"/>
                  <a:pt x="300" y="31"/>
                  <a:pt x="328" y="31"/>
                </a:cubicBezTo>
                <a:cubicBezTo>
                  <a:pt x="362" y="31"/>
                  <a:pt x="390" y="59"/>
                  <a:pt x="390" y="92"/>
                </a:cubicBezTo>
                <a:cubicBezTo>
                  <a:pt x="390" y="108"/>
                  <a:pt x="384" y="122"/>
                  <a:pt x="374" y="133"/>
                </a:cubicBezTo>
                <a:cubicBezTo>
                  <a:pt x="394" y="136"/>
                  <a:pt x="409" y="154"/>
                  <a:pt x="409" y="174"/>
                </a:cubicBezTo>
                <a:cubicBezTo>
                  <a:pt x="409" y="315"/>
                  <a:pt x="409" y="315"/>
                  <a:pt x="409" y="315"/>
                </a:cubicBezTo>
                <a:cubicBezTo>
                  <a:pt x="409" y="323"/>
                  <a:pt x="403" y="329"/>
                  <a:pt x="395" y="329"/>
                </a:cubicBezTo>
                <a:cubicBezTo>
                  <a:pt x="388" y="329"/>
                  <a:pt x="382" y="323"/>
                  <a:pt x="382" y="315"/>
                </a:cubicBezTo>
                <a:cubicBezTo>
                  <a:pt x="382" y="174"/>
                  <a:pt x="382" y="174"/>
                  <a:pt x="382" y="174"/>
                </a:cubicBezTo>
                <a:cubicBezTo>
                  <a:pt x="382" y="166"/>
                  <a:pt x="375" y="160"/>
                  <a:pt x="367" y="160"/>
                </a:cubicBezTo>
                <a:cubicBezTo>
                  <a:pt x="349" y="160"/>
                  <a:pt x="349" y="160"/>
                  <a:pt x="349" y="160"/>
                </a:cubicBezTo>
                <a:cubicBezTo>
                  <a:pt x="342" y="160"/>
                  <a:pt x="336" y="154"/>
                  <a:pt x="336" y="146"/>
                </a:cubicBezTo>
                <a:cubicBezTo>
                  <a:pt x="336" y="136"/>
                  <a:pt x="336" y="136"/>
                  <a:pt x="336" y="136"/>
                </a:cubicBezTo>
                <a:cubicBezTo>
                  <a:pt x="336" y="131"/>
                  <a:pt x="339" y="126"/>
                  <a:pt x="343" y="124"/>
                </a:cubicBezTo>
                <a:cubicBezTo>
                  <a:pt x="355" y="118"/>
                  <a:pt x="363" y="106"/>
                  <a:pt x="363" y="92"/>
                </a:cubicBezTo>
                <a:cubicBezTo>
                  <a:pt x="363" y="73"/>
                  <a:pt x="347" y="58"/>
                  <a:pt x="328" y="58"/>
                </a:cubicBezTo>
                <a:cubicBezTo>
                  <a:pt x="309" y="58"/>
                  <a:pt x="294" y="73"/>
                  <a:pt x="294" y="92"/>
                </a:cubicBezTo>
                <a:cubicBezTo>
                  <a:pt x="294" y="104"/>
                  <a:pt x="300" y="115"/>
                  <a:pt x="309" y="121"/>
                </a:cubicBezTo>
                <a:cubicBezTo>
                  <a:pt x="313" y="124"/>
                  <a:pt x="315" y="128"/>
                  <a:pt x="315" y="132"/>
                </a:cubicBezTo>
                <a:cubicBezTo>
                  <a:pt x="315" y="141"/>
                  <a:pt x="315" y="141"/>
                  <a:pt x="315" y="141"/>
                </a:cubicBezTo>
                <a:cubicBezTo>
                  <a:pt x="315" y="147"/>
                  <a:pt x="312" y="152"/>
                  <a:pt x="306" y="154"/>
                </a:cubicBezTo>
                <a:cubicBezTo>
                  <a:pt x="301" y="156"/>
                  <a:pt x="295" y="154"/>
                  <a:pt x="292" y="150"/>
                </a:cubicBezTo>
                <a:cubicBezTo>
                  <a:pt x="235" y="78"/>
                  <a:pt x="235" y="78"/>
                  <a:pt x="235" y="78"/>
                </a:cubicBezTo>
                <a:cubicBezTo>
                  <a:pt x="234" y="77"/>
                  <a:pt x="233" y="75"/>
                  <a:pt x="232" y="74"/>
                </a:cubicBezTo>
                <a:cubicBezTo>
                  <a:pt x="219" y="37"/>
                  <a:pt x="219" y="37"/>
                  <a:pt x="219" y="37"/>
                </a:cubicBezTo>
                <a:cubicBezTo>
                  <a:pt x="219" y="36"/>
                  <a:pt x="219" y="36"/>
                  <a:pt x="219" y="35"/>
                </a:cubicBezTo>
                <a:cubicBezTo>
                  <a:pt x="218" y="33"/>
                  <a:pt x="215" y="27"/>
                  <a:pt x="202" y="27"/>
                </a:cubicBezTo>
                <a:cubicBezTo>
                  <a:pt x="189" y="27"/>
                  <a:pt x="187" y="36"/>
                  <a:pt x="187" y="37"/>
                </a:cubicBezTo>
                <a:cubicBezTo>
                  <a:pt x="187" y="37"/>
                  <a:pt x="187" y="38"/>
                  <a:pt x="187" y="39"/>
                </a:cubicBezTo>
                <a:cubicBezTo>
                  <a:pt x="174" y="74"/>
                  <a:pt x="174" y="74"/>
                  <a:pt x="174" y="74"/>
                </a:cubicBezTo>
                <a:cubicBezTo>
                  <a:pt x="173" y="75"/>
                  <a:pt x="173" y="77"/>
                  <a:pt x="172" y="78"/>
                </a:cubicBezTo>
                <a:cubicBezTo>
                  <a:pt x="115" y="150"/>
                  <a:pt x="115" y="150"/>
                  <a:pt x="115" y="150"/>
                </a:cubicBezTo>
                <a:cubicBezTo>
                  <a:pt x="111" y="154"/>
                  <a:pt x="105" y="156"/>
                  <a:pt x="100" y="154"/>
                </a:cubicBezTo>
                <a:cubicBezTo>
                  <a:pt x="95" y="152"/>
                  <a:pt x="91" y="147"/>
                  <a:pt x="91" y="141"/>
                </a:cubicBezTo>
                <a:cubicBezTo>
                  <a:pt x="91" y="132"/>
                  <a:pt x="91" y="132"/>
                  <a:pt x="91" y="132"/>
                </a:cubicBezTo>
                <a:cubicBezTo>
                  <a:pt x="91" y="128"/>
                  <a:pt x="93" y="124"/>
                  <a:pt x="97" y="121"/>
                </a:cubicBezTo>
                <a:cubicBezTo>
                  <a:pt x="106" y="115"/>
                  <a:pt x="112" y="104"/>
                  <a:pt x="112" y="92"/>
                </a:cubicBezTo>
                <a:cubicBezTo>
                  <a:pt x="112" y="73"/>
                  <a:pt x="97" y="58"/>
                  <a:pt x="78" y="58"/>
                </a:cubicBezTo>
                <a:cubicBezTo>
                  <a:pt x="59" y="58"/>
                  <a:pt x="43" y="73"/>
                  <a:pt x="43" y="92"/>
                </a:cubicBezTo>
                <a:cubicBezTo>
                  <a:pt x="43" y="106"/>
                  <a:pt x="51" y="118"/>
                  <a:pt x="63" y="124"/>
                </a:cubicBezTo>
                <a:cubicBezTo>
                  <a:pt x="68" y="126"/>
                  <a:pt x="71" y="131"/>
                  <a:pt x="71" y="136"/>
                </a:cubicBezTo>
                <a:cubicBezTo>
                  <a:pt x="71" y="146"/>
                  <a:pt x="71" y="146"/>
                  <a:pt x="71" y="146"/>
                </a:cubicBezTo>
                <a:cubicBezTo>
                  <a:pt x="71" y="154"/>
                  <a:pt x="65" y="160"/>
                  <a:pt x="57" y="160"/>
                </a:cubicBezTo>
                <a:cubicBezTo>
                  <a:pt x="42" y="160"/>
                  <a:pt x="42" y="160"/>
                  <a:pt x="42" y="160"/>
                </a:cubicBezTo>
                <a:cubicBezTo>
                  <a:pt x="34" y="160"/>
                  <a:pt x="27" y="166"/>
                  <a:pt x="27" y="174"/>
                </a:cubicBezTo>
                <a:cubicBezTo>
                  <a:pt x="27" y="303"/>
                  <a:pt x="27" y="303"/>
                  <a:pt x="27" y="303"/>
                </a:cubicBezTo>
                <a:cubicBezTo>
                  <a:pt x="27" y="311"/>
                  <a:pt x="34" y="318"/>
                  <a:pt x="42" y="318"/>
                </a:cubicBezTo>
                <a:cubicBezTo>
                  <a:pt x="103" y="318"/>
                  <a:pt x="103" y="318"/>
                  <a:pt x="103" y="318"/>
                </a:cubicBezTo>
                <a:cubicBezTo>
                  <a:pt x="111" y="318"/>
                  <a:pt x="117" y="311"/>
                  <a:pt x="117" y="303"/>
                </a:cubicBezTo>
                <a:cubicBezTo>
                  <a:pt x="117" y="194"/>
                  <a:pt x="117" y="194"/>
                  <a:pt x="117" y="194"/>
                </a:cubicBezTo>
                <a:cubicBezTo>
                  <a:pt x="117" y="192"/>
                  <a:pt x="117" y="190"/>
                  <a:pt x="118" y="189"/>
                </a:cubicBezTo>
                <a:cubicBezTo>
                  <a:pt x="118" y="189"/>
                  <a:pt x="118" y="189"/>
                  <a:pt x="118" y="188"/>
                </a:cubicBezTo>
                <a:cubicBezTo>
                  <a:pt x="117" y="185"/>
                  <a:pt x="118" y="181"/>
                  <a:pt x="120" y="178"/>
                </a:cubicBezTo>
                <a:cubicBezTo>
                  <a:pt x="187" y="97"/>
                  <a:pt x="187" y="97"/>
                  <a:pt x="187" y="97"/>
                </a:cubicBezTo>
                <a:cubicBezTo>
                  <a:pt x="187" y="96"/>
                  <a:pt x="187" y="96"/>
                  <a:pt x="187" y="96"/>
                </a:cubicBezTo>
                <a:cubicBezTo>
                  <a:pt x="193" y="89"/>
                  <a:pt x="193" y="89"/>
                  <a:pt x="193" y="89"/>
                </a:cubicBezTo>
                <a:cubicBezTo>
                  <a:pt x="196" y="86"/>
                  <a:pt x="199" y="85"/>
                  <a:pt x="203" y="85"/>
                </a:cubicBezTo>
                <a:cubicBezTo>
                  <a:pt x="203" y="85"/>
                  <a:pt x="203" y="85"/>
                  <a:pt x="203" y="85"/>
                </a:cubicBezTo>
                <a:cubicBezTo>
                  <a:pt x="207" y="85"/>
                  <a:pt x="211" y="86"/>
                  <a:pt x="213" y="89"/>
                </a:cubicBezTo>
                <a:cubicBezTo>
                  <a:pt x="219" y="96"/>
                  <a:pt x="219" y="96"/>
                  <a:pt x="219" y="96"/>
                </a:cubicBezTo>
                <a:cubicBezTo>
                  <a:pt x="219" y="96"/>
                  <a:pt x="219" y="96"/>
                  <a:pt x="220" y="97"/>
                </a:cubicBezTo>
                <a:cubicBezTo>
                  <a:pt x="286" y="178"/>
                  <a:pt x="286" y="178"/>
                  <a:pt x="286" y="178"/>
                </a:cubicBezTo>
                <a:cubicBezTo>
                  <a:pt x="288" y="181"/>
                  <a:pt x="289" y="185"/>
                  <a:pt x="289" y="188"/>
                </a:cubicBezTo>
                <a:cubicBezTo>
                  <a:pt x="289" y="189"/>
                  <a:pt x="289" y="189"/>
                  <a:pt x="289" y="189"/>
                </a:cubicBezTo>
                <a:cubicBezTo>
                  <a:pt x="289" y="190"/>
                  <a:pt x="289" y="192"/>
                  <a:pt x="289" y="194"/>
                </a:cubicBezTo>
                <a:cubicBezTo>
                  <a:pt x="289" y="303"/>
                  <a:pt x="289" y="303"/>
                  <a:pt x="289" y="303"/>
                </a:cubicBezTo>
                <a:cubicBezTo>
                  <a:pt x="289" y="311"/>
                  <a:pt x="296" y="318"/>
                  <a:pt x="304" y="318"/>
                </a:cubicBezTo>
                <a:cubicBezTo>
                  <a:pt x="367" y="318"/>
                  <a:pt x="367" y="318"/>
                  <a:pt x="367" y="318"/>
                </a:cubicBezTo>
                <a:cubicBezTo>
                  <a:pt x="374" y="318"/>
                  <a:pt x="380" y="324"/>
                  <a:pt x="380" y="331"/>
                </a:cubicBezTo>
                <a:cubicBezTo>
                  <a:pt x="380" y="339"/>
                  <a:pt x="374" y="345"/>
                  <a:pt x="367" y="34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1" name="Freeform 163"/>
          <p:cNvSpPr>
            <a:spLocks/>
          </p:cNvSpPr>
          <p:nvPr userDrawn="1"/>
        </p:nvSpPr>
        <p:spPr bwMode="auto">
          <a:xfrm>
            <a:off x="8135275" y="1183088"/>
            <a:ext cx="474662" cy="477837"/>
          </a:xfrm>
          <a:custGeom>
            <a:avLst/>
            <a:gdLst/>
            <a:ahLst/>
            <a:cxnLst>
              <a:cxn ang="0">
                <a:pos x="72" y="307"/>
              </a:cxn>
              <a:cxn ang="0">
                <a:pos x="272" y="307"/>
              </a:cxn>
              <a:cxn ang="0">
                <a:pos x="271" y="371"/>
              </a:cxn>
              <a:cxn ang="0">
                <a:pos x="72" y="371"/>
              </a:cxn>
              <a:cxn ang="0">
                <a:pos x="72" y="424"/>
              </a:cxn>
              <a:cxn ang="0">
                <a:pos x="332" y="424"/>
              </a:cxn>
              <a:cxn ang="0">
                <a:pos x="332" y="227"/>
              </a:cxn>
              <a:cxn ang="0">
                <a:pos x="420" y="174"/>
              </a:cxn>
              <a:cxn ang="0">
                <a:pos x="420" y="123"/>
              </a:cxn>
              <a:cxn ang="0">
                <a:pos x="328" y="177"/>
              </a:cxn>
              <a:cxn ang="0">
                <a:pos x="327" y="109"/>
              </a:cxn>
              <a:cxn ang="0">
                <a:pos x="102" y="109"/>
              </a:cxn>
              <a:cxn ang="0">
                <a:pos x="251" y="0"/>
              </a:cxn>
              <a:cxn ang="0">
                <a:pos x="183" y="0"/>
              </a:cxn>
              <a:cxn ang="0">
                <a:pos x="60" y="89"/>
              </a:cxn>
              <a:cxn ang="0">
                <a:pos x="46" y="82"/>
              </a:cxn>
              <a:cxn ang="0">
                <a:pos x="0" y="90"/>
              </a:cxn>
              <a:cxn ang="0">
                <a:pos x="1" y="423"/>
              </a:cxn>
            </a:cxnLst>
            <a:rect l="0" t="0" r="r" b="b"/>
            <a:pathLst>
              <a:path w="420" h="424">
                <a:moveTo>
                  <a:pt x="72" y="307"/>
                </a:moveTo>
                <a:cubicBezTo>
                  <a:pt x="272" y="307"/>
                  <a:pt x="272" y="307"/>
                  <a:pt x="272" y="307"/>
                </a:cubicBezTo>
                <a:cubicBezTo>
                  <a:pt x="271" y="371"/>
                  <a:pt x="271" y="371"/>
                  <a:pt x="271" y="371"/>
                </a:cubicBezTo>
                <a:cubicBezTo>
                  <a:pt x="72" y="371"/>
                  <a:pt x="72" y="371"/>
                  <a:pt x="72" y="371"/>
                </a:cubicBezTo>
                <a:cubicBezTo>
                  <a:pt x="72" y="424"/>
                  <a:pt x="72" y="424"/>
                  <a:pt x="72" y="424"/>
                </a:cubicBezTo>
                <a:cubicBezTo>
                  <a:pt x="332" y="424"/>
                  <a:pt x="332" y="424"/>
                  <a:pt x="332" y="424"/>
                </a:cubicBezTo>
                <a:cubicBezTo>
                  <a:pt x="332" y="227"/>
                  <a:pt x="332" y="227"/>
                  <a:pt x="332" y="227"/>
                </a:cubicBezTo>
                <a:cubicBezTo>
                  <a:pt x="420" y="174"/>
                  <a:pt x="420" y="174"/>
                  <a:pt x="420" y="174"/>
                </a:cubicBezTo>
                <a:cubicBezTo>
                  <a:pt x="420" y="123"/>
                  <a:pt x="420" y="123"/>
                  <a:pt x="420" y="123"/>
                </a:cubicBezTo>
                <a:cubicBezTo>
                  <a:pt x="328" y="177"/>
                  <a:pt x="328" y="177"/>
                  <a:pt x="328" y="177"/>
                </a:cubicBezTo>
                <a:cubicBezTo>
                  <a:pt x="327" y="109"/>
                  <a:pt x="327" y="109"/>
                  <a:pt x="327" y="109"/>
                </a:cubicBezTo>
                <a:cubicBezTo>
                  <a:pt x="102" y="109"/>
                  <a:pt x="102" y="109"/>
                  <a:pt x="102" y="109"/>
                </a:cubicBezTo>
                <a:cubicBezTo>
                  <a:pt x="251" y="0"/>
                  <a:pt x="251" y="0"/>
                  <a:pt x="251" y="0"/>
                </a:cubicBezTo>
                <a:cubicBezTo>
                  <a:pt x="183" y="0"/>
                  <a:pt x="183" y="0"/>
                  <a:pt x="183" y="0"/>
                </a:cubicBezTo>
                <a:cubicBezTo>
                  <a:pt x="183" y="0"/>
                  <a:pt x="103" y="65"/>
                  <a:pt x="60" y="89"/>
                </a:cubicBezTo>
                <a:cubicBezTo>
                  <a:pt x="55" y="92"/>
                  <a:pt x="49" y="85"/>
                  <a:pt x="46" y="82"/>
                </a:cubicBezTo>
                <a:cubicBezTo>
                  <a:pt x="21" y="55"/>
                  <a:pt x="0" y="90"/>
                  <a:pt x="0" y="90"/>
                </a:cubicBezTo>
                <a:cubicBezTo>
                  <a:pt x="1" y="423"/>
                  <a:pt x="1" y="423"/>
                  <a:pt x="1" y="423"/>
                </a:cubicBez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2" name="Freeform 425"/>
          <p:cNvSpPr>
            <a:spLocks/>
          </p:cNvSpPr>
          <p:nvPr userDrawn="1"/>
        </p:nvSpPr>
        <p:spPr bwMode="auto">
          <a:xfrm>
            <a:off x="8170994" y="4488942"/>
            <a:ext cx="403225" cy="344488"/>
          </a:xfrm>
          <a:custGeom>
            <a:avLst/>
            <a:gdLst/>
            <a:ahLst/>
            <a:cxnLst>
              <a:cxn ang="0">
                <a:pos x="144" y="305"/>
              </a:cxn>
              <a:cxn ang="0">
                <a:pos x="23" y="305"/>
              </a:cxn>
              <a:cxn ang="0">
                <a:pos x="0" y="273"/>
              </a:cxn>
              <a:cxn ang="0">
                <a:pos x="0" y="102"/>
              </a:cxn>
              <a:cxn ang="0">
                <a:pos x="72" y="42"/>
              </a:cxn>
              <a:cxn ang="0">
                <a:pos x="100" y="42"/>
              </a:cxn>
              <a:cxn ang="0">
                <a:pos x="179" y="0"/>
              </a:cxn>
              <a:cxn ang="0">
                <a:pos x="265" y="42"/>
              </a:cxn>
              <a:cxn ang="0">
                <a:pos x="301" y="42"/>
              </a:cxn>
              <a:cxn ang="0">
                <a:pos x="358" y="102"/>
              </a:cxn>
              <a:cxn ang="0">
                <a:pos x="358" y="275"/>
              </a:cxn>
              <a:cxn ang="0">
                <a:pos x="331" y="305"/>
              </a:cxn>
              <a:cxn ang="0">
                <a:pos x="205" y="305"/>
              </a:cxn>
              <a:cxn ang="0">
                <a:pos x="170" y="269"/>
              </a:cxn>
              <a:cxn ang="0">
                <a:pos x="90" y="178"/>
              </a:cxn>
              <a:cxn ang="0">
                <a:pos x="175" y="88"/>
              </a:cxn>
              <a:cxn ang="0">
                <a:pos x="269" y="172"/>
              </a:cxn>
              <a:cxn ang="0">
                <a:pos x="218" y="257"/>
              </a:cxn>
            </a:cxnLst>
            <a:rect l="0" t="0" r="r" b="b"/>
            <a:pathLst>
              <a:path w="358" h="305">
                <a:moveTo>
                  <a:pt x="144" y="305"/>
                </a:moveTo>
                <a:cubicBezTo>
                  <a:pt x="144" y="305"/>
                  <a:pt x="45" y="305"/>
                  <a:pt x="23" y="305"/>
                </a:cubicBezTo>
                <a:cubicBezTo>
                  <a:pt x="1" y="305"/>
                  <a:pt x="0" y="304"/>
                  <a:pt x="0" y="273"/>
                </a:cubicBezTo>
                <a:cubicBezTo>
                  <a:pt x="0" y="242"/>
                  <a:pt x="0" y="114"/>
                  <a:pt x="0" y="102"/>
                </a:cubicBezTo>
                <a:cubicBezTo>
                  <a:pt x="0" y="60"/>
                  <a:pt x="24" y="42"/>
                  <a:pt x="72" y="42"/>
                </a:cubicBezTo>
                <a:cubicBezTo>
                  <a:pt x="80" y="42"/>
                  <a:pt x="89" y="42"/>
                  <a:pt x="100" y="42"/>
                </a:cubicBezTo>
                <a:cubicBezTo>
                  <a:pt x="153" y="42"/>
                  <a:pt x="112" y="0"/>
                  <a:pt x="179" y="0"/>
                </a:cubicBezTo>
                <a:cubicBezTo>
                  <a:pt x="251" y="0"/>
                  <a:pt x="208" y="42"/>
                  <a:pt x="265" y="42"/>
                </a:cubicBezTo>
                <a:cubicBezTo>
                  <a:pt x="274" y="42"/>
                  <a:pt x="279" y="42"/>
                  <a:pt x="301" y="42"/>
                </a:cubicBezTo>
                <a:cubicBezTo>
                  <a:pt x="338" y="42"/>
                  <a:pt x="358" y="70"/>
                  <a:pt x="358" y="102"/>
                </a:cubicBezTo>
                <a:cubicBezTo>
                  <a:pt x="358" y="117"/>
                  <a:pt x="358" y="245"/>
                  <a:pt x="358" y="275"/>
                </a:cubicBezTo>
                <a:cubicBezTo>
                  <a:pt x="358" y="304"/>
                  <a:pt x="358" y="305"/>
                  <a:pt x="331" y="305"/>
                </a:cubicBezTo>
                <a:cubicBezTo>
                  <a:pt x="305" y="305"/>
                  <a:pt x="205" y="305"/>
                  <a:pt x="205" y="305"/>
                </a:cubicBezTo>
                <a:cubicBezTo>
                  <a:pt x="205" y="305"/>
                  <a:pt x="184" y="283"/>
                  <a:pt x="170" y="269"/>
                </a:cubicBezTo>
                <a:cubicBezTo>
                  <a:pt x="127" y="260"/>
                  <a:pt x="90" y="230"/>
                  <a:pt x="90" y="178"/>
                </a:cubicBezTo>
                <a:cubicBezTo>
                  <a:pt x="90" y="121"/>
                  <a:pt x="133" y="88"/>
                  <a:pt x="175" y="88"/>
                </a:cubicBezTo>
                <a:cubicBezTo>
                  <a:pt x="227" y="88"/>
                  <a:pt x="269" y="126"/>
                  <a:pt x="269" y="172"/>
                </a:cubicBezTo>
                <a:cubicBezTo>
                  <a:pt x="269" y="239"/>
                  <a:pt x="218" y="257"/>
                  <a:pt x="218" y="257"/>
                </a:cubicBezTo>
              </a:path>
            </a:pathLst>
          </a:custGeom>
          <a:noFill/>
          <a:ln w="31750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3" name="Freeform 473"/>
          <p:cNvSpPr>
            <a:spLocks/>
          </p:cNvSpPr>
          <p:nvPr userDrawn="1"/>
        </p:nvSpPr>
        <p:spPr bwMode="auto">
          <a:xfrm>
            <a:off x="8110669" y="2506086"/>
            <a:ext cx="523875" cy="271463"/>
          </a:xfrm>
          <a:custGeom>
            <a:avLst/>
            <a:gdLst/>
            <a:ahLst/>
            <a:cxnLst>
              <a:cxn ang="0">
                <a:pos x="110" y="87"/>
              </a:cxn>
              <a:cxn ang="0">
                <a:pos x="190" y="100"/>
              </a:cxn>
              <a:cxn ang="0">
                <a:pos x="325" y="158"/>
              </a:cxn>
              <a:cxn ang="0">
                <a:pos x="265" y="119"/>
              </a:cxn>
              <a:cxn ang="0">
                <a:pos x="244" y="130"/>
              </a:cxn>
              <a:cxn ang="0">
                <a:pos x="301" y="185"/>
              </a:cxn>
              <a:cxn ang="0">
                <a:pos x="228" y="138"/>
              </a:cxn>
              <a:cxn ang="0">
                <a:pos x="207" y="149"/>
              </a:cxn>
              <a:cxn ang="0">
                <a:pos x="258" y="202"/>
              </a:cxn>
              <a:cxn ang="0">
                <a:pos x="191" y="158"/>
              </a:cxn>
              <a:cxn ang="0">
                <a:pos x="170" y="169"/>
              </a:cxn>
              <a:cxn ang="0">
                <a:pos x="207" y="210"/>
              </a:cxn>
              <a:cxn ang="0">
                <a:pos x="114" y="157"/>
              </a:cxn>
              <a:cxn ang="0">
                <a:pos x="32" y="154"/>
              </a:cxn>
              <a:cxn ang="0">
                <a:pos x="98" y="68"/>
              </a:cxn>
              <a:cxn ang="0">
                <a:pos x="98" y="42"/>
              </a:cxn>
              <a:cxn ang="0">
                <a:pos x="33" y="51"/>
              </a:cxn>
              <a:cxn ang="0">
                <a:pos x="3" y="176"/>
              </a:cxn>
              <a:cxn ang="0">
                <a:pos x="101" y="181"/>
              </a:cxn>
              <a:cxn ang="0">
                <a:pos x="222" y="234"/>
              </a:cxn>
              <a:cxn ang="0">
                <a:pos x="277" y="225"/>
              </a:cxn>
              <a:cxn ang="0">
                <a:pos x="325" y="204"/>
              </a:cxn>
              <a:cxn ang="0">
                <a:pos x="330" y="185"/>
              </a:cxn>
              <a:cxn ang="0">
                <a:pos x="353" y="160"/>
              </a:cxn>
              <a:cxn ang="0">
                <a:pos x="287" y="84"/>
              </a:cxn>
              <a:cxn ang="0">
                <a:pos x="138" y="88"/>
              </a:cxn>
              <a:cxn ang="0">
                <a:pos x="162" y="59"/>
              </a:cxn>
              <a:cxn ang="0">
                <a:pos x="341" y="68"/>
              </a:cxn>
              <a:cxn ang="0">
                <a:pos x="431" y="68"/>
              </a:cxn>
              <a:cxn ang="0">
                <a:pos x="377" y="154"/>
              </a:cxn>
              <a:cxn ang="0">
                <a:pos x="377" y="181"/>
              </a:cxn>
              <a:cxn ang="0">
                <a:pos x="428" y="172"/>
              </a:cxn>
              <a:cxn ang="0">
                <a:pos x="459" y="47"/>
              </a:cxn>
              <a:cxn ang="0">
                <a:pos x="345" y="42"/>
              </a:cxn>
              <a:cxn ang="0">
                <a:pos x="147" y="37"/>
              </a:cxn>
            </a:cxnLst>
            <a:rect l="0" t="0" r="r" b="b"/>
            <a:pathLst>
              <a:path w="463" h="241">
                <a:moveTo>
                  <a:pt x="147" y="37"/>
                </a:moveTo>
                <a:cubicBezTo>
                  <a:pt x="124" y="52"/>
                  <a:pt x="110" y="70"/>
                  <a:pt x="110" y="87"/>
                </a:cubicBezTo>
                <a:cubicBezTo>
                  <a:pt x="110" y="97"/>
                  <a:pt x="115" y="105"/>
                  <a:pt x="124" y="111"/>
                </a:cubicBezTo>
                <a:cubicBezTo>
                  <a:pt x="144" y="124"/>
                  <a:pt x="166" y="113"/>
                  <a:pt x="190" y="100"/>
                </a:cubicBezTo>
                <a:cubicBezTo>
                  <a:pt x="217" y="85"/>
                  <a:pt x="248" y="87"/>
                  <a:pt x="270" y="104"/>
                </a:cubicBezTo>
                <a:cubicBezTo>
                  <a:pt x="311" y="138"/>
                  <a:pt x="322" y="152"/>
                  <a:pt x="325" y="158"/>
                </a:cubicBezTo>
                <a:cubicBezTo>
                  <a:pt x="323" y="158"/>
                  <a:pt x="319" y="156"/>
                  <a:pt x="311" y="152"/>
                </a:cubicBezTo>
                <a:cubicBezTo>
                  <a:pt x="301" y="146"/>
                  <a:pt x="287" y="136"/>
                  <a:pt x="265" y="119"/>
                </a:cubicBezTo>
                <a:cubicBezTo>
                  <a:pt x="260" y="114"/>
                  <a:pt x="251" y="116"/>
                  <a:pt x="247" y="121"/>
                </a:cubicBezTo>
                <a:cubicBezTo>
                  <a:pt x="245" y="124"/>
                  <a:pt x="244" y="127"/>
                  <a:pt x="244" y="130"/>
                </a:cubicBezTo>
                <a:cubicBezTo>
                  <a:pt x="244" y="133"/>
                  <a:pt x="246" y="137"/>
                  <a:pt x="249" y="140"/>
                </a:cubicBezTo>
                <a:cubicBezTo>
                  <a:pt x="264" y="152"/>
                  <a:pt x="292" y="174"/>
                  <a:pt x="301" y="185"/>
                </a:cubicBezTo>
                <a:cubicBezTo>
                  <a:pt x="297" y="184"/>
                  <a:pt x="291" y="181"/>
                  <a:pt x="281" y="175"/>
                </a:cubicBezTo>
                <a:cubicBezTo>
                  <a:pt x="268" y="168"/>
                  <a:pt x="251" y="155"/>
                  <a:pt x="228" y="138"/>
                </a:cubicBezTo>
                <a:cubicBezTo>
                  <a:pt x="222" y="134"/>
                  <a:pt x="214" y="135"/>
                  <a:pt x="209" y="141"/>
                </a:cubicBezTo>
                <a:cubicBezTo>
                  <a:pt x="208" y="143"/>
                  <a:pt x="207" y="146"/>
                  <a:pt x="207" y="149"/>
                </a:cubicBezTo>
                <a:cubicBezTo>
                  <a:pt x="207" y="153"/>
                  <a:pt x="209" y="157"/>
                  <a:pt x="212" y="159"/>
                </a:cubicBezTo>
                <a:cubicBezTo>
                  <a:pt x="244" y="184"/>
                  <a:pt x="255" y="197"/>
                  <a:pt x="258" y="202"/>
                </a:cubicBezTo>
                <a:cubicBezTo>
                  <a:pt x="255" y="202"/>
                  <a:pt x="250" y="200"/>
                  <a:pt x="240" y="194"/>
                </a:cubicBezTo>
                <a:cubicBezTo>
                  <a:pt x="228" y="187"/>
                  <a:pt x="212" y="175"/>
                  <a:pt x="191" y="158"/>
                </a:cubicBezTo>
                <a:cubicBezTo>
                  <a:pt x="186" y="154"/>
                  <a:pt x="177" y="154"/>
                  <a:pt x="173" y="160"/>
                </a:cubicBezTo>
                <a:cubicBezTo>
                  <a:pt x="171" y="163"/>
                  <a:pt x="170" y="166"/>
                  <a:pt x="170" y="169"/>
                </a:cubicBezTo>
                <a:cubicBezTo>
                  <a:pt x="170" y="172"/>
                  <a:pt x="171" y="176"/>
                  <a:pt x="174" y="179"/>
                </a:cubicBezTo>
                <a:cubicBezTo>
                  <a:pt x="196" y="196"/>
                  <a:pt x="204" y="206"/>
                  <a:pt x="207" y="210"/>
                </a:cubicBezTo>
                <a:cubicBezTo>
                  <a:pt x="202" y="210"/>
                  <a:pt x="192" y="208"/>
                  <a:pt x="170" y="196"/>
                </a:cubicBezTo>
                <a:cubicBezTo>
                  <a:pt x="152" y="186"/>
                  <a:pt x="131" y="171"/>
                  <a:pt x="114" y="157"/>
                </a:cubicBezTo>
                <a:cubicBezTo>
                  <a:pt x="111" y="155"/>
                  <a:pt x="108" y="154"/>
                  <a:pt x="105" y="154"/>
                </a:cubicBezTo>
                <a:cubicBezTo>
                  <a:pt x="105" y="154"/>
                  <a:pt x="55" y="154"/>
                  <a:pt x="32" y="154"/>
                </a:cubicBezTo>
                <a:cubicBezTo>
                  <a:pt x="38" y="132"/>
                  <a:pt x="52" y="82"/>
                  <a:pt x="56" y="68"/>
                </a:cubicBezTo>
                <a:cubicBezTo>
                  <a:pt x="69" y="68"/>
                  <a:pt x="98" y="68"/>
                  <a:pt x="98" y="68"/>
                </a:cubicBezTo>
                <a:cubicBezTo>
                  <a:pt x="105" y="68"/>
                  <a:pt x="111" y="62"/>
                  <a:pt x="111" y="55"/>
                </a:cubicBezTo>
                <a:cubicBezTo>
                  <a:pt x="111" y="48"/>
                  <a:pt x="105" y="42"/>
                  <a:pt x="98" y="42"/>
                </a:cubicBezTo>
                <a:cubicBezTo>
                  <a:pt x="46" y="42"/>
                  <a:pt x="46" y="42"/>
                  <a:pt x="46" y="42"/>
                </a:cubicBezTo>
                <a:cubicBezTo>
                  <a:pt x="40" y="42"/>
                  <a:pt x="35" y="46"/>
                  <a:pt x="33" y="51"/>
                </a:cubicBezTo>
                <a:cubicBezTo>
                  <a:pt x="1" y="164"/>
                  <a:pt x="1" y="164"/>
                  <a:pt x="1" y="164"/>
                </a:cubicBezTo>
                <a:cubicBezTo>
                  <a:pt x="0" y="168"/>
                  <a:pt x="1" y="172"/>
                  <a:pt x="3" y="176"/>
                </a:cubicBezTo>
                <a:cubicBezTo>
                  <a:pt x="6" y="179"/>
                  <a:pt x="10" y="181"/>
                  <a:pt x="14" y="181"/>
                </a:cubicBezTo>
                <a:cubicBezTo>
                  <a:pt x="14" y="181"/>
                  <a:pt x="92" y="181"/>
                  <a:pt x="101" y="181"/>
                </a:cubicBezTo>
                <a:cubicBezTo>
                  <a:pt x="119" y="196"/>
                  <a:pt x="141" y="210"/>
                  <a:pt x="160" y="221"/>
                </a:cubicBezTo>
                <a:cubicBezTo>
                  <a:pt x="190" y="237"/>
                  <a:pt x="209" y="241"/>
                  <a:pt x="222" y="234"/>
                </a:cubicBezTo>
                <a:cubicBezTo>
                  <a:pt x="229" y="230"/>
                  <a:pt x="232" y="225"/>
                  <a:pt x="233" y="221"/>
                </a:cubicBezTo>
                <a:cubicBezTo>
                  <a:pt x="252" y="230"/>
                  <a:pt x="266" y="232"/>
                  <a:pt x="277" y="225"/>
                </a:cubicBezTo>
                <a:cubicBezTo>
                  <a:pt x="283" y="220"/>
                  <a:pt x="286" y="215"/>
                  <a:pt x="287" y="208"/>
                </a:cubicBezTo>
                <a:cubicBezTo>
                  <a:pt x="298" y="213"/>
                  <a:pt x="315" y="217"/>
                  <a:pt x="325" y="204"/>
                </a:cubicBezTo>
                <a:cubicBezTo>
                  <a:pt x="329" y="198"/>
                  <a:pt x="330" y="193"/>
                  <a:pt x="330" y="189"/>
                </a:cubicBezTo>
                <a:cubicBezTo>
                  <a:pt x="330" y="187"/>
                  <a:pt x="330" y="186"/>
                  <a:pt x="330" y="185"/>
                </a:cubicBezTo>
                <a:cubicBezTo>
                  <a:pt x="337" y="184"/>
                  <a:pt x="342" y="181"/>
                  <a:pt x="347" y="175"/>
                </a:cubicBezTo>
                <a:cubicBezTo>
                  <a:pt x="351" y="171"/>
                  <a:pt x="353" y="166"/>
                  <a:pt x="353" y="160"/>
                </a:cubicBezTo>
                <a:cubicBezTo>
                  <a:pt x="353" y="160"/>
                  <a:pt x="353" y="159"/>
                  <a:pt x="353" y="158"/>
                </a:cubicBezTo>
                <a:cubicBezTo>
                  <a:pt x="352" y="145"/>
                  <a:pt x="341" y="128"/>
                  <a:pt x="287" y="84"/>
                </a:cubicBezTo>
                <a:cubicBezTo>
                  <a:pt x="256" y="59"/>
                  <a:pt x="213" y="56"/>
                  <a:pt x="177" y="76"/>
                </a:cubicBezTo>
                <a:cubicBezTo>
                  <a:pt x="149" y="92"/>
                  <a:pt x="143" y="91"/>
                  <a:pt x="138" y="88"/>
                </a:cubicBezTo>
                <a:cubicBezTo>
                  <a:pt x="137" y="87"/>
                  <a:pt x="137" y="87"/>
                  <a:pt x="137" y="87"/>
                </a:cubicBezTo>
                <a:cubicBezTo>
                  <a:pt x="137" y="82"/>
                  <a:pt x="144" y="71"/>
                  <a:pt x="162" y="59"/>
                </a:cubicBezTo>
                <a:cubicBezTo>
                  <a:pt x="208" y="30"/>
                  <a:pt x="281" y="51"/>
                  <a:pt x="320" y="63"/>
                </a:cubicBezTo>
                <a:cubicBezTo>
                  <a:pt x="329" y="65"/>
                  <a:pt x="335" y="67"/>
                  <a:pt x="341" y="68"/>
                </a:cubicBezTo>
                <a:cubicBezTo>
                  <a:pt x="341" y="68"/>
                  <a:pt x="342" y="68"/>
                  <a:pt x="343" y="68"/>
                </a:cubicBezTo>
                <a:cubicBezTo>
                  <a:pt x="343" y="68"/>
                  <a:pt x="406" y="68"/>
                  <a:pt x="431" y="68"/>
                </a:cubicBezTo>
                <a:cubicBezTo>
                  <a:pt x="424" y="90"/>
                  <a:pt x="409" y="141"/>
                  <a:pt x="405" y="154"/>
                </a:cubicBezTo>
                <a:cubicBezTo>
                  <a:pt x="394" y="154"/>
                  <a:pt x="377" y="154"/>
                  <a:pt x="377" y="154"/>
                </a:cubicBezTo>
                <a:cubicBezTo>
                  <a:pt x="370" y="154"/>
                  <a:pt x="364" y="160"/>
                  <a:pt x="364" y="168"/>
                </a:cubicBezTo>
                <a:cubicBezTo>
                  <a:pt x="364" y="175"/>
                  <a:pt x="370" y="181"/>
                  <a:pt x="377" y="181"/>
                </a:cubicBezTo>
                <a:cubicBezTo>
                  <a:pt x="415" y="181"/>
                  <a:pt x="415" y="181"/>
                  <a:pt x="415" y="181"/>
                </a:cubicBezTo>
                <a:cubicBezTo>
                  <a:pt x="421" y="181"/>
                  <a:pt x="426" y="177"/>
                  <a:pt x="428" y="172"/>
                </a:cubicBezTo>
                <a:cubicBezTo>
                  <a:pt x="461" y="59"/>
                  <a:pt x="461" y="59"/>
                  <a:pt x="461" y="59"/>
                </a:cubicBezTo>
                <a:cubicBezTo>
                  <a:pt x="463" y="55"/>
                  <a:pt x="462" y="50"/>
                  <a:pt x="459" y="47"/>
                </a:cubicBezTo>
                <a:cubicBezTo>
                  <a:pt x="457" y="44"/>
                  <a:pt x="453" y="42"/>
                  <a:pt x="449" y="42"/>
                </a:cubicBezTo>
                <a:cubicBezTo>
                  <a:pt x="449" y="42"/>
                  <a:pt x="348" y="42"/>
                  <a:pt x="345" y="42"/>
                </a:cubicBezTo>
                <a:cubicBezTo>
                  <a:pt x="341" y="41"/>
                  <a:pt x="335" y="39"/>
                  <a:pt x="328" y="37"/>
                </a:cubicBezTo>
                <a:cubicBezTo>
                  <a:pt x="284" y="24"/>
                  <a:pt x="204" y="0"/>
                  <a:pt x="147" y="3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" name="Freeform 501"/>
          <p:cNvSpPr>
            <a:spLocks/>
          </p:cNvSpPr>
          <p:nvPr userDrawn="1"/>
        </p:nvSpPr>
        <p:spPr bwMode="auto">
          <a:xfrm>
            <a:off x="8115431" y="3068746"/>
            <a:ext cx="514350" cy="358775"/>
          </a:xfrm>
          <a:custGeom>
            <a:avLst/>
            <a:gdLst/>
            <a:ahLst/>
            <a:cxnLst>
              <a:cxn ang="0">
                <a:pos x="208" y="55"/>
              </a:cxn>
              <a:cxn ang="0">
                <a:pos x="208" y="292"/>
              </a:cxn>
              <a:cxn ang="0">
                <a:pos x="164" y="292"/>
              </a:cxn>
              <a:cxn ang="0">
                <a:pos x="164" y="179"/>
              </a:cxn>
              <a:cxn ang="0">
                <a:pos x="134" y="149"/>
              </a:cxn>
              <a:cxn ang="0">
                <a:pos x="82" y="144"/>
              </a:cxn>
              <a:cxn ang="0">
                <a:pos x="30" y="149"/>
              </a:cxn>
              <a:cxn ang="0">
                <a:pos x="0" y="179"/>
              </a:cxn>
              <a:cxn ang="0">
                <a:pos x="0" y="306"/>
              </a:cxn>
              <a:cxn ang="0">
                <a:pos x="14" y="319"/>
              </a:cxn>
              <a:cxn ang="0">
                <a:pos x="44" y="319"/>
              </a:cxn>
              <a:cxn ang="0">
                <a:pos x="54" y="314"/>
              </a:cxn>
              <a:cxn ang="0">
                <a:pos x="94" y="261"/>
              </a:cxn>
              <a:cxn ang="0">
                <a:pos x="94" y="306"/>
              </a:cxn>
              <a:cxn ang="0">
                <a:pos x="107" y="319"/>
              </a:cxn>
              <a:cxn ang="0">
                <a:pos x="120" y="306"/>
              </a:cxn>
              <a:cxn ang="0">
                <a:pos x="120" y="220"/>
              </a:cxn>
              <a:cxn ang="0">
                <a:pos x="111" y="207"/>
              </a:cxn>
              <a:cxn ang="0">
                <a:pos x="96" y="212"/>
              </a:cxn>
              <a:cxn ang="0">
                <a:pos x="37" y="292"/>
              </a:cxn>
              <a:cxn ang="0">
                <a:pos x="27" y="292"/>
              </a:cxn>
              <a:cxn ang="0">
                <a:pos x="27" y="179"/>
              </a:cxn>
              <a:cxn ang="0">
                <a:pos x="82" y="170"/>
              </a:cxn>
              <a:cxn ang="0">
                <a:pos x="137" y="179"/>
              </a:cxn>
              <a:cxn ang="0">
                <a:pos x="137" y="306"/>
              </a:cxn>
              <a:cxn ang="0">
                <a:pos x="150" y="319"/>
              </a:cxn>
              <a:cxn ang="0">
                <a:pos x="221" y="319"/>
              </a:cxn>
              <a:cxn ang="0">
                <a:pos x="234" y="306"/>
              </a:cxn>
              <a:cxn ang="0">
                <a:pos x="234" y="55"/>
              </a:cxn>
              <a:cxn ang="0">
                <a:pos x="333" y="26"/>
              </a:cxn>
              <a:cxn ang="0">
                <a:pos x="432" y="55"/>
              </a:cxn>
              <a:cxn ang="0">
                <a:pos x="432" y="292"/>
              </a:cxn>
              <a:cxn ang="0">
                <a:pos x="294" y="292"/>
              </a:cxn>
              <a:cxn ang="0">
                <a:pos x="383" y="148"/>
              </a:cxn>
              <a:cxn ang="0">
                <a:pos x="383" y="262"/>
              </a:cxn>
              <a:cxn ang="0">
                <a:pos x="397" y="275"/>
              </a:cxn>
              <a:cxn ang="0">
                <a:pos x="410" y="262"/>
              </a:cxn>
              <a:cxn ang="0">
                <a:pos x="410" y="101"/>
              </a:cxn>
              <a:cxn ang="0">
                <a:pos x="400" y="88"/>
              </a:cxn>
              <a:cxn ang="0">
                <a:pos x="385" y="94"/>
              </a:cxn>
              <a:cxn ang="0">
                <a:pos x="259" y="299"/>
              </a:cxn>
              <a:cxn ang="0">
                <a:pos x="258" y="312"/>
              </a:cxn>
              <a:cxn ang="0">
                <a:pos x="270" y="319"/>
              </a:cxn>
              <a:cxn ang="0">
                <a:pos x="445" y="319"/>
              </a:cxn>
              <a:cxn ang="0">
                <a:pos x="458" y="306"/>
              </a:cxn>
              <a:cxn ang="0">
                <a:pos x="458" y="55"/>
              </a:cxn>
              <a:cxn ang="0">
                <a:pos x="333" y="0"/>
              </a:cxn>
              <a:cxn ang="0">
                <a:pos x="208" y="55"/>
              </a:cxn>
            </a:cxnLst>
            <a:rect l="0" t="0" r="r" b="b"/>
            <a:pathLst>
              <a:path w="458" h="319">
                <a:moveTo>
                  <a:pt x="208" y="55"/>
                </a:moveTo>
                <a:cubicBezTo>
                  <a:pt x="208" y="55"/>
                  <a:pt x="208" y="269"/>
                  <a:pt x="208" y="292"/>
                </a:cubicBezTo>
                <a:cubicBezTo>
                  <a:pt x="194" y="292"/>
                  <a:pt x="177" y="292"/>
                  <a:pt x="164" y="292"/>
                </a:cubicBezTo>
                <a:cubicBezTo>
                  <a:pt x="164" y="271"/>
                  <a:pt x="164" y="179"/>
                  <a:pt x="164" y="179"/>
                </a:cubicBezTo>
                <a:cubicBezTo>
                  <a:pt x="164" y="169"/>
                  <a:pt x="159" y="156"/>
                  <a:pt x="134" y="149"/>
                </a:cubicBezTo>
                <a:cubicBezTo>
                  <a:pt x="118" y="145"/>
                  <a:pt x="97" y="144"/>
                  <a:pt x="82" y="144"/>
                </a:cubicBezTo>
                <a:cubicBezTo>
                  <a:pt x="67" y="144"/>
                  <a:pt x="46" y="145"/>
                  <a:pt x="30" y="149"/>
                </a:cubicBezTo>
                <a:cubicBezTo>
                  <a:pt x="5" y="156"/>
                  <a:pt x="0" y="169"/>
                  <a:pt x="0" y="179"/>
                </a:cubicBezTo>
                <a:cubicBezTo>
                  <a:pt x="0" y="306"/>
                  <a:pt x="0" y="306"/>
                  <a:pt x="0" y="306"/>
                </a:cubicBezTo>
                <a:cubicBezTo>
                  <a:pt x="0" y="313"/>
                  <a:pt x="6" y="319"/>
                  <a:pt x="14" y="319"/>
                </a:cubicBezTo>
                <a:cubicBezTo>
                  <a:pt x="44" y="319"/>
                  <a:pt x="44" y="319"/>
                  <a:pt x="44" y="319"/>
                </a:cubicBezTo>
                <a:cubicBezTo>
                  <a:pt x="48" y="319"/>
                  <a:pt x="52" y="317"/>
                  <a:pt x="54" y="314"/>
                </a:cubicBezTo>
                <a:cubicBezTo>
                  <a:pt x="54" y="314"/>
                  <a:pt x="75" y="286"/>
                  <a:pt x="94" y="261"/>
                </a:cubicBezTo>
                <a:cubicBezTo>
                  <a:pt x="94" y="283"/>
                  <a:pt x="94" y="306"/>
                  <a:pt x="94" y="306"/>
                </a:cubicBezTo>
                <a:cubicBezTo>
                  <a:pt x="94" y="313"/>
                  <a:pt x="100" y="319"/>
                  <a:pt x="107" y="319"/>
                </a:cubicBezTo>
                <a:cubicBezTo>
                  <a:pt x="114" y="319"/>
                  <a:pt x="120" y="313"/>
                  <a:pt x="120" y="306"/>
                </a:cubicBezTo>
                <a:cubicBezTo>
                  <a:pt x="120" y="220"/>
                  <a:pt x="120" y="220"/>
                  <a:pt x="120" y="220"/>
                </a:cubicBezTo>
                <a:cubicBezTo>
                  <a:pt x="120" y="214"/>
                  <a:pt x="117" y="209"/>
                  <a:pt x="111" y="207"/>
                </a:cubicBezTo>
                <a:cubicBezTo>
                  <a:pt x="106" y="206"/>
                  <a:pt x="100" y="207"/>
                  <a:pt x="96" y="212"/>
                </a:cubicBezTo>
                <a:cubicBezTo>
                  <a:pt x="96" y="212"/>
                  <a:pt x="44" y="283"/>
                  <a:pt x="37" y="292"/>
                </a:cubicBezTo>
                <a:cubicBezTo>
                  <a:pt x="33" y="292"/>
                  <a:pt x="32" y="292"/>
                  <a:pt x="27" y="292"/>
                </a:cubicBezTo>
                <a:cubicBezTo>
                  <a:pt x="27" y="271"/>
                  <a:pt x="27" y="181"/>
                  <a:pt x="27" y="179"/>
                </a:cubicBezTo>
                <a:cubicBezTo>
                  <a:pt x="30" y="177"/>
                  <a:pt x="44" y="170"/>
                  <a:pt x="82" y="170"/>
                </a:cubicBezTo>
                <a:cubicBezTo>
                  <a:pt x="120" y="170"/>
                  <a:pt x="134" y="177"/>
                  <a:pt x="137" y="179"/>
                </a:cubicBezTo>
                <a:cubicBezTo>
                  <a:pt x="137" y="181"/>
                  <a:pt x="137" y="306"/>
                  <a:pt x="137" y="306"/>
                </a:cubicBezTo>
                <a:cubicBezTo>
                  <a:pt x="137" y="313"/>
                  <a:pt x="143" y="319"/>
                  <a:pt x="150" y="319"/>
                </a:cubicBezTo>
                <a:cubicBezTo>
                  <a:pt x="221" y="319"/>
                  <a:pt x="221" y="319"/>
                  <a:pt x="221" y="319"/>
                </a:cubicBezTo>
                <a:cubicBezTo>
                  <a:pt x="228" y="319"/>
                  <a:pt x="234" y="313"/>
                  <a:pt x="234" y="306"/>
                </a:cubicBezTo>
                <a:cubicBezTo>
                  <a:pt x="234" y="55"/>
                  <a:pt x="234" y="55"/>
                  <a:pt x="234" y="55"/>
                </a:cubicBezTo>
                <a:cubicBezTo>
                  <a:pt x="234" y="45"/>
                  <a:pt x="268" y="26"/>
                  <a:pt x="333" y="26"/>
                </a:cubicBezTo>
                <a:cubicBezTo>
                  <a:pt x="398" y="26"/>
                  <a:pt x="432" y="45"/>
                  <a:pt x="432" y="55"/>
                </a:cubicBezTo>
                <a:cubicBezTo>
                  <a:pt x="432" y="55"/>
                  <a:pt x="432" y="269"/>
                  <a:pt x="432" y="292"/>
                </a:cubicBezTo>
                <a:cubicBezTo>
                  <a:pt x="412" y="292"/>
                  <a:pt x="327" y="292"/>
                  <a:pt x="294" y="292"/>
                </a:cubicBezTo>
                <a:cubicBezTo>
                  <a:pt x="310" y="267"/>
                  <a:pt x="355" y="193"/>
                  <a:pt x="383" y="148"/>
                </a:cubicBezTo>
                <a:cubicBezTo>
                  <a:pt x="383" y="195"/>
                  <a:pt x="383" y="262"/>
                  <a:pt x="383" y="262"/>
                </a:cubicBezTo>
                <a:cubicBezTo>
                  <a:pt x="383" y="269"/>
                  <a:pt x="389" y="275"/>
                  <a:pt x="397" y="275"/>
                </a:cubicBezTo>
                <a:cubicBezTo>
                  <a:pt x="404" y="275"/>
                  <a:pt x="410" y="269"/>
                  <a:pt x="410" y="262"/>
                </a:cubicBezTo>
                <a:cubicBezTo>
                  <a:pt x="410" y="101"/>
                  <a:pt x="410" y="101"/>
                  <a:pt x="410" y="101"/>
                </a:cubicBezTo>
                <a:cubicBezTo>
                  <a:pt x="410" y="95"/>
                  <a:pt x="406" y="90"/>
                  <a:pt x="400" y="88"/>
                </a:cubicBezTo>
                <a:cubicBezTo>
                  <a:pt x="395" y="87"/>
                  <a:pt x="388" y="89"/>
                  <a:pt x="385" y="94"/>
                </a:cubicBezTo>
                <a:cubicBezTo>
                  <a:pt x="259" y="299"/>
                  <a:pt x="259" y="299"/>
                  <a:pt x="259" y="299"/>
                </a:cubicBezTo>
                <a:cubicBezTo>
                  <a:pt x="256" y="303"/>
                  <a:pt x="256" y="308"/>
                  <a:pt x="258" y="312"/>
                </a:cubicBezTo>
                <a:cubicBezTo>
                  <a:pt x="261" y="316"/>
                  <a:pt x="265" y="319"/>
                  <a:pt x="270" y="319"/>
                </a:cubicBezTo>
                <a:cubicBezTo>
                  <a:pt x="445" y="319"/>
                  <a:pt x="445" y="319"/>
                  <a:pt x="445" y="319"/>
                </a:cubicBezTo>
                <a:cubicBezTo>
                  <a:pt x="452" y="319"/>
                  <a:pt x="458" y="313"/>
                  <a:pt x="458" y="306"/>
                </a:cubicBezTo>
                <a:cubicBezTo>
                  <a:pt x="458" y="55"/>
                  <a:pt x="458" y="55"/>
                  <a:pt x="458" y="55"/>
                </a:cubicBezTo>
                <a:cubicBezTo>
                  <a:pt x="458" y="17"/>
                  <a:pt x="395" y="0"/>
                  <a:pt x="333" y="0"/>
                </a:cubicBezTo>
                <a:cubicBezTo>
                  <a:pt x="271" y="0"/>
                  <a:pt x="208" y="17"/>
                  <a:pt x="208" y="5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5" name="Freeform 521"/>
          <p:cNvSpPr>
            <a:spLocks/>
          </p:cNvSpPr>
          <p:nvPr userDrawn="1"/>
        </p:nvSpPr>
        <p:spPr bwMode="auto">
          <a:xfrm>
            <a:off x="8192425" y="1835055"/>
            <a:ext cx="360363" cy="338137"/>
          </a:xfrm>
          <a:custGeom>
            <a:avLst/>
            <a:gdLst/>
            <a:ahLst/>
            <a:cxnLst>
              <a:cxn ang="0">
                <a:pos x="176" y="0"/>
              </a:cxn>
              <a:cxn ang="0">
                <a:pos x="143" y="5"/>
              </a:cxn>
              <a:cxn ang="0">
                <a:pos x="133" y="21"/>
              </a:cxn>
              <a:cxn ang="0">
                <a:pos x="149" y="31"/>
              </a:cxn>
              <a:cxn ang="0">
                <a:pos x="176" y="27"/>
              </a:cxn>
              <a:cxn ang="0">
                <a:pos x="291" y="154"/>
              </a:cxn>
              <a:cxn ang="0">
                <a:pos x="176" y="274"/>
              </a:cxn>
              <a:cxn ang="0">
                <a:pos x="62" y="154"/>
              </a:cxn>
              <a:cxn ang="0">
                <a:pos x="76" y="92"/>
              </a:cxn>
              <a:cxn ang="0">
                <a:pos x="88" y="123"/>
              </a:cxn>
              <a:cxn ang="0">
                <a:pos x="88" y="123"/>
              </a:cxn>
              <a:cxn ang="0">
                <a:pos x="105" y="131"/>
              </a:cxn>
              <a:cxn ang="0">
                <a:pos x="113" y="114"/>
              </a:cxn>
              <a:cxn ang="0">
                <a:pos x="93" y="60"/>
              </a:cxn>
              <a:cxn ang="0">
                <a:pos x="91" y="55"/>
              </a:cxn>
              <a:cxn ang="0">
                <a:pos x="75" y="48"/>
              </a:cxn>
              <a:cxn ang="0">
                <a:pos x="11" y="67"/>
              </a:cxn>
              <a:cxn ang="0">
                <a:pos x="2" y="83"/>
              </a:cxn>
              <a:cxn ang="0">
                <a:pos x="18" y="92"/>
              </a:cxn>
              <a:cxn ang="0">
                <a:pos x="51" y="83"/>
              </a:cxn>
              <a:cxn ang="0">
                <a:pos x="35" y="154"/>
              </a:cxn>
              <a:cxn ang="0">
                <a:pos x="76" y="259"/>
              </a:cxn>
              <a:cxn ang="0">
                <a:pos x="176" y="300"/>
              </a:cxn>
              <a:cxn ang="0">
                <a:pos x="276" y="259"/>
              </a:cxn>
              <a:cxn ang="0">
                <a:pos x="318" y="154"/>
              </a:cxn>
              <a:cxn ang="0">
                <a:pos x="176" y="0"/>
              </a:cxn>
            </a:cxnLst>
            <a:rect l="0" t="0" r="r" b="b"/>
            <a:pathLst>
              <a:path w="318" h="300">
                <a:moveTo>
                  <a:pt x="176" y="0"/>
                </a:moveTo>
                <a:cubicBezTo>
                  <a:pt x="165" y="0"/>
                  <a:pt x="154" y="2"/>
                  <a:pt x="143" y="5"/>
                </a:cubicBezTo>
                <a:cubicBezTo>
                  <a:pt x="135" y="7"/>
                  <a:pt x="131" y="14"/>
                  <a:pt x="133" y="21"/>
                </a:cubicBezTo>
                <a:cubicBezTo>
                  <a:pt x="135" y="28"/>
                  <a:pt x="142" y="32"/>
                  <a:pt x="149" y="31"/>
                </a:cubicBezTo>
                <a:cubicBezTo>
                  <a:pt x="158" y="28"/>
                  <a:pt x="167" y="27"/>
                  <a:pt x="176" y="27"/>
                </a:cubicBezTo>
                <a:cubicBezTo>
                  <a:pt x="240" y="27"/>
                  <a:pt x="291" y="84"/>
                  <a:pt x="291" y="154"/>
                </a:cubicBezTo>
                <a:cubicBezTo>
                  <a:pt x="291" y="222"/>
                  <a:pt x="242" y="274"/>
                  <a:pt x="176" y="274"/>
                </a:cubicBezTo>
                <a:cubicBezTo>
                  <a:pt x="111" y="274"/>
                  <a:pt x="62" y="222"/>
                  <a:pt x="62" y="154"/>
                </a:cubicBezTo>
                <a:cubicBezTo>
                  <a:pt x="62" y="132"/>
                  <a:pt x="67" y="111"/>
                  <a:pt x="76" y="92"/>
                </a:cubicBezTo>
                <a:cubicBezTo>
                  <a:pt x="88" y="123"/>
                  <a:pt x="88" y="123"/>
                  <a:pt x="88" y="123"/>
                </a:cubicBezTo>
                <a:cubicBezTo>
                  <a:pt x="88" y="123"/>
                  <a:pt x="88" y="123"/>
                  <a:pt x="88" y="123"/>
                </a:cubicBezTo>
                <a:cubicBezTo>
                  <a:pt x="91" y="130"/>
                  <a:pt x="98" y="134"/>
                  <a:pt x="105" y="131"/>
                </a:cubicBezTo>
                <a:cubicBezTo>
                  <a:pt x="112" y="128"/>
                  <a:pt x="115" y="121"/>
                  <a:pt x="113" y="114"/>
                </a:cubicBezTo>
                <a:cubicBezTo>
                  <a:pt x="93" y="60"/>
                  <a:pt x="93" y="60"/>
                  <a:pt x="93" y="60"/>
                </a:cubicBezTo>
                <a:cubicBezTo>
                  <a:pt x="92" y="58"/>
                  <a:pt x="92" y="56"/>
                  <a:pt x="91" y="55"/>
                </a:cubicBezTo>
                <a:cubicBezTo>
                  <a:pt x="88" y="49"/>
                  <a:pt x="81" y="46"/>
                  <a:pt x="75" y="48"/>
                </a:cubicBezTo>
                <a:cubicBezTo>
                  <a:pt x="11" y="67"/>
                  <a:pt x="11" y="67"/>
                  <a:pt x="11" y="67"/>
                </a:cubicBezTo>
                <a:cubicBezTo>
                  <a:pt x="4" y="69"/>
                  <a:pt x="0" y="76"/>
                  <a:pt x="2" y="83"/>
                </a:cubicBezTo>
                <a:cubicBezTo>
                  <a:pt x="4" y="90"/>
                  <a:pt x="11" y="94"/>
                  <a:pt x="18" y="92"/>
                </a:cubicBezTo>
                <a:cubicBezTo>
                  <a:pt x="51" y="83"/>
                  <a:pt x="51" y="83"/>
                  <a:pt x="51" y="83"/>
                </a:cubicBezTo>
                <a:cubicBezTo>
                  <a:pt x="41" y="104"/>
                  <a:pt x="35" y="129"/>
                  <a:pt x="35" y="154"/>
                </a:cubicBezTo>
                <a:cubicBezTo>
                  <a:pt x="35" y="194"/>
                  <a:pt x="50" y="231"/>
                  <a:pt x="76" y="259"/>
                </a:cubicBezTo>
                <a:cubicBezTo>
                  <a:pt x="103" y="286"/>
                  <a:pt x="138" y="300"/>
                  <a:pt x="176" y="300"/>
                </a:cubicBezTo>
                <a:cubicBezTo>
                  <a:pt x="215" y="300"/>
                  <a:pt x="250" y="286"/>
                  <a:pt x="276" y="259"/>
                </a:cubicBezTo>
                <a:cubicBezTo>
                  <a:pt x="303" y="231"/>
                  <a:pt x="318" y="194"/>
                  <a:pt x="318" y="154"/>
                </a:cubicBezTo>
                <a:cubicBezTo>
                  <a:pt x="318" y="69"/>
                  <a:pt x="254" y="0"/>
                  <a:pt x="176" y="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6" name="Freeform 560"/>
          <p:cNvSpPr>
            <a:spLocks/>
          </p:cNvSpPr>
          <p:nvPr userDrawn="1"/>
        </p:nvSpPr>
        <p:spPr bwMode="auto">
          <a:xfrm>
            <a:off x="8246400" y="5065121"/>
            <a:ext cx="252413" cy="515938"/>
          </a:xfrm>
          <a:custGeom>
            <a:avLst/>
            <a:gdLst/>
            <a:ahLst/>
            <a:cxnLst>
              <a:cxn ang="0">
                <a:pos x="98" y="14"/>
              </a:cxn>
              <a:cxn ang="0">
                <a:pos x="98" y="14"/>
              </a:cxn>
              <a:cxn ang="0">
                <a:pos x="111" y="27"/>
              </a:cxn>
              <a:cxn ang="0">
                <a:pos x="168" y="36"/>
              </a:cxn>
              <a:cxn ang="0">
                <a:pos x="111" y="41"/>
              </a:cxn>
              <a:cxn ang="0">
                <a:pos x="44" y="32"/>
              </a:cxn>
              <a:cxn ang="0">
                <a:pos x="39" y="28"/>
              </a:cxn>
              <a:cxn ang="0">
                <a:pos x="25" y="28"/>
              </a:cxn>
              <a:cxn ang="0">
                <a:pos x="18" y="40"/>
              </a:cxn>
              <a:cxn ang="0">
                <a:pos x="14" y="62"/>
              </a:cxn>
              <a:cxn ang="0">
                <a:pos x="12" y="66"/>
              </a:cxn>
              <a:cxn ang="0">
                <a:pos x="0" y="111"/>
              </a:cxn>
              <a:cxn ang="0">
                <a:pos x="0" y="372"/>
              </a:cxn>
              <a:cxn ang="0">
                <a:pos x="0" y="372"/>
              </a:cxn>
              <a:cxn ang="0">
                <a:pos x="0" y="372"/>
              </a:cxn>
              <a:cxn ang="0">
                <a:pos x="22" y="424"/>
              </a:cxn>
              <a:cxn ang="0">
                <a:pos x="110" y="454"/>
              </a:cxn>
              <a:cxn ang="0">
                <a:pos x="200" y="429"/>
              </a:cxn>
              <a:cxn ang="0">
                <a:pos x="223" y="375"/>
              </a:cxn>
              <a:cxn ang="0">
                <a:pos x="223" y="113"/>
              </a:cxn>
              <a:cxn ang="0">
                <a:pos x="209" y="100"/>
              </a:cxn>
              <a:cxn ang="0">
                <a:pos x="196" y="113"/>
              </a:cxn>
              <a:cxn ang="0">
                <a:pos x="196" y="375"/>
              </a:cxn>
              <a:cxn ang="0">
                <a:pos x="182" y="409"/>
              </a:cxn>
              <a:cxn ang="0">
                <a:pos x="112" y="428"/>
              </a:cxn>
              <a:cxn ang="0">
                <a:pos x="110" y="428"/>
              </a:cxn>
              <a:cxn ang="0">
                <a:pos x="42" y="406"/>
              </a:cxn>
              <a:cxn ang="0">
                <a:pos x="27" y="372"/>
              </a:cxn>
              <a:cxn ang="0">
                <a:pos x="27" y="111"/>
              </a:cxn>
              <a:cxn ang="0">
                <a:pos x="35" y="79"/>
              </a:cxn>
              <a:cxn ang="0">
                <a:pos x="37" y="75"/>
              </a:cxn>
              <a:cxn ang="0">
                <a:pos x="43" y="60"/>
              </a:cxn>
              <a:cxn ang="0">
                <a:pos x="111" y="67"/>
              </a:cxn>
              <a:cxn ang="0">
                <a:pos x="171" y="62"/>
              </a:cxn>
              <a:cxn ang="0">
                <a:pos x="205" y="37"/>
              </a:cxn>
              <a:cxn ang="0">
                <a:pos x="111" y="0"/>
              </a:cxn>
              <a:cxn ang="0">
                <a:pos x="98" y="14"/>
              </a:cxn>
            </a:cxnLst>
            <a:rect l="0" t="0" r="r" b="b"/>
            <a:pathLst>
              <a:path w="223" h="458">
                <a:moveTo>
                  <a:pt x="98" y="14"/>
                </a:moveTo>
                <a:cubicBezTo>
                  <a:pt x="98" y="14"/>
                  <a:pt x="98" y="14"/>
                  <a:pt x="98" y="14"/>
                </a:cubicBezTo>
                <a:cubicBezTo>
                  <a:pt x="98" y="21"/>
                  <a:pt x="104" y="27"/>
                  <a:pt x="111" y="27"/>
                </a:cubicBezTo>
                <a:cubicBezTo>
                  <a:pt x="136" y="27"/>
                  <a:pt x="156" y="31"/>
                  <a:pt x="168" y="36"/>
                </a:cubicBezTo>
                <a:cubicBezTo>
                  <a:pt x="156" y="38"/>
                  <a:pt x="137" y="41"/>
                  <a:pt x="111" y="41"/>
                </a:cubicBezTo>
                <a:cubicBezTo>
                  <a:pt x="73" y="41"/>
                  <a:pt x="50" y="35"/>
                  <a:pt x="44" y="32"/>
                </a:cubicBezTo>
                <a:cubicBezTo>
                  <a:pt x="44" y="31"/>
                  <a:pt x="39" y="28"/>
                  <a:pt x="39" y="28"/>
                </a:cubicBezTo>
                <a:cubicBezTo>
                  <a:pt x="35" y="25"/>
                  <a:pt x="30" y="25"/>
                  <a:pt x="25" y="28"/>
                </a:cubicBezTo>
                <a:cubicBezTo>
                  <a:pt x="21" y="30"/>
                  <a:pt x="18" y="35"/>
                  <a:pt x="18" y="40"/>
                </a:cubicBezTo>
                <a:cubicBezTo>
                  <a:pt x="18" y="40"/>
                  <a:pt x="19" y="52"/>
                  <a:pt x="14" y="62"/>
                </a:cubicBezTo>
                <a:cubicBezTo>
                  <a:pt x="12" y="66"/>
                  <a:pt x="12" y="66"/>
                  <a:pt x="12" y="66"/>
                </a:cubicBezTo>
                <a:cubicBezTo>
                  <a:pt x="4" y="79"/>
                  <a:pt x="0" y="88"/>
                  <a:pt x="0" y="111"/>
                </a:cubicBezTo>
                <a:cubicBezTo>
                  <a:pt x="0" y="372"/>
                  <a:pt x="0" y="372"/>
                  <a:pt x="0" y="372"/>
                </a:cubicBezTo>
                <a:cubicBezTo>
                  <a:pt x="0" y="372"/>
                  <a:pt x="0" y="372"/>
                  <a:pt x="0" y="372"/>
                </a:cubicBezTo>
                <a:cubicBezTo>
                  <a:pt x="0" y="372"/>
                  <a:pt x="0" y="372"/>
                  <a:pt x="0" y="372"/>
                </a:cubicBezTo>
                <a:cubicBezTo>
                  <a:pt x="0" y="376"/>
                  <a:pt x="1" y="402"/>
                  <a:pt x="22" y="424"/>
                </a:cubicBezTo>
                <a:cubicBezTo>
                  <a:pt x="42" y="444"/>
                  <a:pt x="71" y="454"/>
                  <a:pt x="110" y="454"/>
                </a:cubicBezTo>
                <a:cubicBezTo>
                  <a:pt x="114" y="454"/>
                  <a:pt x="168" y="458"/>
                  <a:pt x="200" y="429"/>
                </a:cubicBezTo>
                <a:cubicBezTo>
                  <a:pt x="215" y="415"/>
                  <a:pt x="223" y="397"/>
                  <a:pt x="223" y="375"/>
                </a:cubicBezTo>
                <a:cubicBezTo>
                  <a:pt x="223" y="113"/>
                  <a:pt x="223" y="113"/>
                  <a:pt x="223" y="113"/>
                </a:cubicBezTo>
                <a:cubicBezTo>
                  <a:pt x="223" y="106"/>
                  <a:pt x="217" y="100"/>
                  <a:pt x="209" y="100"/>
                </a:cubicBezTo>
                <a:cubicBezTo>
                  <a:pt x="202" y="100"/>
                  <a:pt x="196" y="106"/>
                  <a:pt x="196" y="113"/>
                </a:cubicBezTo>
                <a:cubicBezTo>
                  <a:pt x="196" y="375"/>
                  <a:pt x="196" y="375"/>
                  <a:pt x="196" y="375"/>
                </a:cubicBezTo>
                <a:cubicBezTo>
                  <a:pt x="196" y="389"/>
                  <a:pt x="192" y="401"/>
                  <a:pt x="182" y="409"/>
                </a:cubicBezTo>
                <a:cubicBezTo>
                  <a:pt x="158" y="431"/>
                  <a:pt x="112" y="428"/>
                  <a:pt x="112" y="428"/>
                </a:cubicBezTo>
                <a:cubicBezTo>
                  <a:pt x="111" y="428"/>
                  <a:pt x="111" y="428"/>
                  <a:pt x="110" y="428"/>
                </a:cubicBezTo>
                <a:cubicBezTo>
                  <a:pt x="79" y="428"/>
                  <a:pt x="56" y="420"/>
                  <a:pt x="42" y="406"/>
                </a:cubicBezTo>
                <a:cubicBezTo>
                  <a:pt x="27" y="391"/>
                  <a:pt x="27" y="373"/>
                  <a:pt x="27" y="372"/>
                </a:cubicBezTo>
                <a:cubicBezTo>
                  <a:pt x="27" y="372"/>
                  <a:pt x="27" y="111"/>
                  <a:pt x="27" y="111"/>
                </a:cubicBezTo>
                <a:cubicBezTo>
                  <a:pt x="27" y="94"/>
                  <a:pt x="29" y="89"/>
                  <a:pt x="35" y="79"/>
                </a:cubicBezTo>
                <a:cubicBezTo>
                  <a:pt x="37" y="75"/>
                  <a:pt x="37" y="75"/>
                  <a:pt x="37" y="75"/>
                </a:cubicBezTo>
                <a:cubicBezTo>
                  <a:pt x="40" y="70"/>
                  <a:pt x="42" y="65"/>
                  <a:pt x="43" y="60"/>
                </a:cubicBezTo>
                <a:cubicBezTo>
                  <a:pt x="59" y="65"/>
                  <a:pt x="83" y="67"/>
                  <a:pt x="111" y="67"/>
                </a:cubicBezTo>
                <a:cubicBezTo>
                  <a:pt x="134" y="67"/>
                  <a:pt x="155" y="66"/>
                  <a:pt x="171" y="62"/>
                </a:cubicBezTo>
                <a:cubicBezTo>
                  <a:pt x="180" y="60"/>
                  <a:pt x="205" y="55"/>
                  <a:pt x="205" y="37"/>
                </a:cubicBezTo>
                <a:cubicBezTo>
                  <a:pt x="205" y="12"/>
                  <a:pt x="150" y="0"/>
                  <a:pt x="111" y="0"/>
                </a:cubicBezTo>
                <a:cubicBezTo>
                  <a:pt x="104" y="0"/>
                  <a:pt x="98" y="6"/>
                  <a:pt x="98" y="1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7" name="Freeform 580"/>
          <p:cNvSpPr>
            <a:spLocks/>
          </p:cNvSpPr>
          <p:nvPr userDrawn="1"/>
        </p:nvSpPr>
        <p:spPr bwMode="auto">
          <a:xfrm>
            <a:off x="8124162" y="3689010"/>
            <a:ext cx="496888" cy="495300"/>
          </a:xfrm>
          <a:custGeom>
            <a:avLst/>
            <a:gdLst/>
            <a:ahLst/>
            <a:cxnLst>
              <a:cxn ang="0">
                <a:pos x="415" y="114"/>
              </a:cxn>
              <a:cxn ang="0">
                <a:pos x="387" y="114"/>
              </a:cxn>
              <a:cxn ang="0">
                <a:pos x="415" y="60"/>
              </a:cxn>
              <a:cxn ang="0">
                <a:pos x="295" y="60"/>
              </a:cxn>
              <a:cxn ang="0">
                <a:pos x="334" y="104"/>
              </a:cxn>
              <a:cxn ang="0">
                <a:pos x="320" y="60"/>
              </a:cxn>
              <a:cxn ang="0">
                <a:pos x="389" y="60"/>
              </a:cxn>
              <a:cxn ang="0">
                <a:pos x="365" y="93"/>
              </a:cxn>
              <a:cxn ang="0">
                <a:pos x="363" y="94"/>
              </a:cxn>
              <a:cxn ang="0">
                <a:pos x="361" y="95"/>
              </a:cxn>
              <a:cxn ang="0">
                <a:pos x="360" y="97"/>
              </a:cxn>
              <a:cxn ang="0">
                <a:pos x="359" y="99"/>
              </a:cxn>
              <a:cxn ang="0">
                <a:pos x="358" y="102"/>
              </a:cxn>
              <a:cxn ang="0">
                <a:pos x="358" y="104"/>
              </a:cxn>
              <a:cxn ang="0">
                <a:pos x="358" y="107"/>
              </a:cxn>
              <a:cxn ang="0">
                <a:pos x="365" y="130"/>
              </a:cxn>
              <a:cxn ang="0">
                <a:pos x="409" y="139"/>
              </a:cxn>
              <a:cxn ang="0">
                <a:pos x="415" y="143"/>
              </a:cxn>
              <a:cxn ang="0">
                <a:pos x="382" y="413"/>
              </a:cxn>
              <a:cxn ang="0">
                <a:pos x="399" y="203"/>
              </a:cxn>
              <a:cxn ang="0">
                <a:pos x="353" y="132"/>
              </a:cxn>
              <a:cxn ang="0">
                <a:pos x="351" y="131"/>
              </a:cxn>
              <a:cxn ang="0">
                <a:pos x="349" y="129"/>
              </a:cxn>
              <a:cxn ang="0">
                <a:pos x="347" y="128"/>
              </a:cxn>
              <a:cxn ang="0">
                <a:pos x="345" y="127"/>
              </a:cxn>
              <a:cxn ang="0">
                <a:pos x="342" y="127"/>
              </a:cxn>
              <a:cxn ang="0">
                <a:pos x="316" y="131"/>
              </a:cxn>
              <a:cxn ang="0">
                <a:pos x="191" y="154"/>
              </a:cxn>
              <a:cxn ang="0">
                <a:pos x="202" y="413"/>
              </a:cxn>
              <a:cxn ang="0">
                <a:pos x="0" y="426"/>
              </a:cxn>
              <a:cxn ang="0">
                <a:pos x="216" y="439"/>
              </a:cxn>
              <a:cxn ang="0">
                <a:pos x="228" y="425"/>
              </a:cxn>
              <a:cxn ang="0">
                <a:pos x="337" y="153"/>
              </a:cxn>
              <a:cxn ang="0">
                <a:pos x="347" y="425"/>
              </a:cxn>
              <a:cxn ang="0">
                <a:pos x="360" y="439"/>
              </a:cxn>
              <a:cxn ang="0">
                <a:pos x="394" y="439"/>
              </a:cxn>
              <a:cxn ang="0">
                <a:pos x="396" y="438"/>
              </a:cxn>
              <a:cxn ang="0">
                <a:pos x="398" y="438"/>
              </a:cxn>
              <a:cxn ang="0">
                <a:pos x="400" y="437"/>
              </a:cxn>
              <a:cxn ang="0">
                <a:pos x="402" y="435"/>
              </a:cxn>
              <a:cxn ang="0">
                <a:pos x="404" y="433"/>
              </a:cxn>
              <a:cxn ang="0">
                <a:pos x="405" y="431"/>
              </a:cxn>
              <a:cxn ang="0">
                <a:pos x="406" y="429"/>
              </a:cxn>
              <a:cxn ang="0">
                <a:pos x="406" y="427"/>
              </a:cxn>
              <a:cxn ang="0">
                <a:pos x="440" y="146"/>
              </a:cxn>
              <a:cxn ang="0">
                <a:pos x="440" y="143"/>
              </a:cxn>
            </a:cxnLst>
            <a:rect l="0" t="0" r="r" b="b"/>
            <a:pathLst>
              <a:path w="440" h="439">
                <a:moveTo>
                  <a:pt x="440" y="143"/>
                </a:moveTo>
                <a:cubicBezTo>
                  <a:pt x="440" y="128"/>
                  <a:pt x="429" y="116"/>
                  <a:pt x="415" y="114"/>
                </a:cubicBezTo>
                <a:cubicBezTo>
                  <a:pt x="414" y="114"/>
                  <a:pt x="413" y="114"/>
                  <a:pt x="411" y="114"/>
                </a:cubicBezTo>
                <a:cubicBezTo>
                  <a:pt x="387" y="114"/>
                  <a:pt x="387" y="114"/>
                  <a:pt x="387" y="114"/>
                </a:cubicBezTo>
                <a:cubicBezTo>
                  <a:pt x="386" y="111"/>
                  <a:pt x="386" y="111"/>
                  <a:pt x="386" y="111"/>
                </a:cubicBezTo>
                <a:cubicBezTo>
                  <a:pt x="403" y="100"/>
                  <a:pt x="415" y="81"/>
                  <a:pt x="415" y="60"/>
                </a:cubicBezTo>
                <a:cubicBezTo>
                  <a:pt x="415" y="27"/>
                  <a:pt x="388" y="0"/>
                  <a:pt x="355" y="0"/>
                </a:cubicBezTo>
                <a:cubicBezTo>
                  <a:pt x="322" y="0"/>
                  <a:pt x="295" y="27"/>
                  <a:pt x="295" y="60"/>
                </a:cubicBezTo>
                <a:cubicBezTo>
                  <a:pt x="295" y="78"/>
                  <a:pt x="303" y="95"/>
                  <a:pt x="317" y="106"/>
                </a:cubicBezTo>
                <a:cubicBezTo>
                  <a:pt x="322" y="110"/>
                  <a:pt x="330" y="109"/>
                  <a:pt x="334" y="104"/>
                </a:cubicBezTo>
                <a:cubicBezTo>
                  <a:pt x="339" y="99"/>
                  <a:pt x="338" y="91"/>
                  <a:pt x="333" y="86"/>
                </a:cubicBezTo>
                <a:cubicBezTo>
                  <a:pt x="325" y="80"/>
                  <a:pt x="320" y="70"/>
                  <a:pt x="320" y="60"/>
                </a:cubicBezTo>
                <a:cubicBezTo>
                  <a:pt x="320" y="40"/>
                  <a:pt x="336" y="25"/>
                  <a:pt x="355" y="25"/>
                </a:cubicBezTo>
                <a:cubicBezTo>
                  <a:pt x="374" y="25"/>
                  <a:pt x="389" y="40"/>
                  <a:pt x="389" y="60"/>
                </a:cubicBezTo>
                <a:cubicBezTo>
                  <a:pt x="389" y="75"/>
                  <a:pt x="380" y="87"/>
                  <a:pt x="366" y="92"/>
                </a:cubicBezTo>
                <a:cubicBezTo>
                  <a:pt x="366" y="92"/>
                  <a:pt x="366" y="93"/>
                  <a:pt x="365" y="93"/>
                </a:cubicBezTo>
                <a:cubicBezTo>
                  <a:pt x="365" y="93"/>
                  <a:pt x="365" y="93"/>
                  <a:pt x="364" y="93"/>
                </a:cubicBezTo>
                <a:cubicBezTo>
                  <a:pt x="364" y="93"/>
                  <a:pt x="364" y="94"/>
                  <a:pt x="363" y="94"/>
                </a:cubicBezTo>
                <a:cubicBezTo>
                  <a:pt x="363" y="94"/>
                  <a:pt x="362" y="94"/>
                  <a:pt x="362" y="95"/>
                </a:cubicBezTo>
                <a:cubicBezTo>
                  <a:pt x="362" y="95"/>
                  <a:pt x="362" y="95"/>
                  <a:pt x="361" y="95"/>
                </a:cubicBezTo>
                <a:cubicBezTo>
                  <a:pt x="361" y="96"/>
                  <a:pt x="361" y="96"/>
                  <a:pt x="360" y="96"/>
                </a:cubicBezTo>
                <a:cubicBezTo>
                  <a:pt x="360" y="97"/>
                  <a:pt x="360" y="97"/>
                  <a:pt x="360" y="97"/>
                </a:cubicBezTo>
                <a:cubicBezTo>
                  <a:pt x="360" y="98"/>
                  <a:pt x="359" y="98"/>
                  <a:pt x="359" y="99"/>
                </a:cubicBezTo>
                <a:cubicBezTo>
                  <a:pt x="359" y="99"/>
                  <a:pt x="359" y="99"/>
                  <a:pt x="359" y="99"/>
                </a:cubicBezTo>
                <a:cubicBezTo>
                  <a:pt x="359" y="100"/>
                  <a:pt x="358" y="100"/>
                  <a:pt x="358" y="101"/>
                </a:cubicBezTo>
                <a:cubicBezTo>
                  <a:pt x="358" y="101"/>
                  <a:pt x="358" y="101"/>
                  <a:pt x="358" y="102"/>
                </a:cubicBezTo>
                <a:cubicBezTo>
                  <a:pt x="358" y="102"/>
                  <a:pt x="358" y="103"/>
                  <a:pt x="358" y="103"/>
                </a:cubicBezTo>
                <a:cubicBezTo>
                  <a:pt x="358" y="103"/>
                  <a:pt x="358" y="104"/>
                  <a:pt x="358" y="104"/>
                </a:cubicBezTo>
                <a:cubicBezTo>
                  <a:pt x="358" y="105"/>
                  <a:pt x="358" y="105"/>
                  <a:pt x="358" y="106"/>
                </a:cubicBezTo>
                <a:cubicBezTo>
                  <a:pt x="358" y="106"/>
                  <a:pt x="358" y="106"/>
                  <a:pt x="358" y="107"/>
                </a:cubicBezTo>
                <a:cubicBezTo>
                  <a:pt x="358" y="107"/>
                  <a:pt x="358" y="107"/>
                  <a:pt x="358" y="108"/>
                </a:cubicBezTo>
                <a:cubicBezTo>
                  <a:pt x="365" y="130"/>
                  <a:pt x="365" y="130"/>
                  <a:pt x="365" y="130"/>
                </a:cubicBezTo>
                <a:cubicBezTo>
                  <a:pt x="367" y="135"/>
                  <a:pt x="372" y="139"/>
                  <a:pt x="377" y="139"/>
                </a:cubicBezTo>
                <a:cubicBezTo>
                  <a:pt x="409" y="139"/>
                  <a:pt x="409" y="139"/>
                  <a:pt x="409" y="139"/>
                </a:cubicBezTo>
                <a:cubicBezTo>
                  <a:pt x="410" y="139"/>
                  <a:pt x="411" y="139"/>
                  <a:pt x="411" y="139"/>
                </a:cubicBezTo>
                <a:cubicBezTo>
                  <a:pt x="413" y="139"/>
                  <a:pt x="415" y="141"/>
                  <a:pt x="415" y="143"/>
                </a:cubicBezTo>
                <a:cubicBezTo>
                  <a:pt x="415" y="143"/>
                  <a:pt x="415" y="143"/>
                  <a:pt x="415" y="144"/>
                </a:cubicBezTo>
                <a:cubicBezTo>
                  <a:pt x="382" y="413"/>
                  <a:pt x="382" y="413"/>
                  <a:pt x="382" y="413"/>
                </a:cubicBezTo>
                <a:cubicBezTo>
                  <a:pt x="374" y="413"/>
                  <a:pt x="374" y="413"/>
                  <a:pt x="374" y="413"/>
                </a:cubicBezTo>
                <a:cubicBezTo>
                  <a:pt x="399" y="203"/>
                  <a:pt x="399" y="203"/>
                  <a:pt x="399" y="203"/>
                </a:cubicBezTo>
                <a:cubicBezTo>
                  <a:pt x="399" y="199"/>
                  <a:pt x="398" y="196"/>
                  <a:pt x="396" y="194"/>
                </a:cubicBezTo>
                <a:cubicBezTo>
                  <a:pt x="353" y="132"/>
                  <a:pt x="353" y="132"/>
                  <a:pt x="353" y="132"/>
                </a:cubicBezTo>
                <a:cubicBezTo>
                  <a:pt x="352" y="132"/>
                  <a:pt x="352" y="131"/>
                  <a:pt x="351" y="131"/>
                </a:cubicBezTo>
                <a:cubicBezTo>
                  <a:pt x="351" y="131"/>
                  <a:pt x="351" y="131"/>
                  <a:pt x="351" y="131"/>
                </a:cubicBezTo>
                <a:cubicBezTo>
                  <a:pt x="351" y="130"/>
                  <a:pt x="350" y="130"/>
                  <a:pt x="350" y="129"/>
                </a:cubicBezTo>
                <a:cubicBezTo>
                  <a:pt x="349" y="129"/>
                  <a:pt x="349" y="129"/>
                  <a:pt x="349" y="129"/>
                </a:cubicBezTo>
                <a:cubicBezTo>
                  <a:pt x="349" y="129"/>
                  <a:pt x="348" y="128"/>
                  <a:pt x="348" y="128"/>
                </a:cubicBezTo>
                <a:cubicBezTo>
                  <a:pt x="347" y="128"/>
                  <a:pt x="347" y="128"/>
                  <a:pt x="347" y="128"/>
                </a:cubicBezTo>
                <a:cubicBezTo>
                  <a:pt x="347" y="128"/>
                  <a:pt x="346" y="127"/>
                  <a:pt x="345" y="127"/>
                </a:cubicBezTo>
                <a:cubicBezTo>
                  <a:pt x="345" y="127"/>
                  <a:pt x="345" y="127"/>
                  <a:pt x="345" y="127"/>
                </a:cubicBezTo>
                <a:cubicBezTo>
                  <a:pt x="344" y="127"/>
                  <a:pt x="344" y="127"/>
                  <a:pt x="343" y="127"/>
                </a:cubicBezTo>
                <a:cubicBezTo>
                  <a:pt x="343" y="127"/>
                  <a:pt x="343" y="127"/>
                  <a:pt x="342" y="127"/>
                </a:cubicBezTo>
                <a:cubicBezTo>
                  <a:pt x="342" y="127"/>
                  <a:pt x="341" y="127"/>
                  <a:pt x="340" y="127"/>
                </a:cubicBezTo>
                <a:cubicBezTo>
                  <a:pt x="316" y="131"/>
                  <a:pt x="316" y="131"/>
                  <a:pt x="316" y="131"/>
                </a:cubicBezTo>
                <a:cubicBezTo>
                  <a:pt x="316" y="131"/>
                  <a:pt x="316" y="131"/>
                  <a:pt x="316" y="131"/>
                </a:cubicBezTo>
                <a:cubicBezTo>
                  <a:pt x="191" y="154"/>
                  <a:pt x="191" y="154"/>
                  <a:pt x="191" y="154"/>
                </a:cubicBezTo>
                <a:cubicBezTo>
                  <a:pt x="184" y="156"/>
                  <a:pt x="180" y="161"/>
                  <a:pt x="181" y="168"/>
                </a:cubicBezTo>
                <a:cubicBezTo>
                  <a:pt x="202" y="413"/>
                  <a:pt x="202" y="413"/>
                  <a:pt x="202" y="413"/>
                </a:cubicBezTo>
                <a:cubicBezTo>
                  <a:pt x="12" y="413"/>
                  <a:pt x="12" y="413"/>
                  <a:pt x="12" y="413"/>
                </a:cubicBezTo>
                <a:cubicBezTo>
                  <a:pt x="6" y="413"/>
                  <a:pt x="0" y="419"/>
                  <a:pt x="0" y="426"/>
                </a:cubicBezTo>
                <a:cubicBezTo>
                  <a:pt x="0" y="433"/>
                  <a:pt x="6" y="439"/>
                  <a:pt x="12" y="439"/>
                </a:cubicBezTo>
                <a:cubicBezTo>
                  <a:pt x="216" y="439"/>
                  <a:pt x="216" y="439"/>
                  <a:pt x="216" y="439"/>
                </a:cubicBezTo>
                <a:cubicBezTo>
                  <a:pt x="219" y="439"/>
                  <a:pt x="223" y="437"/>
                  <a:pt x="225" y="434"/>
                </a:cubicBezTo>
                <a:cubicBezTo>
                  <a:pt x="228" y="432"/>
                  <a:pt x="229" y="428"/>
                  <a:pt x="228" y="425"/>
                </a:cubicBezTo>
                <a:cubicBezTo>
                  <a:pt x="207" y="177"/>
                  <a:pt x="207" y="177"/>
                  <a:pt x="207" y="177"/>
                </a:cubicBezTo>
                <a:cubicBezTo>
                  <a:pt x="337" y="153"/>
                  <a:pt x="337" y="153"/>
                  <a:pt x="337" y="153"/>
                </a:cubicBezTo>
                <a:cubicBezTo>
                  <a:pt x="373" y="204"/>
                  <a:pt x="373" y="204"/>
                  <a:pt x="373" y="204"/>
                </a:cubicBezTo>
                <a:cubicBezTo>
                  <a:pt x="347" y="425"/>
                  <a:pt x="347" y="425"/>
                  <a:pt x="347" y="425"/>
                </a:cubicBezTo>
                <a:cubicBezTo>
                  <a:pt x="347" y="428"/>
                  <a:pt x="348" y="432"/>
                  <a:pt x="350" y="434"/>
                </a:cubicBezTo>
                <a:cubicBezTo>
                  <a:pt x="353" y="437"/>
                  <a:pt x="356" y="439"/>
                  <a:pt x="360" y="439"/>
                </a:cubicBezTo>
                <a:cubicBezTo>
                  <a:pt x="393" y="439"/>
                  <a:pt x="393" y="439"/>
                  <a:pt x="393" y="439"/>
                </a:cubicBezTo>
                <a:cubicBezTo>
                  <a:pt x="393" y="439"/>
                  <a:pt x="393" y="439"/>
                  <a:pt x="394" y="439"/>
                </a:cubicBezTo>
                <a:cubicBezTo>
                  <a:pt x="394" y="439"/>
                  <a:pt x="394" y="439"/>
                  <a:pt x="394" y="439"/>
                </a:cubicBezTo>
                <a:cubicBezTo>
                  <a:pt x="394" y="439"/>
                  <a:pt x="395" y="438"/>
                  <a:pt x="396" y="438"/>
                </a:cubicBezTo>
                <a:cubicBezTo>
                  <a:pt x="396" y="438"/>
                  <a:pt x="396" y="438"/>
                  <a:pt x="397" y="438"/>
                </a:cubicBezTo>
                <a:cubicBezTo>
                  <a:pt x="397" y="438"/>
                  <a:pt x="398" y="438"/>
                  <a:pt x="398" y="438"/>
                </a:cubicBezTo>
                <a:cubicBezTo>
                  <a:pt x="398" y="438"/>
                  <a:pt x="399" y="437"/>
                  <a:pt x="399" y="437"/>
                </a:cubicBezTo>
                <a:cubicBezTo>
                  <a:pt x="399" y="437"/>
                  <a:pt x="400" y="437"/>
                  <a:pt x="400" y="437"/>
                </a:cubicBezTo>
                <a:cubicBezTo>
                  <a:pt x="401" y="436"/>
                  <a:pt x="401" y="436"/>
                  <a:pt x="401" y="436"/>
                </a:cubicBezTo>
                <a:cubicBezTo>
                  <a:pt x="401" y="436"/>
                  <a:pt x="402" y="435"/>
                  <a:pt x="402" y="435"/>
                </a:cubicBezTo>
                <a:cubicBezTo>
                  <a:pt x="402" y="435"/>
                  <a:pt x="403" y="435"/>
                  <a:pt x="403" y="434"/>
                </a:cubicBezTo>
                <a:cubicBezTo>
                  <a:pt x="403" y="434"/>
                  <a:pt x="403" y="434"/>
                  <a:pt x="404" y="433"/>
                </a:cubicBezTo>
                <a:cubicBezTo>
                  <a:pt x="404" y="433"/>
                  <a:pt x="404" y="433"/>
                  <a:pt x="404" y="433"/>
                </a:cubicBezTo>
                <a:cubicBezTo>
                  <a:pt x="404" y="432"/>
                  <a:pt x="405" y="432"/>
                  <a:pt x="405" y="431"/>
                </a:cubicBezTo>
                <a:cubicBezTo>
                  <a:pt x="405" y="431"/>
                  <a:pt x="405" y="431"/>
                  <a:pt x="405" y="430"/>
                </a:cubicBezTo>
                <a:cubicBezTo>
                  <a:pt x="405" y="430"/>
                  <a:pt x="406" y="430"/>
                  <a:pt x="406" y="429"/>
                </a:cubicBezTo>
                <a:cubicBezTo>
                  <a:pt x="406" y="429"/>
                  <a:pt x="406" y="428"/>
                  <a:pt x="406" y="428"/>
                </a:cubicBezTo>
                <a:cubicBezTo>
                  <a:pt x="406" y="428"/>
                  <a:pt x="406" y="428"/>
                  <a:pt x="406" y="427"/>
                </a:cubicBezTo>
                <a:cubicBezTo>
                  <a:pt x="440" y="147"/>
                  <a:pt x="440" y="147"/>
                  <a:pt x="440" y="147"/>
                </a:cubicBezTo>
                <a:cubicBezTo>
                  <a:pt x="440" y="147"/>
                  <a:pt x="440" y="147"/>
                  <a:pt x="440" y="146"/>
                </a:cubicBezTo>
                <a:cubicBezTo>
                  <a:pt x="440" y="146"/>
                  <a:pt x="440" y="145"/>
                  <a:pt x="440" y="144"/>
                </a:cubicBezTo>
                <a:cubicBezTo>
                  <a:pt x="440" y="144"/>
                  <a:pt x="440" y="144"/>
                  <a:pt x="440" y="14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8" name="Freeform 159"/>
          <p:cNvSpPr>
            <a:spLocks/>
          </p:cNvSpPr>
          <p:nvPr userDrawn="1"/>
        </p:nvSpPr>
        <p:spPr bwMode="auto">
          <a:xfrm>
            <a:off x="1745233" y="1165625"/>
            <a:ext cx="711200" cy="512762"/>
          </a:xfrm>
          <a:custGeom>
            <a:avLst/>
            <a:gdLst/>
            <a:ahLst/>
            <a:cxnLst>
              <a:cxn ang="0">
                <a:pos x="218" y="426"/>
              </a:cxn>
              <a:cxn ang="0">
                <a:pos x="411" y="426"/>
              </a:cxn>
              <a:cxn ang="0">
                <a:pos x="354" y="398"/>
              </a:cxn>
              <a:cxn ang="0">
                <a:pos x="322" y="381"/>
              </a:cxn>
              <a:cxn ang="0">
                <a:pos x="322" y="15"/>
              </a:cxn>
              <a:cxn ang="0">
                <a:pos x="337" y="0"/>
              </a:cxn>
              <a:cxn ang="0">
                <a:pos x="514" y="0"/>
              </a:cxn>
              <a:cxn ang="0">
                <a:pos x="527" y="21"/>
              </a:cxn>
              <a:cxn ang="0">
                <a:pos x="437" y="256"/>
              </a:cxn>
              <a:cxn ang="0">
                <a:pos x="517" y="277"/>
              </a:cxn>
              <a:cxn ang="0">
                <a:pos x="597" y="250"/>
              </a:cxn>
              <a:cxn ang="0">
                <a:pos x="526" y="75"/>
              </a:cxn>
              <a:cxn ang="0">
                <a:pos x="552" y="61"/>
              </a:cxn>
              <a:cxn ang="0">
                <a:pos x="628" y="245"/>
              </a:cxn>
              <a:cxn ang="0">
                <a:pos x="627" y="261"/>
              </a:cxn>
              <a:cxn ang="0">
                <a:pos x="517" y="306"/>
              </a:cxn>
              <a:cxn ang="0">
                <a:pos x="435" y="288"/>
              </a:cxn>
              <a:cxn ang="0">
                <a:pos x="406" y="253"/>
              </a:cxn>
              <a:cxn ang="0">
                <a:pos x="491" y="29"/>
              </a:cxn>
              <a:cxn ang="0">
                <a:pos x="351" y="29"/>
              </a:cxn>
              <a:cxn ang="0">
                <a:pos x="351" y="368"/>
              </a:cxn>
              <a:cxn ang="0">
                <a:pos x="436" y="410"/>
              </a:cxn>
              <a:cxn ang="0">
                <a:pos x="441" y="456"/>
              </a:cxn>
              <a:cxn ang="0">
                <a:pos x="189" y="456"/>
              </a:cxn>
              <a:cxn ang="0">
                <a:pos x="193" y="410"/>
              </a:cxn>
              <a:cxn ang="0">
                <a:pos x="278" y="368"/>
              </a:cxn>
              <a:cxn ang="0">
                <a:pos x="278" y="29"/>
              </a:cxn>
              <a:cxn ang="0">
                <a:pos x="139" y="29"/>
              </a:cxn>
              <a:cxn ang="0">
                <a:pos x="224" y="253"/>
              </a:cxn>
              <a:cxn ang="0">
                <a:pos x="194" y="288"/>
              </a:cxn>
              <a:cxn ang="0">
                <a:pos x="112" y="306"/>
              </a:cxn>
              <a:cxn ang="0">
                <a:pos x="3" y="261"/>
              </a:cxn>
              <a:cxn ang="0">
                <a:pos x="2" y="245"/>
              </a:cxn>
              <a:cxn ang="0">
                <a:pos x="78" y="61"/>
              </a:cxn>
              <a:cxn ang="0">
                <a:pos x="103" y="75"/>
              </a:cxn>
              <a:cxn ang="0">
                <a:pos x="33" y="250"/>
              </a:cxn>
              <a:cxn ang="0">
                <a:pos x="112" y="277"/>
              </a:cxn>
              <a:cxn ang="0">
                <a:pos x="192" y="256"/>
              </a:cxn>
              <a:cxn ang="0">
                <a:pos x="102" y="21"/>
              </a:cxn>
              <a:cxn ang="0">
                <a:pos x="115" y="0"/>
              </a:cxn>
              <a:cxn ang="0">
                <a:pos x="293" y="0"/>
              </a:cxn>
              <a:cxn ang="0">
                <a:pos x="307" y="15"/>
              </a:cxn>
              <a:cxn ang="0">
                <a:pos x="307" y="381"/>
              </a:cxn>
              <a:cxn ang="0">
                <a:pos x="275" y="398"/>
              </a:cxn>
              <a:cxn ang="0">
                <a:pos x="218" y="426"/>
              </a:cxn>
            </a:cxnLst>
            <a:rect l="0" t="0" r="r" b="b"/>
            <a:pathLst>
              <a:path w="630" h="456">
                <a:moveTo>
                  <a:pt x="218" y="426"/>
                </a:moveTo>
                <a:cubicBezTo>
                  <a:pt x="411" y="426"/>
                  <a:pt x="411" y="426"/>
                  <a:pt x="411" y="426"/>
                </a:cubicBezTo>
                <a:cubicBezTo>
                  <a:pt x="392" y="406"/>
                  <a:pt x="370" y="399"/>
                  <a:pt x="354" y="398"/>
                </a:cubicBezTo>
                <a:cubicBezTo>
                  <a:pt x="343" y="397"/>
                  <a:pt x="322" y="398"/>
                  <a:pt x="322" y="381"/>
                </a:cubicBezTo>
                <a:cubicBezTo>
                  <a:pt x="322" y="15"/>
                  <a:pt x="322" y="15"/>
                  <a:pt x="322" y="15"/>
                </a:cubicBezTo>
                <a:cubicBezTo>
                  <a:pt x="322" y="7"/>
                  <a:pt x="329" y="0"/>
                  <a:pt x="337" y="0"/>
                </a:cubicBezTo>
                <a:cubicBezTo>
                  <a:pt x="514" y="0"/>
                  <a:pt x="514" y="0"/>
                  <a:pt x="514" y="0"/>
                </a:cubicBezTo>
                <a:cubicBezTo>
                  <a:pt x="527" y="0"/>
                  <a:pt x="533" y="10"/>
                  <a:pt x="527" y="21"/>
                </a:cubicBezTo>
                <a:cubicBezTo>
                  <a:pt x="437" y="256"/>
                  <a:pt x="437" y="256"/>
                  <a:pt x="437" y="256"/>
                </a:cubicBezTo>
                <a:cubicBezTo>
                  <a:pt x="460" y="271"/>
                  <a:pt x="490" y="277"/>
                  <a:pt x="517" y="277"/>
                </a:cubicBezTo>
                <a:cubicBezTo>
                  <a:pt x="545" y="277"/>
                  <a:pt x="575" y="269"/>
                  <a:pt x="597" y="250"/>
                </a:cubicBezTo>
                <a:cubicBezTo>
                  <a:pt x="526" y="75"/>
                  <a:pt x="526" y="75"/>
                  <a:pt x="526" y="75"/>
                </a:cubicBezTo>
                <a:cubicBezTo>
                  <a:pt x="516" y="58"/>
                  <a:pt x="542" y="44"/>
                  <a:pt x="552" y="61"/>
                </a:cubicBezTo>
                <a:cubicBezTo>
                  <a:pt x="628" y="245"/>
                  <a:pt x="628" y="245"/>
                  <a:pt x="628" y="245"/>
                </a:cubicBezTo>
                <a:cubicBezTo>
                  <a:pt x="630" y="249"/>
                  <a:pt x="629" y="258"/>
                  <a:pt x="627" y="261"/>
                </a:cubicBezTo>
                <a:cubicBezTo>
                  <a:pt x="604" y="293"/>
                  <a:pt x="552" y="306"/>
                  <a:pt x="517" y="306"/>
                </a:cubicBezTo>
                <a:cubicBezTo>
                  <a:pt x="480" y="306"/>
                  <a:pt x="453" y="297"/>
                  <a:pt x="435" y="288"/>
                </a:cubicBezTo>
                <a:cubicBezTo>
                  <a:pt x="425" y="283"/>
                  <a:pt x="398" y="269"/>
                  <a:pt x="406" y="253"/>
                </a:cubicBezTo>
                <a:cubicBezTo>
                  <a:pt x="491" y="29"/>
                  <a:pt x="491" y="29"/>
                  <a:pt x="491" y="29"/>
                </a:cubicBezTo>
                <a:cubicBezTo>
                  <a:pt x="351" y="29"/>
                  <a:pt x="351" y="29"/>
                  <a:pt x="351" y="29"/>
                </a:cubicBezTo>
                <a:cubicBezTo>
                  <a:pt x="351" y="368"/>
                  <a:pt x="351" y="368"/>
                  <a:pt x="351" y="368"/>
                </a:cubicBezTo>
                <a:cubicBezTo>
                  <a:pt x="396" y="375"/>
                  <a:pt x="423" y="395"/>
                  <a:pt x="436" y="410"/>
                </a:cubicBezTo>
                <a:cubicBezTo>
                  <a:pt x="442" y="418"/>
                  <a:pt x="475" y="456"/>
                  <a:pt x="441" y="456"/>
                </a:cubicBezTo>
                <a:cubicBezTo>
                  <a:pt x="189" y="456"/>
                  <a:pt x="189" y="456"/>
                  <a:pt x="189" y="456"/>
                </a:cubicBezTo>
                <a:cubicBezTo>
                  <a:pt x="155" y="456"/>
                  <a:pt x="186" y="417"/>
                  <a:pt x="193" y="410"/>
                </a:cubicBezTo>
                <a:cubicBezTo>
                  <a:pt x="211" y="394"/>
                  <a:pt x="242" y="373"/>
                  <a:pt x="278" y="368"/>
                </a:cubicBezTo>
                <a:cubicBezTo>
                  <a:pt x="278" y="29"/>
                  <a:pt x="278" y="29"/>
                  <a:pt x="278" y="29"/>
                </a:cubicBezTo>
                <a:cubicBezTo>
                  <a:pt x="139" y="29"/>
                  <a:pt x="139" y="29"/>
                  <a:pt x="139" y="29"/>
                </a:cubicBezTo>
                <a:cubicBezTo>
                  <a:pt x="224" y="253"/>
                  <a:pt x="224" y="253"/>
                  <a:pt x="224" y="253"/>
                </a:cubicBezTo>
                <a:cubicBezTo>
                  <a:pt x="232" y="269"/>
                  <a:pt x="204" y="283"/>
                  <a:pt x="194" y="288"/>
                </a:cubicBezTo>
                <a:cubicBezTo>
                  <a:pt x="176" y="297"/>
                  <a:pt x="149" y="306"/>
                  <a:pt x="112" y="306"/>
                </a:cubicBezTo>
                <a:cubicBezTo>
                  <a:pt x="77" y="306"/>
                  <a:pt x="25" y="293"/>
                  <a:pt x="3" y="261"/>
                </a:cubicBezTo>
                <a:cubicBezTo>
                  <a:pt x="0" y="258"/>
                  <a:pt x="0" y="249"/>
                  <a:pt x="2" y="245"/>
                </a:cubicBezTo>
                <a:cubicBezTo>
                  <a:pt x="78" y="61"/>
                  <a:pt x="78" y="61"/>
                  <a:pt x="78" y="61"/>
                </a:cubicBezTo>
                <a:cubicBezTo>
                  <a:pt x="87" y="44"/>
                  <a:pt x="113" y="58"/>
                  <a:pt x="103" y="75"/>
                </a:cubicBezTo>
                <a:cubicBezTo>
                  <a:pt x="33" y="250"/>
                  <a:pt x="33" y="250"/>
                  <a:pt x="33" y="250"/>
                </a:cubicBezTo>
                <a:cubicBezTo>
                  <a:pt x="54" y="269"/>
                  <a:pt x="84" y="277"/>
                  <a:pt x="112" y="277"/>
                </a:cubicBezTo>
                <a:cubicBezTo>
                  <a:pt x="140" y="277"/>
                  <a:pt x="169" y="271"/>
                  <a:pt x="192" y="256"/>
                </a:cubicBezTo>
                <a:cubicBezTo>
                  <a:pt x="102" y="21"/>
                  <a:pt x="102" y="21"/>
                  <a:pt x="102" y="21"/>
                </a:cubicBezTo>
                <a:cubicBezTo>
                  <a:pt x="96" y="10"/>
                  <a:pt x="102" y="0"/>
                  <a:pt x="115" y="0"/>
                </a:cubicBezTo>
                <a:cubicBezTo>
                  <a:pt x="293" y="0"/>
                  <a:pt x="293" y="0"/>
                  <a:pt x="293" y="0"/>
                </a:cubicBezTo>
                <a:cubicBezTo>
                  <a:pt x="300" y="0"/>
                  <a:pt x="307" y="7"/>
                  <a:pt x="307" y="15"/>
                </a:cubicBezTo>
                <a:cubicBezTo>
                  <a:pt x="307" y="381"/>
                  <a:pt x="307" y="381"/>
                  <a:pt x="307" y="381"/>
                </a:cubicBezTo>
                <a:cubicBezTo>
                  <a:pt x="307" y="398"/>
                  <a:pt x="286" y="396"/>
                  <a:pt x="275" y="398"/>
                </a:cubicBezTo>
                <a:cubicBezTo>
                  <a:pt x="256" y="402"/>
                  <a:pt x="234" y="412"/>
                  <a:pt x="218" y="42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9" name="Freeform 226"/>
          <p:cNvSpPr>
            <a:spLocks/>
          </p:cNvSpPr>
          <p:nvPr userDrawn="1"/>
        </p:nvSpPr>
        <p:spPr bwMode="auto">
          <a:xfrm>
            <a:off x="1845246" y="4401630"/>
            <a:ext cx="511175" cy="519113"/>
          </a:xfrm>
          <a:custGeom>
            <a:avLst/>
            <a:gdLst/>
            <a:ahLst/>
            <a:cxnLst>
              <a:cxn ang="0">
                <a:pos x="167" y="32"/>
              </a:cxn>
              <a:cxn ang="0">
                <a:pos x="110" y="81"/>
              </a:cxn>
              <a:cxn ang="0">
                <a:pos x="42" y="119"/>
              </a:cxn>
              <a:cxn ang="0">
                <a:pos x="68" y="178"/>
              </a:cxn>
              <a:cxn ang="0">
                <a:pos x="38" y="206"/>
              </a:cxn>
              <a:cxn ang="0">
                <a:pos x="7" y="267"/>
              </a:cxn>
              <a:cxn ang="0">
                <a:pos x="79" y="305"/>
              </a:cxn>
              <a:cxn ang="0">
                <a:pos x="89" y="337"/>
              </a:cxn>
              <a:cxn ang="0">
                <a:pos x="68" y="386"/>
              </a:cxn>
              <a:cxn ang="0">
                <a:pos x="127" y="412"/>
              </a:cxn>
              <a:cxn ang="0">
                <a:pos x="205" y="402"/>
              </a:cxn>
              <a:cxn ang="0">
                <a:pos x="262" y="449"/>
              </a:cxn>
              <a:cxn ang="0">
                <a:pos x="300" y="378"/>
              </a:cxn>
              <a:cxn ang="0">
                <a:pos x="349" y="390"/>
              </a:cxn>
              <a:cxn ang="0">
                <a:pos x="407" y="329"/>
              </a:cxn>
              <a:cxn ang="0">
                <a:pos x="383" y="260"/>
              </a:cxn>
              <a:cxn ang="0">
                <a:pos x="444" y="194"/>
              </a:cxn>
              <a:cxn ang="0">
                <a:pos x="276" y="171"/>
              </a:cxn>
              <a:cxn ang="0">
                <a:pos x="271" y="190"/>
              </a:cxn>
              <a:cxn ang="0">
                <a:pos x="235" y="291"/>
              </a:cxn>
              <a:cxn ang="0">
                <a:pos x="227" y="155"/>
              </a:cxn>
              <a:cxn ang="0">
                <a:pos x="239" y="317"/>
              </a:cxn>
              <a:cxn ang="0">
                <a:pos x="302" y="189"/>
              </a:cxn>
              <a:cxn ang="0">
                <a:pos x="422" y="216"/>
              </a:cxn>
              <a:cxn ang="0">
                <a:pos x="353" y="272"/>
              </a:cxn>
              <a:cxn ang="0">
                <a:pos x="381" y="337"/>
              </a:cxn>
              <a:cxn ang="0">
                <a:pos x="364" y="365"/>
              </a:cxn>
              <a:cxn ang="0">
                <a:pos x="273" y="375"/>
              </a:cxn>
              <a:cxn ang="0">
                <a:pos x="250" y="425"/>
              </a:cxn>
              <a:cxn ang="0">
                <a:pos x="231" y="397"/>
              </a:cxn>
              <a:cxn ang="0">
                <a:pos x="159" y="365"/>
              </a:cxn>
              <a:cxn ang="0">
                <a:pos x="92" y="374"/>
              </a:cxn>
              <a:cxn ang="0">
                <a:pos x="120" y="325"/>
              </a:cxn>
              <a:cxn ang="0">
                <a:pos x="83" y="279"/>
              </a:cxn>
              <a:cxn ang="0">
                <a:pos x="28" y="244"/>
              </a:cxn>
              <a:cxn ang="0">
                <a:pos x="89" y="216"/>
              </a:cxn>
              <a:cxn ang="0">
                <a:pos x="90" y="164"/>
              </a:cxn>
              <a:cxn ang="0">
                <a:pos x="70" y="110"/>
              </a:cxn>
              <a:cxn ang="0">
                <a:pos x="177" y="89"/>
              </a:cxn>
              <a:cxn ang="0">
                <a:pos x="200" y="36"/>
              </a:cxn>
              <a:cxn ang="0">
                <a:pos x="220" y="64"/>
              </a:cxn>
              <a:cxn ang="0">
                <a:pos x="292" y="95"/>
              </a:cxn>
              <a:cxn ang="0">
                <a:pos x="359" y="87"/>
              </a:cxn>
              <a:cxn ang="0">
                <a:pos x="338" y="114"/>
              </a:cxn>
              <a:cxn ang="0">
                <a:pos x="375" y="115"/>
              </a:cxn>
              <a:cxn ang="0">
                <a:pos x="354" y="50"/>
              </a:cxn>
              <a:cxn ang="0">
                <a:pos x="278" y="72"/>
              </a:cxn>
              <a:cxn ang="0">
                <a:pos x="246" y="59"/>
              </a:cxn>
              <a:cxn ang="0">
                <a:pos x="189" y="12"/>
              </a:cxn>
            </a:cxnLst>
            <a:rect l="0" t="0" r="r" b="b"/>
            <a:pathLst>
              <a:path w="455" h="460">
                <a:moveTo>
                  <a:pt x="189" y="12"/>
                </a:moveTo>
                <a:cubicBezTo>
                  <a:pt x="180" y="16"/>
                  <a:pt x="172" y="23"/>
                  <a:pt x="167" y="31"/>
                </a:cubicBezTo>
                <a:cubicBezTo>
                  <a:pt x="167" y="32"/>
                  <a:pt x="167" y="32"/>
                  <a:pt x="167" y="32"/>
                </a:cubicBezTo>
                <a:cubicBezTo>
                  <a:pt x="159" y="49"/>
                  <a:pt x="153" y="66"/>
                  <a:pt x="151" y="83"/>
                </a:cubicBezTo>
                <a:cubicBezTo>
                  <a:pt x="148" y="90"/>
                  <a:pt x="142" y="96"/>
                  <a:pt x="135" y="98"/>
                </a:cubicBezTo>
                <a:cubicBezTo>
                  <a:pt x="123" y="100"/>
                  <a:pt x="112" y="92"/>
                  <a:pt x="110" y="81"/>
                </a:cubicBezTo>
                <a:cubicBezTo>
                  <a:pt x="109" y="76"/>
                  <a:pt x="106" y="72"/>
                  <a:pt x="101" y="71"/>
                </a:cubicBezTo>
                <a:cubicBezTo>
                  <a:pt x="79" y="63"/>
                  <a:pt x="54" y="77"/>
                  <a:pt x="45" y="101"/>
                </a:cubicBezTo>
                <a:cubicBezTo>
                  <a:pt x="43" y="107"/>
                  <a:pt x="42" y="113"/>
                  <a:pt x="42" y="119"/>
                </a:cubicBezTo>
                <a:cubicBezTo>
                  <a:pt x="42" y="123"/>
                  <a:pt x="42" y="127"/>
                  <a:pt x="43" y="131"/>
                </a:cubicBezTo>
                <a:cubicBezTo>
                  <a:pt x="44" y="131"/>
                  <a:pt x="44" y="132"/>
                  <a:pt x="44" y="132"/>
                </a:cubicBezTo>
                <a:cubicBezTo>
                  <a:pt x="50" y="149"/>
                  <a:pt x="58" y="165"/>
                  <a:pt x="68" y="178"/>
                </a:cubicBezTo>
                <a:cubicBezTo>
                  <a:pt x="70" y="182"/>
                  <a:pt x="71" y="185"/>
                  <a:pt x="71" y="189"/>
                </a:cubicBezTo>
                <a:cubicBezTo>
                  <a:pt x="71" y="193"/>
                  <a:pt x="70" y="197"/>
                  <a:pt x="67" y="201"/>
                </a:cubicBezTo>
                <a:cubicBezTo>
                  <a:pt x="61" y="210"/>
                  <a:pt x="48" y="213"/>
                  <a:pt x="38" y="206"/>
                </a:cubicBezTo>
                <a:cubicBezTo>
                  <a:pt x="34" y="204"/>
                  <a:pt x="29" y="203"/>
                  <a:pt x="25" y="205"/>
                </a:cubicBezTo>
                <a:cubicBezTo>
                  <a:pt x="15" y="210"/>
                  <a:pt x="8" y="218"/>
                  <a:pt x="4" y="229"/>
                </a:cubicBezTo>
                <a:cubicBezTo>
                  <a:pt x="0" y="241"/>
                  <a:pt x="1" y="255"/>
                  <a:pt x="7" y="267"/>
                </a:cubicBezTo>
                <a:cubicBezTo>
                  <a:pt x="11" y="276"/>
                  <a:pt x="18" y="283"/>
                  <a:pt x="26" y="289"/>
                </a:cubicBezTo>
                <a:cubicBezTo>
                  <a:pt x="27" y="289"/>
                  <a:pt x="27" y="289"/>
                  <a:pt x="27" y="289"/>
                </a:cubicBezTo>
                <a:cubicBezTo>
                  <a:pt x="44" y="297"/>
                  <a:pt x="62" y="303"/>
                  <a:pt x="79" y="305"/>
                </a:cubicBezTo>
                <a:cubicBezTo>
                  <a:pt x="78" y="305"/>
                  <a:pt x="78" y="305"/>
                  <a:pt x="77" y="305"/>
                </a:cubicBezTo>
                <a:cubicBezTo>
                  <a:pt x="85" y="307"/>
                  <a:pt x="91" y="313"/>
                  <a:pt x="93" y="321"/>
                </a:cubicBezTo>
                <a:cubicBezTo>
                  <a:pt x="94" y="327"/>
                  <a:pt x="93" y="332"/>
                  <a:pt x="89" y="337"/>
                </a:cubicBezTo>
                <a:cubicBezTo>
                  <a:pt x="86" y="342"/>
                  <a:pt x="81" y="345"/>
                  <a:pt x="76" y="346"/>
                </a:cubicBezTo>
                <a:cubicBezTo>
                  <a:pt x="71" y="347"/>
                  <a:pt x="67" y="350"/>
                  <a:pt x="66" y="355"/>
                </a:cubicBezTo>
                <a:cubicBezTo>
                  <a:pt x="62" y="365"/>
                  <a:pt x="63" y="376"/>
                  <a:pt x="68" y="386"/>
                </a:cubicBezTo>
                <a:cubicBezTo>
                  <a:pt x="73" y="397"/>
                  <a:pt x="84" y="406"/>
                  <a:pt x="96" y="411"/>
                </a:cubicBezTo>
                <a:cubicBezTo>
                  <a:pt x="106" y="414"/>
                  <a:pt x="116" y="415"/>
                  <a:pt x="126" y="412"/>
                </a:cubicBezTo>
                <a:cubicBezTo>
                  <a:pt x="126" y="412"/>
                  <a:pt x="127" y="412"/>
                  <a:pt x="127" y="412"/>
                </a:cubicBezTo>
                <a:cubicBezTo>
                  <a:pt x="144" y="406"/>
                  <a:pt x="159" y="398"/>
                  <a:pt x="173" y="388"/>
                </a:cubicBezTo>
                <a:cubicBezTo>
                  <a:pt x="180" y="384"/>
                  <a:pt x="189" y="384"/>
                  <a:pt x="196" y="388"/>
                </a:cubicBezTo>
                <a:cubicBezTo>
                  <a:pt x="200" y="392"/>
                  <a:pt x="204" y="396"/>
                  <a:pt x="205" y="402"/>
                </a:cubicBezTo>
                <a:cubicBezTo>
                  <a:pt x="206" y="407"/>
                  <a:pt x="205" y="413"/>
                  <a:pt x="201" y="418"/>
                </a:cubicBezTo>
                <a:cubicBezTo>
                  <a:pt x="199" y="422"/>
                  <a:pt x="198" y="427"/>
                  <a:pt x="200" y="431"/>
                </a:cubicBezTo>
                <a:cubicBezTo>
                  <a:pt x="211" y="452"/>
                  <a:pt x="238" y="460"/>
                  <a:pt x="262" y="449"/>
                </a:cubicBezTo>
                <a:cubicBezTo>
                  <a:pt x="271" y="445"/>
                  <a:pt x="278" y="438"/>
                  <a:pt x="284" y="429"/>
                </a:cubicBezTo>
                <a:cubicBezTo>
                  <a:pt x="284" y="429"/>
                  <a:pt x="284" y="429"/>
                  <a:pt x="284" y="428"/>
                </a:cubicBezTo>
                <a:cubicBezTo>
                  <a:pt x="292" y="412"/>
                  <a:pt x="297" y="396"/>
                  <a:pt x="300" y="378"/>
                </a:cubicBezTo>
                <a:cubicBezTo>
                  <a:pt x="302" y="370"/>
                  <a:pt x="308" y="365"/>
                  <a:pt x="316" y="363"/>
                </a:cubicBezTo>
                <a:cubicBezTo>
                  <a:pt x="327" y="361"/>
                  <a:pt x="338" y="368"/>
                  <a:pt x="341" y="380"/>
                </a:cubicBezTo>
                <a:cubicBezTo>
                  <a:pt x="342" y="384"/>
                  <a:pt x="345" y="388"/>
                  <a:pt x="349" y="390"/>
                </a:cubicBezTo>
                <a:cubicBezTo>
                  <a:pt x="372" y="398"/>
                  <a:pt x="397" y="384"/>
                  <a:pt x="405" y="359"/>
                </a:cubicBezTo>
                <a:cubicBezTo>
                  <a:pt x="409" y="350"/>
                  <a:pt x="409" y="339"/>
                  <a:pt x="407" y="330"/>
                </a:cubicBezTo>
                <a:cubicBezTo>
                  <a:pt x="407" y="330"/>
                  <a:pt x="407" y="329"/>
                  <a:pt x="407" y="329"/>
                </a:cubicBezTo>
                <a:cubicBezTo>
                  <a:pt x="400" y="311"/>
                  <a:pt x="392" y="295"/>
                  <a:pt x="382" y="281"/>
                </a:cubicBezTo>
                <a:cubicBezTo>
                  <a:pt x="382" y="282"/>
                  <a:pt x="382" y="282"/>
                  <a:pt x="383" y="282"/>
                </a:cubicBezTo>
                <a:cubicBezTo>
                  <a:pt x="379" y="275"/>
                  <a:pt x="379" y="267"/>
                  <a:pt x="383" y="260"/>
                </a:cubicBezTo>
                <a:cubicBezTo>
                  <a:pt x="390" y="250"/>
                  <a:pt x="403" y="248"/>
                  <a:pt x="413" y="254"/>
                </a:cubicBezTo>
                <a:cubicBezTo>
                  <a:pt x="417" y="257"/>
                  <a:pt x="422" y="257"/>
                  <a:pt x="426" y="255"/>
                </a:cubicBezTo>
                <a:cubicBezTo>
                  <a:pt x="447" y="245"/>
                  <a:pt x="455" y="218"/>
                  <a:pt x="444" y="194"/>
                </a:cubicBezTo>
                <a:cubicBezTo>
                  <a:pt x="440" y="185"/>
                  <a:pt x="433" y="177"/>
                  <a:pt x="424" y="172"/>
                </a:cubicBezTo>
                <a:cubicBezTo>
                  <a:pt x="424" y="172"/>
                  <a:pt x="424" y="172"/>
                  <a:pt x="423" y="172"/>
                </a:cubicBezTo>
                <a:cubicBezTo>
                  <a:pt x="373" y="148"/>
                  <a:pt x="322" y="148"/>
                  <a:pt x="276" y="171"/>
                </a:cubicBezTo>
                <a:cubicBezTo>
                  <a:pt x="273" y="173"/>
                  <a:pt x="271" y="176"/>
                  <a:pt x="270" y="180"/>
                </a:cubicBezTo>
                <a:cubicBezTo>
                  <a:pt x="269" y="183"/>
                  <a:pt x="269" y="187"/>
                  <a:pt x="271" y="190"/>
                </a:cubicBezTo>
                <a:cubicBezTo>
                  <a:pt x="271" y="190"/>
                  <a:pt x="271" y="190"/>
                  <a:pt x="271" y="190"/>
                </a:cubicBezTo>
                <a:cubicBezTo>
                  <a:pt x="272" y="191"/>
                  <a:pt x="272" y="191"/>
                  <a:pt x="272" y="192"/>
                </a:cubicBezTo>
                <a:cubicBezTo>
                  <a:pt x="279" y="200"/>
                  <a:pt x="284" y="210"/>
                  <a:pt x="285" y="221"/>
                </a:cubicBezTo>
                <a:cubicBezTo>
                  <a:pt x="291" y="254"/>
                  <a:pt x="268" y="285"/>
                  <a:pt x="235" y="291"/>
                </a:cubicBezTo>
                <a:cubicBezTo>
                  <a:pt x="202" y="296"/>
                  <a:pt x="171" y="273"/>
                  <a:pt x="165" y="240"/>
                </a:cubicBezTo>
                <a:cubicBezTo>
                  <a:pt x="160" y="207"/>
                  <a:pt x="182" y="176"/>
                  <a:pt x="216" y="170"/>
                </a:cubicBezTo>
                <a:cubicBezTo>
                  <a:pt x="223" y="169"/>
                  <a:pt x="228" y="162"/>
                  <a:pt x="227" y="155"/>
                </a:cubicBezTo>
                <a:cubicBezTo>
                  <a:pt x="225" y="148"/>
                  <a:pt x="218" y="143"/>
                  <a:pt x="211" y="144"/>
                </a:cubicBezTo>
                <a:cubicBezTo>
                  <a:pt x="164" y="152"/>
                  <a:pt x="131" y="197"/>
                  <a:pt x="139" y="245"/>
                </a:cubicBezTo>
                <a:cubicBezTo>
                  <a:pt x="147" y="292"/>
                  <a:pt x="192" y="325"/>
                  <a:pt x="239" y="317"/>
                </a:cubicBezTo>
                <a:cubicBezTo>
                  <a:pt x="282" y="310"/>
                  <a:pt x="313" y="273"/>
                  <a:pt x="313" y="230"/>
                </a:cubicBezTo>
                <a:cubicBezTo>
                  <a:pt x="313" y="226"/>
                  <a:pt x="312" y="221"/>
                  <a:pt x="312" y="216"/>
                </a:cubicBezTo>
                <a:cubicBezTo>
                  <a:pt x="310" y="207"/>
                  <a:pt x="307" y="197"/>
                  <a:pt x="302" y="189"/>
                </a:cubicBezTo>
                <a:cubicBezTo>
                  <a:pt x="337" y="176"/>
                  <a:pt x="373" y="178"/>
                  <a:pt x="411" y="195"/>
                </a:cubicBezTo>
                <a:cubicBezTo>
                  <a:pt x="415" y="197"/>
                  <a:pt x="418" y="201"/>
                  <a:pt x="420" y="205"/>
                </a:cubicBezTo>
                <a:cubicBezTo>
                  <a:pt x="422" y="209"/>
                  <a:pt x="422" y="213"/>
                  <a:pt x="422" y="216"/>
                </a:cubicBezTo>
                <a:cubicBezTo>
                  <a:pt x="422" y="221"/>
                  <a:pt x="421" y="225"/>
                  <a:pt x="419" y="228"/>
                </a:cubicBezTo>
                <a:cubicBezTo>
                  <a:pt x="398" y="219"/>
                  <a:pt x="374" y="226"/>
                  <a:pt x="361" y="245"/>
                </a:cubicBezTo>
                <a:cubicBezTo>
                  <a:pt x="356" y="253"/>
                  <a:pt x="353" y="262"/>
                  <a:pt x="353" y="272"/>
                </a:cubicBezTo>
                <a:cubicBezTo>
                  <a:pt x="353" y="280"/>
                  <a:pt x="355" y="288"/>
                  <a:pt x="360" y="296"/>
                </a:cubicBezTo>
                <a:cubicBezTo>
                  <a:pt x="360" y="296"/>
                  <a:pt x="360" y="297"/>
                  <a:pt x="360" y="297"/>
                </a:cubicBezTo>
                <a:cubicBezTo>
                  <a:pt x="369" y="308"/>
                  <a:pt x="376" y="322"/>
                  <a:pt x="381" y="337"/>
                </a:cubicBezTo>
                <a:cubicBezTo>
                  <a:pt x="382" y="338"/>
                  <a:pt x="382" y="340"/>
                  <a:pt x="382" y="342"/>
                </a:cubicBezTo>
                <a:cubicBezTo>
                  <a:pt x="382" y="345"/>
                  <a:pt x="381" y="348"/>
                  <a:pt x="380" y="350"/>
                </a:cubicBezTo>
                <a:cubicBezTo>
                  <a:pt x="377" y="359"/>
                  <a:pt x="371" y="364"/>
                  <a:pt x="364" y="365"/>
                </a:cubicBezTo>
                <a:cubicBezTo>
                  <a:pt x="355" y="345"/>
                  <a:pt x="333" y="332"/>
                  <a:pt x="311" y="337"/>
                </a:cubicBezTo>
                <a:cubicBezTo>
                  <a:pt x="293" y="340"/>
                  <a:pt x="278" y="354"/>
                  <a:pt x="274" y="372"/>
                </a:cubicBezTo>
                <a:cubicBezTo>
                  <a:pt x="273" y="373"/>
                  <a:pt x="273" y="374"/>
                  <a:pt x="273" y="375"/>
                </a:cubicBezTo>
                <a:cubicBezTo>
                  <a:pt x="273" y="374"/>
                  <a:pt x="273" y="374"/>
                  <a:pt x="273" y="373"/>
                </a:cubicBezTo>
                <a:cubicBezTo>
                  <a:pt x="271" y="388"/>
                  <a:pt x="267" y="402"/>
                  <a:pt x="261" y="416"/>
                </a:cubicBezTo>
                <a:cubicBezTo>
                  <a:pt x="258" y="420"/>
                  <a:pt x="255" y="423"/>
                  <a:pt x="250" y="425"/>
                </a:cubicBezTo>
                <a:cubicBezTo>
                  <a:pt x="242" y="429"/>
                  <a:pt x="233" y="428"/>
                  <a:pt x="228" y="424"/>
                </a:cubicBezTo>
                <a:cubicBezTo>
                  <a:pt x="230" y="418"/>
                  <a:pt x="232" y="412"/>
                  <a:pt x="232" y="406"/>
                </a:cubicBezTo>
                <a:cubicBezTo>
                  <a:pt x="232" y="403"/>
                  <a:pt x="231" y="400"/>
                  <a:pt x="231" y="397"/>
                </a:cubicBezTo>
                <a:cubicBezTo>
                  <a:pt x="228" y="384"/>
                  <a:pt x="221" y="373"/>
                  <a:pt x="211" y="366"/>
                </a:cubicBezTo>
                <a:cubicBezTo>
                  <a:pt x="195" y="356"/>
                  <a:pt x="176" y="355"/>
                  <a:pt x="160" y="365"/>
                </a:cubicBezTo>
                <a:cubicBezTo>
                  <a:pt x="159" y="365"/>
                  <a:pt x="159" y="365"/>
                  <a:pt x="159" y="365"/>
                </a:cubicBezTo>
                <a:cubicBezTo>
                  <a:pt x="147" y="374"/>
                  <a:pt x="133" y="381"/>
                  <a:pt x="119" y="386"/>
                </a:cubicBezTo>
                <a:cubicBezTo>
                  <a:pt x="115" y="387"/>
                  <a:pt x="110" y="387"/>
                  <a:pt x="105" y="386"/>
                </a:cubicBezTo>
                <a:cubicBezTo>
                  <a:pt x="99" y="383"/>
                  <a:pt x="94" y="379"/>
                  <a:pt x="92" y="374"/>
                </a:cubicBezTo>
                <a:cubicBezTo>
                  <a:pt x="91" y="373"/>
                  <a:pt x="91" y="371"/>
                  <a:pt x="91" y="369"/>
                </a:cubicBezTo>
                <a:cubicBezTo>
                  <a:pt x="99" y="366"/>
                  <a:pt x="106" y="360"/>
                  <a:pt x="112" y="352"/>
                </a:cubicBezTo>
                <a:cubicBezTo>
                  <a:pt x="117" y="344"/>
                  <a:pt x="120" y="335"/>
                  <a:pt x="120" y="325"/>
                </a:cubicBezTo>
                <a:cubicBezTo>
                  <a:pt x="120" y="322"/>
                  <a:pt x="119" y="319"/>
                  <a:pt x="119" y="316"/>
                </a:cubicBezTo>
                <a:cubicBezTo>
                  <a:pt x="115" y="298"/>
                  <a:pt x="102" y="284"/>
                  <a:pt x="84" y="279"/>
                </a:cubicBezTo>
                <a:cubicBezTo>
                  <a:pt x="84" y="279"/>
                  <a:pt x="83" y="279"/>
                  <a:pt x="83" y="279"/>
                </a:cubicBezTo>
                <a:cubicBezTo>
                  <a:pt x="69" y="277"/>
                  <a:pt x="54" y="272"/>
                  <a:pt x="40" y="265"/>
                </a:cubicBezTo>
                <a:cubicBezTo>
                  <a:pt x="36" y="263"/>
                  <a:pt x="33" y="260"/>
                  <a:pt x="31" y="255"/>
                </a:cubicBezTo>
                <a:cubicBezTo>
                  <a:pt x="29" y="252"/>
                  <a:pt x="28" y="248"/>
                  <a:pt x="28" y="244"/>
                </a:cubicBezTo>
                <a:cubicBezTo>
                  <a:pt x="28" y="242"/>
                  <a:pt x="29" y="240"/>
                  <a:pt x="29" y="238"/>
                </a:cubicBezTo>
                <a:cubicBezTo>
                  <a:pt x="30" y="236"/>
                  <a:pt x="31" y="235"/>
                  <a:pt x="32" y="233"/>
                </a:cubicBezTo>
                <a:cubicBezTo>
                  <a:pt x="52" y="241"/>
                  <a:pt x="77" y="235"/>
                  <a:pt x="89" y="216"/>
                </a:cubicBezTo>
                <a:cubicBezTo>
                  <a:pt x="95" y="208"/>
                  <a:pt x="97" y="198"/>
                  <a:pt x="97" y="189"/>
                </a:cubicBezTo>
                <a:cubicBezTo>
                  <a:pt x="97" y="181"/>
                  <a:pt x="95" y="172"/>
                  <a:pt x="91" y="165"/>
                </a:cubicBezTo>
                <a:cubicBezTo>
                  <a:pt x="91" y="164"/>
                  <a:pt x="90" y="164"/>
                  <a:pt x="90" y="164"/>
                </a:cubicBezTo>
                <a:cubicBezTo>
                  <a:pt x="82" y="152"/>
                  <a:pt x="75" y="139"/>
                  <a:pt x="69" y="124"/>
                </a:cubicBezTo>
                <a:cubicBezTo>
                  <a:pt x="69" y="122"/>
                  <a:pt x="69" y="121"/>
                  <a:pt x="69" y="119"/>
                </a:cubicBezTo>
                <a:cubicBezTo>
                  <a:pt x="69" y="116"/>
                  <a:pt x="69" y="113"/>
                  <a:pt x="70" y="110"/>
                </a:cubicBezTo>
                <a:cubicBezTo>
                  <a:pt x="73" y="102"/>
                  <a:pt x="80" y="96"/>
                  <a:pt x="87" y="96"/>
                </a:cubicBezTo>
                <a:cubicBezTo>
                  <a:pt x="95" y="116"/>
                  <a:pt x="117" y="128"/>
                  <a:pt x="140" y="124"/>
                </a:cubicBezTo>
                <a:cubicBezTo>
                  <a:pt x="158" y="120"/>
                  <a:pt x="172" y="107"/>
                  <a:pt x="177" y="89"/>
                </a:cubicBezTo>
                <a:cubicBezTo>
                  <a:pt x="177" y="89"/>
                  <a:pt x="177" y="88"/>
                  <a:pt x="177" y="88"/>
                </a:cubicBezTo>
                <a:cubicBezTo>
                  <a:pt x="179" y="74"/>
                  <a:pt x="183" y="59"/>
                  <a:pt x="190" y="45"/>
                </a:cubicBezTo>
                <a:cubicBezTo>
                  <a:pt x="193" y="41"/>
                  <a:pt x="196" y="38"/>
                  <a:pt x="200" y="36"/>
                </a:cubicBezTo>
                <a:cubicBezTo>
                  <a:pt x="208" y="32"/>
                  <a:pt x="217" y="33"/>
                  <a:pt x="223" y="37"/>
                </a:cubicBezTo>
                <a:cubicBezTo>
                  <a:pt x="220" y="43"/>
                  <a:pt x="219" y="49"/>
                  <a:pt x="219" y="55"/>
                </a:cubicBezTo>
                <a:cubicBezTo>
                  <a:pt x="219" y="58"/>
                  <a:pt x="219" y="61"/>
                  <a:pt x="220" y="64"/>
                </a:cubicBezTo>
                <a:cubicBezTo>
                  <a:pt x="222" y="77"/>
                  <a:pt x="230" y="87"/>
                  <a:pt x="240" y="94"/>
                </a:cubicBezTo>
                <a:cubicBezTo>
                  <a:pt x="254" y="104"/>
                  <a:pt x="273" y="105"/>
                  <a:pt x="288" y="97"/>
                </a:cubicBezTo>
                <a:cubicBezTo>
                  <a:pt x="289" y="97"/>
                  <a:pt x="291" y="96"/>
                  <a:pt x="292" y="95"/>
                </a:cubicBezTo>
                <a:cubicBezTo>
                  <a:pt x="303" y="87"/>
                  <a:pt x="317" y="80"/>
                  <a:pt x="332" y="74"/>
                </a:cubicBezTo>
                <a:cubicBezTo>
                  <a:pt x="336" y="73"/>
                  <a:pt x="341" y="74"/>
                  <a:pt x="345" y="75"/>
                </a:cubicBezTo>
                <a:cubicBezTo>
                  <a:pt x="351" y="77"/>
                  <a:pt x="356" y="81"/>
                  <a:pt x="359" y="87"/>
                </a:cubicBezTo>
                <a:cubicBezTo>
                  <a:pt x="359" y="88"/>
                  <a:pt x="360" y="90"/>
                  <a:pt x="360" y="92"/>
                </a:cubicBezTo>
                <a:cubicBezTo>
                  <a:pt x="353" y="95"/>
                  <a:pt x="346" y="100"/>
                  <a:pt x="341" y="106"/>
                </a:cubicBezTo>
                <a:cubicBezTo>
                  <a:pt x="339" y="108"/>
                  <a:pt x="338" y="111"/>
                  <a:pt x="338" y="114"/>
                </a:cubicBezTo>
                <a:cubicBezTo>
                  <a:pt x="338" y="118"/>
                  <a:pt x="340" y="122"/>
                  <a:pt x="344" y="125"/>
                </a:cubicBezTo>
                <a:cubicBezTo>
                  <a:pt x="349" y="129"/>
                  <a:pt x="358" y="128"/>
                  <a:pt x="362" y="122"/>
                </a:cubicBezTo>
                <a:cubicBezTo>
                  <a:pt x="365" y="118"/>
                  <a:pt x="370" y="116"/>
                  <a:pt x="375" y="115"/>
                </a:cubicBezTo>
                <a:cubicBezTo>
                  <a:pt x="379" y="114"/>
                  <a:pt x="383" y="111"/>
                  <a:pt x="385" y="106"/>
                </a:cubicBezTo>
                <a:cubicBezTo>
                  <a:pt x="388" y="96"/>
                  <a:pt x="388" y="85"/>
                  <a:pt x="383" y="75"/>
                </a:cubicBezTo>
                <a:cubicBezTo>
                  <a:pt x="377" y="64"/>
                  <a:pt x="367" y="54"/>
                  <a:pt x="354" y="50"/>
                </a:cubicBezTo>
                <a:cubicBezTo>
                  <a:pt x="345" y="47"/>
                  <a:pt x="334" y="46"/>
                  <a:pt x="325" y="48"/>
                </a:cubicBezTo>
                <a:cubicBezTo>
                  <a:pt x="325" y="49"/>
                  <a:pt x="324" y="49"/>
                  <a:pt x="324" y="49"/>
                </a:cubicBezTo>
                <a:cubicBezTo>
                  <a:pt x="307" y="55"/>
                  <a:pt x="291" y="63"/>
                  <a:pt x="278" y="72"/>
                </a:cubicBezTo>
                <a:cubicBezTo>
                  <a:pt x="278" y="73"/>
                  <a:pt x="278" y="73"/>
                  <a:pt x="277" y="73"/>
                </a:cubicBezTo>
                <a:cubicBezTo>
                  <a:pt x="270" y="77"/>
                  <a:pt x="262" y="77"/>
                  <a:pt x="255" y="72"/>
                </a:cubicBezTo>
                <a:cubicBezTo>
                  <a:pt x="250" y="69"/>
                  <a:pt x="247" y="64"/>
                  <a:pt x="246" y="59"/>
                </a:cubicBezTo>
                <a:cubicBezTo>
                  <a:pt x="245" y="53"/>
                  <a:pt x="246" y="48"/>
                  <a:pt x="249" y="43"/>
                </a:cubicBezTo>
                <a:cubicBezTo>
                  <a:pt x="252" y="39"/>
                  <a:pt x="252" y="34"/>
                  <a:pt x="250" y="30"/>
                </a:cubicBezTo>
                <a:cubicBezTo>
                  <a:pt x="240" y="8"/>
                  <a:pt x="213" y="0"/>
                  <a:pt x="189" y="1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3" name="Freeform 247"/>
          <p:cNvSpPr>
            <a:spLocks/>
          </p:cNvSpPr>
          <p:nvPr userDrawn="1"/>
        </p:nvSpPr>
        <p:spPr bwMode="auto">
          <a:xfrm>
            <a:off x="1892871" y="2385436"/>
            <a:ext cx="415925" cy="512763"/>
          </a:xfrm>
          <a:custGeom>
            <a:avLst/>
            <a:gdLst/>
            <a:ahLst/>
            <a:cxnLst>
              <a:cxn ang="0">
                <a:pos x="305" y="0"/>
              </a:cxn>
              <a:cxn ang="0">
                <a:pos x="292" y="13"/>
              </a:cxn>
              <a:cxn ang="0">
                <a:pos x="283" y="299"/>
              </a:cxn>
              <a:cxn ang="0">
                <a:pos x="208" y="299"/>
              </a:cxn>
              <a:cxn ang="0">
                <a:pos x="202" y="102"/>
              </a:cxn>
              <a:cxn ang="0">
                <a:pos x="189" y="89"/>
              </a:cxn>
              <a:cxn ang="0">
                <a:pos x="148" y="89"/>
              </a:cxn>
              <a:cxn ang="0">
                <a:pos x="134" y="102"/>
              </a:cxn>
              <a:cxn ang="0">
                <a:pos x="128" y="299"/>
              </a:cxn>
              <a:cxn ang="0">
                <a:pos x="66" y="299"/>
              </a:cxn>
              <a:cxn ang="0">
                <a:pos x="56" y="304"/>
              </a:cxn>
              <a:cxn ang="0">
                <a:pos x="3" y="376"/>
              </a:cxn>
              <a:cxn ang="0">
                <a:pos x="0" y="384"/>
              </a:cxn>
              <a:cxn ang="0">
                <a:pos x="0" y="443"/>
              </a:cxn>
              <a:cxn ang="0">
                <a:pos x="14" y="457"/>
              </a:cxn>
              <a:cxn ang="0">
                <a:pos x="27" y="443"/>
              </a:cxn>
              <a:cxn ang="0">
                <a:pos x="27" y="388"/>
              </a:cxn>
              <a:cxn ang="0">
                <a:pos x="73" y="326"/>
              </a:cxn>
              <a:cxn ang="0">
                <a:pos x="141" y="326"/>
              </a:cxn>
              <a:cxn ang="0">
                <a:pos x="155" y="313"/>
              </a:cxn>
              <a:cxn ang="0">
                <a:pos x="160" y="116"/>
              </a:cxn>
              <a:cxn ang="0">
                <a:pos x="176" y="116"/>
              </a:cxn>
              <a:cxn ang="0">
                <a:pos x="182" y="313"/>
              </a:cxn>
              <a:cxn ang="0">
                <a:pos x="195" y="326"/>
              </a:cxn>
              <a:cxn ang="0">
                <a:pos x="296" y="326"/>
              </a:cxn>
              <a:cxn ang="0">
                <a:pos x="310" y="313"/>
              </a:cxn>
              <a:cxn ang="0">
                <a:pos x="318" y="27"/>
              </a:cxn>
              <a:cxn ang="0">
                <a:pos x="333" y="27"/>
              </a:cxn>
              <a:cxn ang="0">
                <a:pos x="342" y="443"/>
              </a:cxn>
              <a:cxn ang="0">
                <a:pos x="355" y="457"/>
              </a:cxn>
              <a:cxn ang="0">
                <a:pos x="368" y="443"/>
              </a:cxn>
              <a:cxn ang="0">
                <a:pos x="360" y="13"/>
              </a:cxn>
              <a:cxn ang="0">
                <a:pos x="346" y="0"/>
              </a:cxn>
              <a:cxn ang="0">
                <a:pos x="305" y="0"/>
              </a:cxn>
            </a:cxnLst>
            <a:rect l="0" t="0" r="r" b="b"/>
            <a:pathLst>
              <a:path w="368" h="457">
                <a:moveTo>
                  <a:pt x="305" y="0"/>
                </a:moveTo>
                <a:cubicBezTo>
                  <a:pt x="298" y="0"/>
                  <a:pt x="292" y="6"/>
                  <a:pt x="292" y="13"/>
                </a:cubicBezTo>
                <a:cubicBezTo>
                  <a:pt x="292" y="13"/>
                  <a:pt x="284" y="275"/>
                  <a:pt x="283" y="299"/>
                </a:cubicBezTo>
                <a:cubicBezTo>
                  <a:pt x="267" y="299"/>
                  <a:pt x="225" y="299"/>
                  <a:pt x="208" y="299"/>
                </a:cubicBezTo>
                <a:cubicBezTo>
                  <a:pt x="207" y="276"/>
                  <a:pt x="202" y="102"/>
                  <a:pt x="202" y="102"/>
                </a:cubicBezTo>
                <a:cubicBezTo>
                  <a:pt x="202" y="95"/>
                  <a:pt x="196" y="89"/>
                  <a:pt x="189" y="89"/>
                </a:cubicBezTo>
                <a:cubicBezTo>
                  <a:pt x="148" y="89"/>
                  <a:pt x="148" y="89"/>
                  <a:pt x="148" y="89"/>
                </a:cubicBezTo>
                <a:cubicBezTo>
                  <a:pt x="140" y="89"/>
                  <a:pt x="134" y="95"/>
                  <a:pt x="134" y="102"/>
                </a:cubicBezTo>
                <a:cubicBezTo>
                  <a:pt x="134" y="102"/>
                  <a:pt x="129" y="276"/>
                  <a:pt x="128" y="299"/>
                </a:cubicBezTo>
                <a:cubicBezTo>
                  <a:pt x="111" y="299"/>
                  <a:pt x="66" y="299"/>
                  <a:pt x="66" y="299"/>
                </a:cubicBezTo>
                <a:cubicBezTo>
                  <a:pt x="62" y="299"/>
                  <a:pt x="58" y="301"/>
                  <a:pt x="56" y="304"/>
                </a:cubicBezTo>
                <a:cubicBezTo>
                  <a:pt x="3" y="376"/>
                  <a:pt x="3" y="376"/>
                  <a:pt x="3" y="376"/>
                </a:cubicBezTo>
                <a:cubicBezTo>
                  <a:pt x="1" y="378"/>
                  <a:pt x="0" y="381"/>
                  <a:pt x="0" y="384"/>
                </a:cubicBezTo>
                <a:cubicBezTo>
                  <a:pt x="0" y="443"/>
                  <a:pt x="0" y="443"/>
                  <a:pt x="0" y="443"/>
                </a:cubicBezTo>
                <a:cubicBezTo>
                  <a:pt x="0" y="451"/>
                  <a:pt x="6" y="457"/>
                  <a:pt x="14" y="457"/>
                </a:cubicBezTo>
                <a:cubicBezTo>
                  <a:pt x="21" y="457"/>
                  <a:pt x="27" y="451"/>
                  <a:pt x="27" y="443"/>
                </a:cubicBezTo>
                <a:cubicBezTo>
                  <a:pt x="27" y="443"/>
                  <a:pt x="27" y="396"/>
                  <a:pt x="27" y="388"/>
                </a:cubicBezTo>
                <a:cubicBezTo>
                  <a:pt x="31" y="382"/>
                  <a:pt x="67" y="334"/>
                  <a:pt x="73" y="326"/>
                </a:cubicBezTo>
                <a:cubicBezTo>
                  <a:pt x="84" y="326"/>
                  <a:pt x="141" y="326"/>
                  <a:pt x="141" y="326"/>
                </a:cubicBezTo>
                <a:cubicBezTo>
                  <a:pt x="149" y="326"/>
                  <a:pt x="155" y="320"/>
                  <a:pt x="155" y="313"/>
                </a:cubicBezTo>
                <a:cubicBezTo>
                  <a:pt x="155" y="313"/>
                  <a:pt x="160" y="138"/>
                  <a:pt x="160" y="116"/>
                </a:cubicBezTo>
                <a:cubicBezTo>
                  <a:pt x="167" y="116"/>
                  <a:pt x="169" y="116"/>
                  <a:pt x="176" y="116"/>
                </a:cubicBezTo>
                <a:cubicBezTo>
                  <a:pt x="176" y="138"/>
                  <a:pt x="182" y="313"/>
                  <a:pt x="182" y="313"/>
                </a:cubicBezTo>
                <a:cubicBezTo>
                  <a:pt x="182" y="320"/>
                  <a:pt x="188" y="326"/>
                  <a:pt x="195" y="326"/>
                </a:cubicBezTo>
                <a:cubicBezTo>
                  <a:pt x="296" y="326"/>
                  <a:pt x="296" y="326"/>
                  <a:pt x="296" y="326"/>
                </a:cubicBezTo>
                <a:cubicBezTo>
                  <a:pt x="304" y="326"/>
                  <a:pt x="309" y="320"/>
                  <a:pt x="310" y="313"/>
                </a:cubicBezTo>
                <a:cubicBezTo>
                  <a:pt x="310" y="313"/>
                  <a:pt x="317" y="50"/>
                  <a:pt x="318" y="27"/>
                </a:cubicBezTo>
                <a:cubicBezTo>
                  <a:pt x="325" y="27"/>
                  <a:pt x="327" y="27"/>
                  <a:pt x="333" y="27"/>
                </a:cubicBezTo>
                <a:cubicBezTo>
                  <a:pt x="334" y="51"/>
                  <a:pt x="342" y="443"/>
                  <a:pt x="342" y="443"/>
                </a:cubicBezTo>
                <a:cubicBezTo>
                  <a:pt x="342" y="451"/>
                  <a:pt x="348" y="457"/>
                  <a:pt x="355" y="457"/>
                </a:cubicBezTo>
                <a:cubicBezTo>
                  <a:pt x="363" y="456"/>
                  <a:pt x="368" y="450"/>
                  <a:pt x="368" y="443"/>
                </a:cubicBezTo>
                <a:cubicBezTo>
                  <a:pt x="360" y="13"/>
                  <a:pt x="360" y="13"/>
                  <a:pt x="360" y="13"/>
                </a:cubicBezTo>
                <a:cubicBezTo>
                  <a:pt x="359" y="6"/>
                  <a:pt x="354" y="0"/>
                  <a:pt x="346" y="0"/>
                </a:cubicBezTo>
                <a:lnTo>
                  <a:pt x="305" y="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10" name="Group 270"/>
          <p:cNvGrpSpPr>
            <a:grpSpLocks noChangeAspect="1"/>
          </p:cNvGrpSpPr>
          <p:nvPr userDrawn="1"/>
        </p:nvGrpSpPr>
        <p:grpSpPr bwMode="auto">
          <a:xfrm>
            <a:off x="1885727" y="3016358"/>
            <a:ext cx="430213" cy="463550"/>
            <a:chOff x="1543" y="1791"/>
            <a:chExt cx="271" cy="292"/>
          </a:xfrm>
          <a:noFill/>
        </p:grpSpPr>
        <p:sp>
          <p:nvSpPr>
            <p:cNvPr id="115" name="Line 271"/>
            <p:cNvSpPr>
              <a:spLocks noChangeShapeType="1"/>
            </p:cNvSpPr>
            <p:nvPr/>
          </p:nvSpPr>
          <p:spPr bwMode="auto">
            <a:xfrm>
              <a:off x="1581" y="1894"/>
              <a:ext cx="1" cy="1"/>
            </a:xfrm>
            <a:prstGeom prst="line">
              <a:avLst/>
            </a:prstGeom>
            <a:grpFill/>
            <a:ln w="31750" cap="rnd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6" name="Freeform 272"/>
            <p:cNvSpPr>
              <a:spLocks/>
            </p:cNvSpPr>
            <p:nvPr/>
          </p:nvSpPr>
          <p:spPr bwMode="auto">
            <a:xfrm>
              <a:off x="1543" y="1791"/>
              <a:ext cx="271" cy="292"/>
            </a:xfrm>
            <a:custGeom>
              <a:avLst/>
              <a:gdLst/>
              <a:ahLst/>
              <a:cxnLst>
                <a:cxn ang="0">
                  <a:pos x="354" y="302"/>
                </a:cxn>
                <a:cxn ang="0">
                  <a:pos x="328" y="384"/>
                </a:cxn>
                <a:cxn ang="0">
                  <a:pos x="146" y="366"/>
                </a:cxn>
                <a:cxn ang="0">
                  <a:pos x="4" y="261"/>
                </a:cxn>
                <a:cxn ang="0">
                  <a:pos x="51" y="140"/>
                </a:cxn>
                <a:cxn ang="0">
                  <a:pos x="108" y="139"/>
                </a:cxn>
                <a:cxn ang="0">
                  <a:pos x="121" y="104"/>
                </a:cxn>
                <a:cxn ang="0">
                  <a:pos x="167" y="122"/>
                </a:cxn>
                <a:cxn ang="0">
                  <a:pos x="119" y="30"/>
                </a:cxn>
                <a:cxn ang="0">
                  <a:pos x="175" y="41"/>
                </a:cxn>
                <a:cxn ang="0">
                  <a:pos x="209" y="118"/>
                </a:cxn>
                <a:cxn ang="0">
                  <a:pos x="252" y="4"/>
                </a:cxn>
                <a:cxn ang="0">
                  <a:pos x="309" y="23"/>
                </a:cxn>
                <a:cxn ang="0">
                  <a:pos x="264" y="136"/>
                </a:cxn>
                <a:cxn ang="0">
                  <a:pos x="329" y="93"/>
                </a:cxn>
                <a:cxn ang="0">
                  <a:pos x="382" y="119"/>
                </a:cxn>
                <a:cxn ang="0">
                  <a:pos x="299" y="170"/>
                </a:cxn>
                <a:cxn ang="0">
                  <a:pos x="345" y="188"/>
                </a:cxn>
                <a:cxn ang="0">
                  <a:pos x="335" y="222"/>
                </a:cxn>
                <a:cxn ang="0">
                  <a:pos x="374" y="258"/>
                </a:cxn>
                <a:cxn ang="0">
                  <a:pos x="97" y="180"/>
                </a:cxn>
              </a:cxnLst>
              <a:rect l="0" t="0" r="r" b="b"/>
              <a:pathLst>
                <a:path w="382" h="410">
                  <a:moveTo>
                    <a:pt x="354" y="302"/>
                  </a:moveTo>
                  <a:cubicBezTo>
                    <a:pt x="328" y="384"/>
                    <a:pt x="328" y="384"/>
                    <a:pt x="328" y="384"/>
                  </a:cubicBezTo>
                  <a:cubicBezTo>
                    <a:pt x="328" y="384"/>
                    <a:pt x="252" y="410"/>
                    <a:pt x="146" y="366"/>
                  </a:cubicBezTo>
                  <a:cubicBezTo>
                    <a:pt x="44" y="324"/>
                    <a:pt x="0" y="267"/>
                    <a:pt x="4" y="261"/>
                  </a:cubicBezTo>
                  <a:cubicBezTo>
                    <a:pt x="7" y="255"/>
                    <a:pt x="51" y="140"/>
                    <a:pt x="51" y="140"/>
                  </a:cubicBezTo>
                  <a:cubicBezTo>
                    <a:pt x="51" y="140"/>
                    <a:pt x="49" y="129"/>
                    <a:pt x="108" y="139"/>
                  </a:cubicBezTo>
                  <a:cubicBezTo>
                    <a:pt x="121" y="104"/>
                    <a:pt x="121" y="104"/>
                    <a:pt x="121" y="104"/>
                  </a:cubicBezTo>
                  <a:cubicBezTo>
                    <a:pt x="121" y="104"/>
                    <a:pt x="165" y="123"/>
                    <a:pt x="167" y="122"/>
                  </a:cubicBezTo>
                  <a:cubicBezTo>
                    <a:pt x="166" y="122"/>
                    <a:pt x="119" y="30"/>
                    <a:pt x="119" y="30"/>
                  </a:cubicBezTo>
                  <a:cubicBezTo>
                    <a:pt x="119" y="30"/>
                    <a:pt x="158" y="32"/>
                    <a:pt x="175" y="41"/>
                  </a:cubicBezTo>
                  <a:cubicBezTo>
                    <a:pt x="180" y="52"/>
                    <a:pt x="209" y="118"/>
                    <a:pt x="209" y="118"/>
                  </a:cubicBezTo>
                  <a:cubicBezTo>
                    <a:pt x="252" y="4"/>
                    <a:pt x="252" y="4"/>
                    <a:pt x="252" y="4"/>
                  </a:cubicBezTo>
                  <a:cubicBezTo>
                    <a:pt x="252" y="4"/>
                    <a:pt x="280" y="0"/>
                    <a:pt x="309" y="23"/>
                  </a:cubicBezTo>
                  <a:cubicBezTo>
                    <a:pt x="305" y="36"/>
                    <a:pt x="264" y="136"/>
                    <a:pt x="264" y="136"/>
                  </a:cubicBezTo>
                  <a:cubicBezTo>
                    <a:pt x="329" y="93"/>
                    <a:pt x="329" y="93"/>
                    <a:pt x="329" y="93"/>
                  </a:cubicBezTo>
                  <a:cubicBezTo>
                    <a:pt x="329" y="93"/>
                    <a:pt x="361" y="98"/>
                    <a:pt x="382" y="119"/>
                  </a:cubicBezTo>
                  <a:cubicBezTo>
                    <a:pt x="369" y="126"/>
                    <a:pt x="299" y="170"/>
                    <a:pt x="299" y="170"/>
                  </a:cubicBezTo>
                  <a:cubicBezTo>
                    <a:pt x="299" y="170"/>
                    <a:pt x="345" y="189"/>
                    <a:pt x="345" y="188"/>
                  </a:cubicBezTo>
                  <a:cubicBezTo>
                    <a:pt x="345" y="186"/>
                    <a:pt x="335" y="222"/>
                    <a:pt x="335" y="222"/>
                  </a:cubicBezTo>
                  <a:cubicBezTo>
                    <a:pt x="335" y="222"/>
                    <a:pt x="355" y="238"/>
                    <a:pt x="374" y="258"/>
                  </a:cubicBezTo>
                  <a:cubicBezTo>
                    <a:pt x="372" y="260"/>
                    <a:pt x="231" y="293"/>
                    <a:pt x="97" y="180"/>
                  </a:cubicBezTo>
                </a:path>
              </a:pathLst>
            </a:custGeom>
            <a:grpFill/>
            <a:ln w="31750" cap="rnd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17" name="Freeform 308"/>
          <p:cNvSpPr>
            <a:spLocks/>
          </p:cNvSpPr>
          <p:nvPr userDrawn="1"/>
        </p:nvSpPr>
        <p:spPr bwMode="auto">
          <a:xfrm>
            <a:off x="1842864" y="3673135"/>
            <a:ext cx="515938" cy="527050"/>
          </a:xfrm>
          <a:custGeom>
            <a:avLst/>
            <a:gdLst/>
            <a:ahLst/>
            <a:cxnLst>
              <a:cxn ang="0">
                <a:pos x="409" y="267"/>
              </a:cxn>
              <a:cxn ang="0">
                <a:pos x="360" y="192"/>
              </a:cxn>
              <a:cxn ang="0">
                <a:pos x="313" y="178"/>
              </a:cxn>
              <a:cxn ang="0">
                <a:pos x="239" y="0"/>
              </a:cxn>
              <a:cxn ang="0">
                <a:pos x="183" y="192"/>
              </a:cxn>
              <a:cxn ang="0">
                <a:pos x="197" y="169"/>
              </a:cxn>
              <a:cxn ang="0">
                <a:pos x="239" y="26"/>
              </a:cxn>
              <a:cxn ang="0">
                <a:pos x="287" y="165"/>
              </a:cxn>
              <a:cxn ang="0">
                <a:pos x="309" y="220"/>
              </a:cxn>
              <a:cxn ang="0">
                <a:pos x="348" y="217"/>
              </a:cxn>
              <a:cxn ang="0">
                <a:pos x="429" y="390"/>
              </a:cxn>
              <a:cxn ang="0">
                <a:pos x="329" y="392"/>
              </a:cxn>
              <a:cxn ang="0">
                <a:pos x="235" y="367"/>
              </a:cxn>
              <a:cxn ang="0">
                <a:pos x="173" y="385"/>
              </a:cxn>
              <a:cxn ang="0">
                <a:pos x="157" y="352"/>
              </a:cxn>
              <a:cxn ang="0">
                <a:pos x="207" y="336"/>
              </a:cxn>
              <a:cxn ang="0">
                <a:pos x="228" y="338"/>
              </a:cxn>
              <a:cxn ang="0">
                <a:pos x="228" y="339"/>
              </a:cxn>
              <a:cxn ang="0">
                <a:pos x="229" y="340"/>
              </a:cxn>
              <a:cxn ang="0">
                <a:pos x="230" y="341"/>
              </a:cxn>
              <a:cxn ang="0">
                <a:pos x="231" y="341"/>
              </a:cxn>
              <a:cxn ang="0">
                <a:pos x="241" y="344"/>
              </a:cxn>
              <a:cxn ang="0">
                <a:pos x="242" y="344"/>
              </a:cxn>
              <a:cxn ang="0">
                <a:pos x="243" y="344"/>
              </a:cxn>
              <a:cxn ang="0">
                <a:pos x="244" y="343"/>
              </a:cxn>
              <a:cxn ang="0">
                <a:pos x="245" y="343"/>
              </a:cxn>
              <a:cxn ang="0">
                <a:pos x="246" y="342"/>
              </a:cxn>
              <a:cxn ang="0">
                <a:pos x="247" y="342"/>
              </a:cxn>
              <a:cxn ang="0">
                <a:pos x="248" y="341"/>
              </a:cxn>
              <a:cxn ang="0">
                <a:pos x="249" y="340"/>
              </a:cxn>
              <a:cxn ang="0">
                <a:pos x="249" y="339"/>
              </a:cxn>
              <a:cxn ang="0">
                <a:pos x="252" y="330"/>
              </a:cxn>
              <a:cxn ang="0">
                <a:pos x="252" y="329"/>
              </a:cxn>
              <a:cxn ang="0">
                <a:pos x="252" y="328"/>
              </a:cxn>
              <a:cxn ang="0">
                <a:pos x="251" y="326"/>
              </a:cxn>
              <a:cxn ang="0">
                <a:pos x="251" y="325"/>
              </a:cxn>
              <a:cxn ang="0">
                <a:pos x="187" y="217"/>
              </a:cxn>
              <a:cxn ang="0">
                <a:pos x="122" y="208"/>
              </a:cxn>
              <a:cxn ang="0">
                <a:pos x="65" y="231"/>
              </a:cxn>
              <a:cxn ang="0">
                <a:pos x="2" y="246"/>
              </a:cxn>
              <a:cxn ang="0">
                <a:pos x="112" y="461"/>
              </a:cxn>
              <a:cxn ang="0">
                <a:pos x="126" y="467"/>
              </a:cxn>
              <a:cxn ang="0">
                <a:pos x="215" y="438"/>
              </a:cxn>
              <a:cxn ang="0">
                <a:pos x="130" y="440"/>
              </a:cxn>
              <a:cxn ang="0">
                <a:pos x="79" y="256"/>
              </a:cxn>
              <a:cxn ang="0">
                <a:pos x="99" y="228"/>
              </a:cxn>
              <a:cxn ang="0">
                <a:pos x="113" y="240"/>
              </a:cxn>
              <a:cxn ang="0">
                <a:pos x="128" y="251"/>
              </a:cxn>
              <a:cxn ang="0">
                <a:pos x="208" y="298"/>
              </a:cxn>
              <a:cxn ang="0">
                <a:pos x="183" y="322"/>
              </a:cxn>
              <a:cxn ang="0">
                <a:pos x="134" y="340"/>
              </a:cxn>
              <a:cxn ang="0">
                <a:pos x="159" y="408"/>
              </a:cxn>
              <a:cxn ang="0">
                <a:pos x="242" y="393"/>
              </a:cxn>
              <a:cxn ang="0">
                <a:pos x="401" y="430"/>
              </a:cxn>
              <a:cxn ang="0">
                <a:pos x="455" y="381"/>
              </a:cxn>
            </a:cxnLst>
            <a:rect l="0" t="0" r="r" b="b"/>
            <a:pathLst>
              <a:path w="457" h="468">
                <a:moveTo>
                  <a:pt x="455" y="381"/>
                </a:moveTo>
                <a:cubicBezTo>
                  <a:pt x="451" y="348"/>
                  <a:pt x="428" y="301"/>
                  <a:pt x="409" y="267"/>
                </a:cubicBezTo>
                <a:cubicBezTo>
                  <a:pt x="400" y="250"/>
                  <a:pt x="390" y="233"/>
                  <a:pt x="380" y="218"/>
                </a:cubicBezTo>
                <a:cubicBezTo>
                  <a:pt x="366" y="195"/>
                  <a:pt x="363" y="194"/>
                  <a:pt x="360" y="192"/>
                </a:cubicBezTo>
                <a:cubicBezTo>
                  <a:pt x="357" y="190"/>
                  <a:pt x="350" y="186"/>
                  <a:pt x="325" y="196"/>
                </a:cubicBezTo>
                <a:cubicBezTo>
                  <a:pt x="313" y="178"/>
                  <a:pt x="313" y="178"/>
                  <a:pt x="313" y="178"/>
                </a:cubicBezTo>
                <a:cubicBezTo>
                  <a:pt x="332" y="158"/>
                  <a:pt x="343" y="132"/>
                  <a:pt x="343" y="104"/>
                </a:cubicBezTo>
                <a:cubicBezTo>
                  <a:pt x="343" y="46"/>
                  <a:pt x="297" y="0"/>
                  <a:pt x="239" y="0"/>
                </a:cubicBezTo>
                <a:cubicBezTo>
                  <a:pt x="182" y="0"/>
                  <a:pt x="135" y="46"/>
                  <a:pt x="135" y="104"/>
                </a:cubicBezTo>
                <a:cubicBezTo>
                  <a:pt x="135" y="140"/>
                  <a:pt x="153" y="172"/>
                  <a:pt x="183" y="192"/>
                </a:cubicBezTo>
                <a:cubicBezTo>
                  <a:pt x="189" y="196"/>
                  <a:pt x="197" y="194"/>
                  <a:pt x="201" y="188"/>
                </a:cubicBezTo>
                <a:cubicBezTo>
                  <a:pt x="205" y="181"/>
                  <a:pt x="204" y="173"/>
                  <a:pt x="197" y="169"/>
                </a:cubicBezTo>
                <a:cubicBezTo>
                  <a:pt x="175" y="155"/>
                  <a:pt x="162" y="131"/>
                  <a:pt x="162" y="104"/>
                </a:cubicBezTo>
                <a:cubicBezTo>
                  <a:pt x="162" y="61"/>
                  <a:pt x="196" y="26"/>
                  <a:pt x="239" y="26"/>
                </a:cubicBezTo>
                <a:cubicBezTo>
                  <a:pt x="282" y="26"/>
                  <a:pt x="317" y="61"/>
                  <a:pt x="317" y="104"/>
                </a:cubicBezTo>
                <a:cubicBezTo>
                  <a:pt x="317" y="128"/>
                  <a:pt x="306" y="150"/>
                  <a:pt x="287" y="165"/>
                </a:cubicBezTo>
                <a:cubicBezTo>
                  <a:pt x="282" y="169"/>
                  <a:pt x="281" y="177"/>
                  <a:pt x="284" y="182"/>
                </a:cubicBezTo>
                <a:cubicBezTo>
                  <a:pt x="309" y="220"/>
                  <a:pt x="309" y="220"/>
                  <a:pt x="309" y="220"/>
                </a:cubicBezTo>
                <a:cubicBezTo>
                  <a:pt x="313" y="226"/>
                  <a:pt x="320" y="228"/>
                  <a:pt x="326" y="225"/>
                </a:cubicBezTo>
                <a:cubicBezTo>
                  <a:pt x="334" y="221"/>
                  <a:pt x="343" y="218"/>
                  <a:pt x="348" y="217"/>
                </a:cubicBezTo>
                <a:cubicBezTo>
                  <a:pt x="355" y="226"/>
                  <a:pt x="373" y="255"/>
                  <a:pt x="391" y="289"/>
                </a:cubicBezTo>
                <a:cubicBezTo>
                  <a:pt x="416" y="335"/>
                  <a:pt x="430" y="371"/>
                  <a:pt x="429" y="390"/>
                </a:cubicBezTo>
                <a:cubicBezTo>
                  <a:pt x="429" y="394"/>
                  <a:pt x="428" y="397"/>
                  <a:pt x="427" y="397"/>
                </a:cubicBezTo>
                <a:cubicBezTo>
                  <a:pt x="423" y="401"/>
                  <a:pt x="405" y="411"/>
                  <a:pt x="329" y="392"/>
                </a:cubicBezTo>
                <a:cubicBezTo>
                  <a:pt x="286" y="381"/>
                  <a:pt x="246" y="366"/>
                  <a:pt x="246" y="366"/>
                </a:cubicBezTo>
                <a:cubicBezTo>
                  <a:pt x="242" y="365"/>
                  <a:pt x="239" y="365"/>
                  <a:pt x="235" y="367"/>
                </a:cubicBezTo>
                <a:cubicBezTo>
                  <a:pt x="235" y="367"/>
                  <a:pt x="222" y="374"/>
                  <a:pt x="206" y="379"/>
                </a:cubicBezTo>
                <a:cubicBezTo>
                  <a:pt x="180" y="388"/>
                  <a:pt x="173" y="385"/>
                  <a:pt x="173" y="385"/>
                </a:cubicBezTo>
                <a:cubicBezTo>
                  <a:pt x="169" y="383"/>
                  <a:pt x="164" y="379"/>
                  <a:pt x="159" y="368"/>
                </a:cubicBezTo>
                <a:cubicBezTo>
                  <a:pt x="155" y="360"/>
                  <a:pt x="156" y="354"/>
                  <a:pt x="157" y="352"/>
                </a:cubicBezTo>
                <a:cubicBezTo>
                  <a:pt x="176" y="349"/>
                  <a:pt x="195" y="347"/>
                  <a:pt x="195" y="347"/>
                </a:cubicBezTo>
                <a:cubicBezTo>
                  <a:pt x="201" y="347"/>
                  <a:pt x="206" y="342"/>
                  <a:pt x="207" y="336"/>
                </a:cubicBezTo>
                <a:cubicBezTo>
                  <a:pt x="208" y="328"/>
                  <a:pt x="211" y="324"/>
                  <a:pt x="212" y="324"/>
                </a:cubicBezTo>
                <a:cubicBezTo>
                  <a:pt x="214" y="323"/>
                  <a:pt x="221" y="327"/>
                  <a:pt x="228" y="338"/>
                </a:cubicBezTo>
                <a:cubicBezTo>
                  <a:pt x="228" y="338"/>
                  <a:pt x="228" y="338"/>
                  <a:pt x="228" y="338"/>
                </a:cubicBezTo>
                <a:cubicBezTo>
                  <a:pt x="228" y="338"/>
                  <a:pt x="228" y="339"/>
                  <a:pt x="228" y="339"/>
                </a:cubicBezTo>
                <a:cubicBezTo>
                  <a:pt x="229" y="339"/>
                  <a:pt x="229" y="339"/>
                  <a:pt x="229" y="339"/>
                </a:cubicBezTo>
                <a:cubicBezTo>
                  <a:pt x="229" y="339"/>
                  <a:pt x="229" y="340"/>
                  <a:pt x="229" y="340"/>
                </a:cubicBezTo>
                <a:cubicBezTo>
                  <a:pt x="229" y="340"/>
                  <a:pt x="229" y="340"/>
                  <a:pt x="229" y="340"/>
                </a:cubicBezTo>
                <a:cubicBezTo>
                  <a:pt x="230" y="340"/>
                  <a:pt x="230" y="341"/>
                  <a:pt x="230" y="341"/>
                </a:cubicBezTo>
                <a:cubicBezTo>
                  <a:pt x="230" y="341"/>
                  <a:pt x="230" y="341"/>
                  <a:pt x="230" y="341"/>
                </a:cubicBezTo>
                <a:cubicBezTo>
                  <a:pt x="231" y="341"/>
                  <a:pt x="231" y="341"/>
                  <a:pt x="231" y="341"/>
                </a:cubicBezTo>
                <a:cubicBezTo>
                  <a:pt x="232" y="342"/>
                  <a:pt x="234" y="343"/>
                  <a:pt x="235" y="344"/>
                </a:cubicBezTo>
                <a:cubicBezTo>
                  <a:pt x="237" y="344"/>
                  <a:pt x="239" y="344"/>
                  <a:pt x="241" y="344"/>
                </a:cubicBezTo>
                <a:cubicBezTo>
                  <a:pt x="241" y="344"/>
                  <a:pt x="241" y="344"/>
                  <a:pt x="241" y="344"/>
                </a:cubicBezTo>
                <a:cubicBezTo>
                  <a:pt x="241" y="344"/>
                  <a:pt x="241" y="344"/>
                  <a:pt x="242" y="344"/>
                </a:cubicBezTo>
                <a:cubicBezTo>
                  <a:pt x="242" y="344"/>
                  <a:pt x="242" y="344"/>
                  <a:pt x="242" y="344"/>
                </a:cubicBezTo>
                <a:cubicBezTo>
                  <a:pt x="242" y="344"/>
                  <a:pt x="243" y="344"/>
                  <a:pt x="243" y="344"/>
                </a:cubicBezTo>
                <a:cubicBezTo>
                  <a:pt x="243" y="344"/>
                  <a:pt x="243" y="344"/>
                  <a:pt x="244" y="343"/>
                </a:cubicBezTo>
                <a:cubicBezTo>
                  <a:pt x="244" y="343"/>
                  <a:pt x="244" y="343"/>
                  <a:pt x="244" y="343"/>
                </a:cubicBezTo>
                <a:cubicBezTo>
                  <a:pt x="244" y="343"/>
                  <a:pt x="245" y="343"/>
                  <a:pt x="245" y="343"/>
                </a:cubicBezTo>
                <a:cubicBezTo>
                  <a:pt x="245" y="343"/>
                  <a:pt x="245" y="343"/>
                  <a:pt x="245" y="343"/>
                </a:cubicBezTo>
                <a:cubicBezTo>
                  <a:pt x="245" y="343"/>
                  <a:pt x="245" y="343"/>
                  <a:pt x="245" y="343"/>
                </a:cubicBezTo>
                <a:cubicBezTo>
                  <a:pt x="246" y="342"/>
                  <a:pt x="246" y="342"/>
                  <a:pt x="246" y="342"/>
                </a:cubicBezTo>
                <a:cubicBezTo>
                  <a:pt x="246" y="342"/>
                  <a:pt x="246" y="342"/>
                  <a:pt x="246" y="342"/>
                </a:cubicBezTo>
                <a:cubicBezTo>
                  <a:pt x="246" y="342"/>
                  <a:pt x="247" y="342"/>
                  <a:pt x="247" y="342"/>
                </a:cubicBezTo>
                <a:cubicBezTo>
                  <a:pt x="247" y="342"/>
                  <a:pt x="247" y="342"/>
                  <a:pt x="247" y="341"/>
                </a:cubicBezTo>
                <a:cubicBezTo>
                  <a:pt x="247" y="341"/>
                  <a:pt x="248" y="341"/>
                  <a:pt x="248" y="341"/>
                </a:cubicBezTo>
                <a:cubicBezTo>
                  <a:pt x="248" y="341"/>
                  <a:pt x="248" y="341"/>
                  <a:pt x="248" y="341"/>
                </a:cubicBezTo>
                <a:cubicBezTo>
                  <a:pt x="248" y="340"/>
                  <a:pt x="249" y="340"/>
                  <a:pt x="249" y="340"/>
                </a:cubicBezTo>
                <a:cubicBezTo>
                  <a:pt x="249" y="340"/>
                  <a:pt x="249" y="340"/>
                  <a:pt x="249" y="340"/>
                </a:cubicBezTo>
                <a:cubicBezTo>
                  <a:pt x="249" y="340"/>
                  <a:pt x="249" y="339"/>
                  <a:pt x="249" y="339"/>
                </a:cubicBezTo>
                <a:cubicBezTo>
                  <a:pt x="250" y="338"/>
                  <a:pt x="251" y="336"/>
                  <a:pt x="252" y="335"/>
                </a:cubicBezTo>
                <a:cubicBezTo>
                  <a:pt x="252" y="333"/>
                  <a:pt x="252" y="331"/>
                  <a:pt x="252" y="330"/>
                </a:cubicBezTo>
                <a:cubicBezTo>
                  <a:pt x="252" y="329"/>
                  <a:pt x="252" y="329"/>
                  <a:pt x="252" y="329"/>
                </a:cubicBezTo>
                <a:cubicBezTo>
                  <a:pt x="252" y="329"/>
                  <a:pt x="252" y="329"/>
                  <a:pt x="252" y="329"/>
                </a:cubicBezTo>
                <a:cubicBezTo>
                  <a:pt x="252" y="328"/>
                  <a:pt x="252" y="328"/>
                  <a:pt x="252" y="328"/>
                </a:cubicBezTo>
                <a:cubicBezTo>
                  <a:pt x="252" y="328"/>
                  <a:pt x="252" y="328"/>
                  <a:pt x="252" y="328"/>
                </a:cubicBezTo>
                <a:cubicBezTo>
                  <a:pt x="252" y="327"/>
                  <a:pt x="252" y="327"/>
                  <a:pt x="251" y="326"/>
                </a:cubicBezTo>
                <a:cubicBezTo>
                  <a:pt x="251" y="326"/>
                  <a:pt x="251" y="326"/>
                  <a:pt x="251" y="326"/>
                </a:cubicBezTo>
                <a:cubicBezTo>
                  <a:pt x="251" y="326"/>
                  <a:pt x="251" y="326"/>
                  <a:pt x="251" y="325"/>
                </a:cubicBezTo>
                <a:cubicBezTo>
                  <a:pt x="251" y="325"/>
                  <a:pt x="251" y="325"/>
                  <a:pt x="251" y="325"/>
                </a:cubicBezTo>
                <a:cubicBezTo>
                  <a:pt x="201" y="224"/>
                  <a:pt x="201" y="224"/>
                  <a:pt x="201" y="224"/>
                </a:cubicBezTo>
                <a:cubicBezTo>
                  <a:pt x="198" y="219"/>
                  <a:pt x="193" y="216"/>
                  <a:pt x="187" y="217"/>
                </a:cubicBezTo>
                <a:cubicBezTo>
                  <a:pt x="135" y="224"/>
                  <a:pt x="135" y="224"/>
                  <a:pt x="135" y="224"/>
                </a:cubicBezTo>
                <a:cubicBezTo>
                  <a:pt x="133" y="218"/>
                  <a:pt x="129" y="212"/>
                  <a:pt x="122" y="208"/>
                </a:cubicBezTo>
                <a:cubicBezTo>
                  <a:pt x="117" y="204"/>
                  <a:pt x="107" y="200"/>
                  <a:pt x="93" y="203"/>
                </a:cubicBezTo>
                <a:cubicBezTo>
                  <a:pt x="75" y="207"/>
                  <a:pt x="67" y="220"/>
                  <a:pt x="65" y="231"/>
                </a:cubicBezTo>
                <a:cubicBezTo>
                  <a:pt x="12" y="239"/>
                  <a:pt x="12" y="239"/>
                  <a:pt x="12" y="239"/>
                </a:cubicBezTo>
                <a:cubicBezTo>
                  <a:pt x="7" y="239"/>
                  <a:pt x="4" y="242"/>
                  <a:pt x="2" y="246"/>
                </a:cubicBezTo>
                <a:cubicBezTo>
                  <a:pt x="0" y="250"/>
                  <a:pt x="0" y="254"/>
                  <a:pt x="2" y="258"/>
                </a:cubicBezTo>
                <a:cubicBezTo>
                  <a:pt x="112" y="461"/>
                  <a:pt x="112" y="461"/>
                  <a:pt x="112" y="461"/>
                </a:cubicBezTo>
                <a:cubicBezTo>
                  <a:pt x="114" y="465"/>
                  <a:pt x="119" y="468"/>
                  <a:pt x="123" y="468"/>
                </a:cubicBezTo>
                <a:cubicBezTo>
                  <a:pt x="124" y="468"/>
                  <a:pt x="125" y="468"/>
                  <a:pt x="126" y="467"/>
                </a:cubicBezTo>
                <a:cubicBezTo>
                  <a:pt x="205" y="453"/>
                  <a:pt x="205" y="453"/>
                  <a:pt x="205" y="453"/>
                </a:cubicBezTo>
                <a:cubicBezTo>
                  <a:pt x="212" y="452"/>
                  <a:pt x="217" y="445"/>
                  <a:pt x="215" y="438"/>
                </a:cubicBezTo>
                <a:cubicBezTo>
                  <a:pt x="214" y="431"/>
                  <a:pt x="207" y="426"/>
                  <a:pt x="200" y="428"/>
                </a:cubicBezTo>
                <a:cubicBezTo>
                  <a:pt x="130" y="440"/>
                  <a:pt x="130" y="440"/>
                  <a:pt x="130" y="440"/>
                </a:cubicBezTo>
                <a:cubicBezTo>
                  <a:pt x="34" y="262"/>
                  <a:pt x="34" y="262"/>
                  <a:pt x="34" y="262"/>
                </a:cubicBezTo>
                <a:cubicBezTo>
                  <a:pt x="79" y="256"/>
                  <a:pt x="79" y="256"/>
                  <a:pt x="79" y="256"/>
                </a:cubicBezTo>
                <a:cubicBezTo>
                  <a:pt x="86" y="255"/>
                  <a:pt x="91" y="249"/>
                  <a:pt x="90" y="242"/>
                </a:cubicBezTo>
                <a:cubicBezTo>
                  <a:pt x="90" y="239"/>
                  <a:pt x="90" y="230"/>
                  <a:pt x="99" y="228"/>
                </a:cubicBezTo>
                <a:cubicBezTo>
                  <a:pt x="104" y="227"/>
                  <a:pt x="106" y="229"/>
                  <a:pt x="107" y="229"/>
                </a:cubicBezTo>
                <a:cubicBezTo>
                  <a:pt x="111" y="232"/>
                  <a:pt x="113" y="238"/>
                  <a:pt x="113" y="240"/>
                </a:cubicBezTo>
                <a:cubicBezTo>
                  <a:pt x="114" y="243"/>
                  <a:pt x="115" y="247"/>
                  <a:pt x="118" y="249"/>
                </a:cubicBezTo>
                <a:cubicBezTo>
                  <a:pt x="121" y="251"/>
                  <a:pt x="124" y="252"/>
                  <a:pt x="128" y="251"/>
                </a:cubicBezTo>
                <a:cubicBezTo>
                  <a:pt x="181" y="244"/>
                  <a:pt x="181" y="244"/>
                  <a:pt x="181" y="244"/>
                </a:cubicBezTo>
                <a:cubicBezTo>
                  <a:pt x="208" y="298"/>
                  <a:pt x="208" y="298"/>
                  <a:pt x="208" y="298"/>
                </a:cubicBezTo>
                <a:cubicBezTo>
                  <a:pt x="208" y="298"/>
                  <a:pt x="207" y="298"/>
                  <a:pt x="207" y="298"/>
                </a:cubicBezTo>
                <a:cubicBezTo>
                  <a:pt x="196" y="300"/>
                  <a:pt x="188" y="309"/>
                  <a:pt x="183" y="322"/>
                </a:cubicBezTo>
                <a:cubicBezTo>
                  <a:pt x="176" y="323"/>
                  <a:pt x="164" y="324"/>
                  <a:pt x="152" y="326"/>
                </a:cubicBezTo>
                <a:cubicBezTo>
                  <a:pt x="144" y="328"/>
                  <a:pt x="138" y="333"/>
                  <a:pt x="134" y="340"/>
                </a:cubicBezTo>
                <a:cubicBezTo>
                  <a:pt x="128" y="351"/>
                  <a:pt x="129" y="365"/>
                  <a:pt x="135" y="379"/>
                </a:cubicBezTo>
                <a:cubicBezTo>
                  <a:pt x="141" y="393"/>
                  <a:pt x="149" y="402"/>
                  <a:pt x="159" y="408"/>
                </a:cubicBezTo>
                <a:cubicBezTo>
                  <a:pt x="170" y="415"/>
                  <a:pt x="188" y="414"/>
                  <a:pt x="214" y="404"/>
                </a:cubicBezTo>
                <a:cubicBezTo>
                  <a:pt x="226" y="400"/>
                  <a:pt x="236" y="396"/>
                  <a:pt x="242" y="393"/>
                </a:cubicBezTo>
                <a:cubicBezTo>
                  <a:pt x="254" y="397"/>
                  <a:pt x="287" y="409"/>
                  <a:pt x="323" y="418"/>
                </a:cubicBezTo>
                <a:cubicBezTo>
                  <a:pt x="358" y="426"/>
                  <a:pt x="383" y="430"/>
                  <a:pt x="401" y="430"/>
                </a:cubicBezTo>
                <a:cubicBezTo>
                  <a:pt x="427" y="430"/>
                  <a:pt x="438" y="423"/>
                  <a:pt x="445" y="417"/>
                </a:cubicBezTo>
                <a:cubicBezTo>
                  <a:pt x="453" y="409"/>
                  <a:pt x="457" y="397"/>
                  <a:pt x="455" y="38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" name="Freeform 636"/>
          <p:cNvSpPr>
            <a:spLocks/>
          </p:cNvSpPr>
          <p:nvPr userDrawn="1"/>
        </p:nvSpPr>
        <p:spPr bwMode="auto">
          <a:xfrm>
            <a:off x="1876996" y="1780287"/>
            <a:ext cx="447674" cy="447672"/>
          </a:xfrm>
          <a:custGeom>
            <a:avLst/>
            <a:gdLst/>
            <a:ahLst/>
            <a:cxnLst>
              <a:cxn ang="0">
                <a:pos x="126" y="251"/>
              </a:cxn>
              <a:cxn ang="0">
                <a:pos x="22" y="196"/>
              </a:cxn>
              <a:cxn ang="0">
                <a:pos x="24" y="186"/>
              </a:cxn>
              <a:cxn ang="0">
                <a:pos x="33" y="188"/>
              </a:cxn>
              <a:cxn ang="0">
                <a:pos x="126" y="238"/>
              </a:cxn>
              <a:cxn ang="0">
                <a:pos x="232" y="164"/>
              </a:cxn>
              <a:cxn ang="0">
                <a:pos x="196" y="164"/>
              </a:cxn>
              <a:cxn ang="0">
                <a:pos x="189" y="158"/>
              </a:cxn>
              <a:cxn ang="0">
                <a:pos x="189" y="120"/>
              </a:cxn>
              <a:cxn ang="0">
                <a:pos x="172" y="113"/>
              </a:cxn>
              <a:cxn ang="0">
                <a:pos x="172" y="149"/>
              </a:cxn>
              <a:cxn ang="0">
                <a:pos x="165" y="155"/>
              </a:cxn>
              <a:cxn ang="0">
                <a:pos x="144" y="155"/>
              </a:cxn>
              <a:cxn ang="0">
                <a:pos x="137" y="149"/>
              </a:cxn>
              <a:cxn ang="0">
                <a:pos x="137" y="59"/>
              </a:cxn>
              <a:cxn ang="0">
                <a:pos x="117" y="52"/>
              </a:cxn>
              <a:cxn ang="0">
                <a:pos x="117" y="133"/>
              </a:cxn>
              <a:cxn ang="0">
                <a:pos x="110" y="140"/>
              </a:cxn>
              <a:cxn ang="0">
                <a:pos x="89" y="140"/>
              </a:cxn>
              <a:cxn ang="0">
                <a:pos x="83" y="133"/>
              </a:cxn>
              <a:cxn ang="0">
                <a:pos x="83" y="106"/>
              </a:cxn>
              <a:cxn ang="0">
                <a:pos x="73" y="101"/>
              </a:cxn>
              <a:cxn ang="0">
                <a:pos x="62" y="107"/>
              </a:cxn>
              <a:cxn ang="0">
                <a:pos x="62" y="160"/>
              </a:cxn>
              <a:cxn ang="0">
                <a:pos x="55" y="167"/>
              </a:cxn>
              <a:cxn ang="0">
                <a:pos x="12" y="167"/>
              </a:cxn>
              <a:cxn ang="0">
                <a:pos x="6" y="162"/>
              </a:cxn>
              <a:cxn ang="0">
                <a:pos x="0" y="126"/>
              </a:cxn>
              <a:cxn ang="0">
                <a:pos x="126" y="0"/>
              </a:cxn>
              <a:cxn ang="0">
                <a:pos x="252" y="126"/>
              </a:cxn>
              <a:cxn ang="0">
                <a:pos x="245" y="132"/>
              </a:cxn>
              <a:cxn ang="0">
                <a:pos x="238" y="126"/>
              </a:cxn>
              <a:cxn ang="0">
                <a:pos x="126" y="13"/>
              </a:cxn>
              <a:cxn ang="0">
                <a:pos x="14" y="126"/>
              </a:cxn>
              <a:cxn ang="0">
                <a:pos x="17" y="154"/>
              </a:cxn>
              <a:cxn ang="0">
                <a:pos x="49" y="154"/>
              </a:cxn>
              <a:cxn ang="0">
                <a:pos x="49" y="103"/>
              </a:cxn>
              <a:cxn ang="0">
                <a:pos x="52" y="97"/>
              </a:cxn>
              <a:cxn ang="0">
                <a:pos x="69" y="88"/>
              </a:cxn>
              <a:cxn ang="0">
                <a:pos x="76" y="88"/>
              </a:cxn>
              <a:cxn ang="0">
                <a:pos x="93" y="96"/>
              </a:cxn>
              <a:cxn ang="0">
                <a:pos x="96" y="102"/>
              </a:cxn>
              <a:cxn ang="0">
                <a:pos x="96" y="127"/>
              </a:cxn>
              <a:cxn ang="0">
                <a:pos x="103" y="127"/>
              </a:cxn>
              <a:cxn ang="0">
                <a:pos x="103" y="42"/>
              </a:cxn>
              <a:cxn ang="0">
                <a:pos x="106" y="37"/>
              </a:cxn>
              <a:cxn ang="0">
                <a:pos x="112" y="36"/>
              </a:cxn>
              <a:cxn ang="0">
                <a:pos x="146" y="48"/>
              </a:cxn>
              <a:cxn ang="0">
                <a:pos x="150" y="55"/>
              </a:cxn>
              <a:cxn ang="0">
                <a:pos x="150" y="142"/>
              </a:cxn>
              <a:cxn ang="0">
                <a:pos x="159" y="142"/>
              </a:cxn>
              <a:cxn ang="0">
                <a:pos x="159" y="103"/>
              </a:cxn>
              <a:cxn ang="0">
                <a:pos x="162" y="98"/>
              </a:cxn>
              <a:cxn ang="0">
                <a:pos x="168" y="97"/>
              </a:cxn>
              <a:cxn ang="0">
                <a:pos x="198" y="109"/>
              </a:cxn>
              <a:cxn ang="0">
                <a:pos x="202" y="115"/>
              </a:cxn>
              <a:cxn ang="0">
                <a:pos x="202" y="151"/>
              </a:cxn>
              <a:cxn ang="0">
                <a:pos x="240" y="151"/>
              </a:cxn>
              <a:cxn ang="0">
                <a:pos x="246" y="153"/>
              </a:cxn>
              <a:cxn ang="0">
                <a:pos x="247" y="159"/>
              </a:cxn>
              <a:cxn ang="0">
                <a:pos x="126" y="251"/>
              </a:cxn>
            </a:cxnLst>
            <a:rect l="0" t="0" r="r" b="b"/>
            <a:pathLst>
              <a:path w="252" h="251">
                <a:moveTo>
                  <a:pt x="126" y="251"/>
                </a:moveTo>
                <a:cubicBezTo>
                  <a:pt x="84" y="251"/>
                  <a:pt x="45" y="231"/>
                  <a:pt x="22" y="196"/>
                </a:cubicBezTo>
                <a:cubicBezTo>
                  <a:pt x="20" y="193"/>
                  <a:pt x="20" y="188"/>
                  <a:pt x="24" y="186"/>
                </a:cubicBezTo>
                <a:cubicBezTo>
                  <a:pt x="27" y="184"/>
                  <a:pt x="31" y="185"/>
                  <a:pt x="33" y="188"/>
                </a:cubicBezTo>
                <a:cubicBezTo>
                  <a:pt x="54" y="219"/>
                  <a:pt x="89" y="238"/>
                  <a:pt x="126" y="238"/>
                </a:cubicBezTo>
                <a:cubicBezTo>
                  <a:pt x="173" y="238"/>
                  <a:pt x="216" y="208"/>
                  <a:pt x="232" y="164"/>
                </a:cubicBezTo>
                <a:cubicBezTo>
                  <a:pt x="196" y="164"/>
                  <a:pt x="196" y="164"/>
                  <a:pt x="196" y="164"/>
                </a:cubicBezTo>
                <a:cubicBezTo>
                  <a:pt x="192" y="164"/>
                  <a:pt x="189" y="161"/>
                  <a:pt x="189" y="158"/>
                </a:cubicBezTo>
                <a:cubicBezTo>
                  <a:pt x="189" y="120"/>
                  <a:pt x="189" y="120"/>
                  <a:pt x="189" y="120"/>
                </a:cubicBezTo>
                <a:cubicBezTo>
                  <a:pt x="172" y="113"/>
                  <a:pt x="172" y="113"/>
                  <a:pt x="172" y="113"/>
                </a:cubicBezTo>
                <a:cubicBezTo>
                  <a:pt x="172" y="149"/>
                  <a:pt x="172" y="149"/>
                  <a:pt x="172" y="149"/>
                </a:cubicBezTo>
                <a:cubicBezTo>
                  <a:pt x="172" y="152"/>
                  <a:pt x="169" y="155"/>
                  <a:pt x="165" y="155"/>
                </a:cubicBezTo>
                <a:cubicBezTo>
                  <a:pt x="144" y="155"/>
                  <a:pt x="144" y="155"/>
                  <a:pt x="144" y="155"/>
                </a:cubicBezTo>
                <a:cubicBezTo>
                  <a:pt x="140" y="155"/>
                  <a:pt x="137" y="152"/>
                  <a:pt x="137" y="149"/>
                </a:cubicBezTo>
                <a:cubicBezTo>
                  <a:pt x="137" y="59"/>
                  <a:pt x="137" y="59"/>
                  <a:pt x="137" y="59"/>
                </a:cubicBezTo>
                <a:cubicBezTo>
                  <a:pt x="117" y="52"/>
                  <a:pt x="117" y="52"/>
                  <a:pt x="117" y="52"/>
                </a:cubicBezTo>
                <a:cubicBezTo>
                  <a:pt x="117" y="133"/>
                  <a:pt x="117" y="133"/>
                  <a:pt x="117" y="133"/>
                </a:cubicBezTo>
                <a:cubicBezTo>
                  <a:pt x="117" y="137"/>
                  <a:pt x="114" y="140"/>
                  <a:pt x="110" y="140"/>
                </a:cubicBezTo>
                <a:cubicBezTo>
                  <a:pt x="89" y="140"/>
                  <a:pt x="89" y="140"/>
                  <a:pt x="89" y="140"/>
                </a:cubicBezTo>
                <a:cubicBezTo>
                  <a:pt x="86" y="140"/>
                  <a:pt x="83" y="137"/>
                  <a:pt x="83" y="133"/>
                </a:cubicBezTo>
                <a:cubicBezTo>
                  <a:pt x="83" y="106"/>
                  <a:pt x="83" y="106"/>
                  <a:pt x="83" y="106"/>
                </a:cubicBezTo>
                <a:cubicBezTo>
                  <a:pt x="73" y="101"/>
                  <a:pt x="73" y="101"/>
                  <a:pt x="73" y="101"/>
                </a:cubicBezTo>
                <a:cubicBezTo>
                  <a:pt x="62" y="107"/>
                  <a:pt x="62" y="107"/>
                  <a:pt x="62" y="107"/>
                </a:cubicBezTo>
                <a:cubicBezTo>
                  <a:pt x="62" y="160"/>
                  <a:pt x="62" y="160"/>
                  <a:pt x="62" y="160"/>
                </a:cubicBezTo>
                <a:cubicBezTo>
                  <a:pt x="62" y="164"/>
                  <a:pt x="59" y="167"/>
                  <a:pt x="55" y="167"/>
                </a:cubicBezTo>
                <a:cubicBezTo>
                  <a:pt x="12" y="167"/>
                  <a:pt x="12" y="167"/>
                  <a:pt x="12" y="167"/>
                </a:cubicBezTo>
                <a:cubicBezTo>
                  <a:pt x="10" y="167"/>
                  <a:pt x="7" y="165"/>
                  <a:pt x="6" y="162"/>
                </a:cubicBezTo>
                <a:cubicBezTo>
                  <a:pt x="2" y="150"/>
                  <a:pt x="0" y="138"/>
                  <a:pt x="0" y="126"/>
                </a:cubicBezTo>
                <a:cubicBezTo>
                  <a:pt x="0" y="56"/>
                  <a:pt x="57" y="0"/>
                  <a:pt x="126" y="0"/>
                </a:cubicBezTo>
                <a:cubicBezTo>
                  <a:pt x="195" y="0"/>
                  <a:pt x="252" y="56"/>
                  <a:pt x="252" y="126"/>
                </a:cubicBezTo>
                <a:cubicBezTo>
                  <a:pt x="252" y="129"/>
                  <a:pt x="249" y="132"/>
                  <a:pt x="245" y="132"/>
                </a:cubicBezTo>
                <a:cubicBezTo>
                  <a:pt x="241" y="132"/>
                  <a:pt x="238" y="129"/>
                  <a:pt x="238" y="126"/>
                </a:cubicBezTo>
                <a:cubicBezTo>
                  <a:pt x="238" y="64"/>
                  <a:pt x="188" y="13"/>
                  <a:pt x="126" y="13"/>
                </a:cubicBezTo>
                <a:cubicBezTo>
                  <a:pt x="64" y="13"/>
                  <a:pt x="14" y="64"/>
                  <a:pt x="14" y="126"/>
                </a:cubicBezTo>
                <a:cubicBezTo>
                  <a:pt x="14" y="135"/>
                  <a:pt x="15" y="145"/>
                  <a:pt x="17" y="154"/>
                </a:cubicBezTo>
                <a:cubicBezTo>
                  <a:pt x="49" y="154"/>
                  <a:pt x="49" y="154"/>
                  <a:pt x="49" y="154"/>
                </a:cubicBezTo>
                <a:cubicBezTo>
                  <a:pt x="49" y="103"/>
                  <a:pt x="49" y="103"/>
                  <a:pt x="49" y="103"/>
                </a:cubicBezTo>
                <a:cubicBezTo>
                  <a:pt x="49" y="101"/>
                  <a:pt x="50" y="99"/>
                  <a:pt x="52" y="97"/>
                </a:cubicBezTo>
                <a:cubicBezTo>
                  <a:pt x="69" y="88"/>
                  <a:pt x="69" y="88"/>
                  <a:pt x="69" y="88"/>
                </a:cubicBezTo>
                <a:cubicBezTo>
                  <a:pt x="71" y="87"/>
                  <a:pt x="74" y="87"/>
                  <a:pt x="76" y="88"/>
                </a:cubicBezTo>
                <a:cubicBezTo>
                  <a:pt x="93" y="96"/>
                  <a:pt x="93" y="96"/>
                  <a:pt x="93" y="96"/>
                </a:cubicBezTo>
                <a:cubicBezTo>
                  <a:pt x="95" y="98"/>
                  <a:pt x="96" y="100"/>
                  <a:pt x="96" y="102"/>
                </a:cubicBezTo>
                <a:cubicBezTo>
                  <a:pt x="96" y="127"/>
                  <a:pt x="96" y="127"/>
                  <a:pt x="96" y="127"/>
                </a:cubicBezTo>
                <a:cubicBezTo>
                  <a:pt x="103" y="127"/>
                  <a:pt x="103" y="127"/>
                  <a:pt x="103" y="127"/>
                </a:cubicBezTo>
                <a:cubicBezTo>
                  <a:pt x="103" y="42"/>
                  <a:pt x="103" y="42"/>
                  <a:pt x="103" y="42"/>
                </a:cubicBezTo>
                <a:cubicBezTo>
                  <a:pt x="103" y="40"/>
                  <a:pt x="104" y="38"/>
                  <a:pt x="106" y="37"/>
                </a:cubicBezTo>
                <a:cubicBezTo>
                  <a:pt x="108" y="36"/>
                  <a:pt x="110" y="35"/>
                  <a:pt x="112" y="36"/>
                </a:cubicBezTo>
                <a:cubicBezTo>
                  <a:pt x="146" y="48"/>
                  <a:pt x="146" y="48"/>
                  <a:pt x="146" y="48"/>
                </a:cubicBezTo>
                <a:cubicBezTo>
                  <a:pt x="149" y="49"/>
                  <a:pt x="150" y="52"/>
                  <a:pt x="150" y="55"/>
                </a:cubicBezTo>
                <a:cubicBezTo>
                  <a:pt x="150" y="142"/>
                  <a:pt x="150" y="142"/>
                  <a:pt x="150" y="142"/>
                </a:cubicBezTo>
                <a:cubicBezTo>
                  <a:pt x="159" y="142"/>
                  <a:pt x="159" y="142"/>
                  <a:pt x="159" y="142"/>
                </a:cubicBezTo>
                <a:cubicBezTo>
                  <a:pt x="159" y="103"/>
                  <a:pt x="159" y="103"/>
                  <a:pt x="159" y="103"/>
                </a:cubicBezTo>
                <a:cubicBezTo>
                  <a:pt x="159" y="101"/>
                  <a:pt x="160" y="99"/>
                  <a:pt x="162" y="98"/>
                </a:cubicBezTo>
                <a:cubicBezTo>
                  <a:pt x="163" y="97"/>
                  <a:pt x="166" y="96"/>
                  <a:pt x="168" y="97"/>
                </a:cubicBezTo>
                <a:cubicBezTo>
                  <a:pt x="198" y="109"/>
                  <a:pt x="198" y="109"/>
                  <a:pt x="198" y="109"/>
                </a:cubicBezTo>
                <a:cubicBezTo>
                  <a:pt x="201" y="110"/>
                  <a:pt x="202" y="112"/>
                  <a:pt x="202" y="115"/>
                </a:cubicBezTo>
                <a:cubicBezTo>
                  <a:pt x="202" y="151"/>
                  <a:pt x="202" y="151"/>
                  <a:pt x="202" y="151"/>
                </a:cubicBezTo>
                <a:cubicBezTo>
                  <a:pt x="240" y="151"/>
                  <a:pt x="240" y="151"/>
                  <a:pt x="240" y="151"/>
                </a:cubicBezTo>
                <a:cubicBezTo>
                  <a:pt x="242" y="151"/>
                  <a:pt x="244" y="152"/>
                  <a:pt x="246" y="153"/>
                </a:cubicBezTo>
                <a:cubicBezTo>
                  <a:pt x="247" y="155"/>
                  <a:pt x="248" y="157"/>
                  <a:pt x="247" y="159"/>
                </a:cubicBezTo>
                <a:cubicBezTo>
                  <a:pt x="232" y="214"/>
                  <a:pt x="182" y="251"/>
                  <a:pt x="126" y="25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9" name="Freeform 147"/>
          <p:cNvSpPr>
            <a:spLocks noEditPoints="1"/>
          </p:cNvSpPr>
          <p:nvPr userDrawn="1"/>
        </p:nvSpPr>
        <p:spPr bwMode="auto">
          <a:xfrm>
            <a:off x="8732925" y="1162450"/>
            <a:ext cx="492125" cy="519113"/>
          </a:xfrm>
          <a:custGeom>
            <a:avLst/>
            <a:gdLst/>
            <a:ahLst/>
            <a:cxnLst>
              <a:cxn ang="0">
                <a:pos x="396" y="240"/>
              </a:cxn>
              <a:cxn ang="0">
                <a:pos x="390" y="131"/>
              </a:cxn>
              <a:cxn ang="0">
                <a:pos x="425" y="72"/>
              </a:cxn>
              <a:cxn ang="0">
                <a:pos x="424" y="61"/>
              </a:cxn>
              <a:cxn ang="0">
                <a:pos x="375" y="1"/>
              </a:cxn>
              <a:cxn ang="0">
                <a:pos x="36" y="92"/>
              </a:cxn>
              <a:cxn ang="0">
                <a:pos x="0" y="151"/>
              </a:cxn>
              <a:cxn ang="0">
                <a:pos x="39" y="217"/>
              </a:cxn>
              <a:cxn ang="0">
                <a:pos x="203" y="288"/>
              </a:cxn>
              <a:cxn ang="0">
                <a:pos x="26" y="343"/>
              </a:cxn>
              <a:cxn ang="0">
                <a:pos x="36" y="452"/>
              </a:cxn>
              <a:cxn ang="0">
                <a:pos x="64" y="460"/>
              </a:cxn>
              <a:cxn ang="0">
                <a:pos x="70" y="458"/>
              </a:cxn>
              <a:cxn ang="0">
                <a:pos x="402" y="368"/>
              </a:cxn>
              <a:cxn ang="0">
                <a:pos x="436" y="300"/>
              </a:cxn>
              <a:cxn ang="0">
                <a:pos x="52" y="356"/>
              </a:cxn>
              <a:cxn ang="0">
                <a:pos x="57" y="358"/>
              </a:cxn>
              <a:cxn ang="0">
                <a:pos x="72" y="393"/>
              </a:cxn>
              <a:cxn ang="0">
                <a:pos x="72" y="397"/>
              </a:cxn>
              <a:cxn ang="0">
                <a:pos x="72" y="400"/>
              </a:cxn>
              <a:cxn ang="0">
                <a:pos x="72" y="403"/>
              </a:cxn>
              <a:cxn ang="0">
                <a:pos x="72" y="406"/>
              </a:cxn>
              <a:cxn ang="0">
                <a:pos x="72" y="409"/>
              </a:cxn>
              <a:cxn ang="0">
                <a:pos x="72" y="412"/>
              </a:cxn>
              <a:cxn ang="0">
                <a:pos x="71" y="414"/>
              </a:cxn>
              <a:cxn ang="0">
                <a:pos x="71" y="417"/>
              </a:cxn>
              <a:cxn ang="0">
                <a:pos x="70" y="419"/>
              </a:cxn>
              <a:cxn ang="0">
                <a:pos x="68" y="423"/>
              </a:cxn>
              <a:cxn ang="0">
                <a:pos x="68" y="425"/>
              </a:cxn>
              <a:cxn ang="0">
                <a:pos x="67" y="426"/>
              </a:cxn>
              <a:cxn ang="0">
                <a:pos x="66" y="428"/>
              </a:cxn>
              <a:cxn ang="0">
                <a:pos x="65" y="429"/>
              </a:cxn>
              <a:cxn ang="0">
                <a:pos x="61" y="433"/>
              </a:cxn>
              <a:cxn ang="0">
                <a:pos x="53" y="431"/>
              </a:cxn>
              <a:cxn ang="0">
                <a:pos x="46" y="360"/>
              </a:cxn>
              <a:cxn ang="0">
                <a:pos x="96" y="423"/>
              </a:cxn>
              <a:cxn ang="0">
                <a:pos x="99" y="406"/>
              </a:cxn>
              <a:cxn ang="0">
                <a:pos x="99" y="400"/>
              </a:cxn>
              <a:cxn ang="0">
                <a:pos x="98" y="387"/>
              </a:cxn>
              <a:cxn ang="0">
                <a:pos x="98" y="383"/>
              </a:cxn>
              <a:cxn ang="0">
                <a:pos x="97" y="378"/>
              </a:cxn>
              <a:cxn ang="0">
                <a:pos x="96" y="375"/>
              </a:cxn>
              <a:cxn ang="0">
                <a:pos x="95" y="371"/>
              </a:cxn>
              <a:cxn ang="0">
                <a:pos x="93" y="367"/>
              </a:cxn>
              <a:cxn ang="0">
                <a:pos x="92" y="364"/>
              </a:cxn>
              <a:cxn ang="0">
                <a:pos x="91" y="361"/>
              </a:cxn>
              <a:cxn ang="0">
                <a:pos x="89" y="357"/>
              </a:cxn>
              <a:cxn ang="0">
                <a:pos x="87" y="354"/>
              </a:cxn>
              <a:cxn ang="0">
                <a:pos x="86" y="351"/>
              </a:cxn>
              <a:cxn ang="0">
                <a:pos x="84" y="348"/>
              </a:cxn>
              <a:cxn ang="0">
                <a:pos x="247" y="303"/>
              </a:cxn>
              <a:cxn ang="0">
                <a:pos x="257" y="291"/>
              </a:cxn>
              <a:cxn ang="0">
                <a:pos x="50" y="193"/>
              </a:cxn>
              <a:cxn ang="0">
                <a:pos x="27" y="151"/>
              </a:cxn>
              <a:cxn ang="0">
                <a:pos x="378" y="27"/>
              </a:cxn>
              <a:cxn ang="0">
                <a:pos x="398" y="64"/>
              </a:cxn>
              <a:cxn ang="0">
                <a:pos x="399" y="73"/>
              </a:cxn>
              <a:cxn ang="0">
                <a:pos x="208" y="158"/>
              </a:cxn>
              <a:cxn ang="0">
                <a:pos x="127" y="138"/>
              </a:cxn>
              <a:cxn ang="0">
                <a:pos x="134" y="155"/>
              </a:cxn>
              <a:cxn ang="0">
                <a:pos x="386" y="265"/>
              </a:cxn>
              <a:cxn ang="0">
                <a:pos x="410" y="310"/>
              </a:cxn>
            </a:cxnLst>
            <a:rect l="0" t="0" r="r" b="b"/>
            <a:pathLst>
              <a:path w="436" h="461">
                <a:moveTo>
                  <a:pt x="436" y="300"/>
                </a:moveTo>
                <a:cubicBezTo>
                  <a:pt x="433" y="271"/>
                  <a:pt x="426" y="251"/>
                  <a:pt x="396" y="240"/>
                </a:cubicBezTo>
                <a:cubicBezTo>
                  <a:pt x="393" y="238"/>
                  <a:pt x="316" y="205"/>
                  <a:pt x="246" y="175"/>
                </a:cubicBezTo>
                <a:cubicBezTo>
                  <a:pt x="288" y="162"/>
                  <a:pt x="390" y="131"/>
                  <a:pt x="390" y="131"/>
                </a:cubicBezTo>
                <a:cubicBezTo>
                  <a:pt x="391" y="131"/>
                  <a:pt x="391" y="130"/>
                  <a:pt x="391" y="130"/>
                </a:cubicBezTo>
                <a:cubicBezTo>
                  <a:pt x="418" y="119"/>
                  <a:pt x="425" y="92"/>
                  <a:pt x="425" y="72"/>
                </a:cubicBezTo>
                <a:cubicBezTo>
                  <a:pt x="425" y="68"/>
                  <a:pt x="425" y="65"/>
                  <a:pt x="425" y="61"/>
                </a:cubicBezTo>
                <a:cubicBezTo>
                  <a:pt x="424" y="61"/>
                  <a:pt x="424" y="61"/>
                  <a:pt x="424" y="61"/>
                </a:cubicBezTo>
                <a:cubicBezTo>
                  <a:pt x="422" y="39"/>
                  <a:pt x="413" y="20"/>
                  <a:pt x="400" y="9"/>
                </a:cubicBezTo>
                <a:cubicBezTo>
                  <a:pt x="393" y="3"/>
                  <a:pt x="384" y="0"/>
                  <a:pt x="375" y="1"/>
                </a:cubicBezTo>
                <a:cubicBezTo>
                  <a:pt x="374" y="1"/>
                  <a:pt x="374" y="1"/>
                  <a:pt x="373" y="1"/>
                </a:cubicBezTo>
                <a:cubicBezTo>
                  <a:pt x="36" y="92"/>
                  <a:pt x="36" y="92"/>
                  <a:pt x="36" y="92"/>
                </a:cubicBezTo>
                <a:cubicBezTo>
                  <a:pt x="35" y="92"/>
                  <a:pt x="35" y="92"/>
                  <a:pt x="35" y="92"/>
                </a:cubicBezTo>
                <a:cubicBezTo>
                  <a:pt x="13" y="99"/>
                  <a:pt x="0" y="122"/>
                  <a:pt x="0" y="151"/>
                </a:cubicBezTo>
                <a:cubicBezTo>
                  <a:pt x="0" y="154"/>
                  <a:pt x="0" y="158"/>
                  <a:pt x="1" y="161"/>
                </a:cubicBezTo>
                <a:cubicBezTo>
                  <a:pt x="4" y="196"/>
                  <a:pt x="20" y="207"/>
                  <a:pt x="39" y="217"/>
                </a:cubicBezTo>
                <a:cubicBezTo>
                  <a:pt x="39" y="217"/>
                  <a:pt x="39" y="217"/>
                  <a:pt x="39" y="217"/>
                </a:cubicBezTo>
                <a:cubicBezTo>
                  <a:pt x="39" y="217"/>
                  <a:pt x="155" y="267"/>
                  <a:pt x="203" y="288"/>
                </a:cubicBezTo>
                <a:cubicBezTo>
                  <a:pt x="157" y="300"/>
                  <a:pt x="58" y="327"/>
                  <a:pt x="48" y="330"/>
                </a:cubicBezTo>
                <a:cubicBezTo>
                  <a:pt x="39" y="331"/>
                  <a:pt x="32" y="335"/>
                  <a:pt x="26" y="343"/>
                </a:cubicBezTo>
                <a:cubicBezTo>
                  <a:pt x="15" y="356"/>
                  <a:pt x="10" y="377"/>
                  <a:pt x="12" y="399"/>
                </a:cubicBezTo>
                <a:cubicBezTo>
                  <a:pt x="14" y="421"/>
                  <a:pt x="23" y="441"/>
                  <a:pt x="36" y="452"/>
                </a:cubicBezTo>
                <a:cubicBezTo>
                  <a:pt x="44" y="458"/>
                  <a:pt x="53" y="461"/>
                  <a:pt x="62" y="460"/>
                </a:cubicBezTo>
                <a:cubicBezTo>
                  <a:pt x="62" y="460"/>
                  <a:pt x="63" y="460"/>
                  <a:pt x="64" y="460"/>
                </a:cubicBezTo>
                <a:cubicBezTo>
                  <a:pt x="64" y="460"/>
                  <a:pt x="64" y="460"/>
                  <a:pt x="64" y="460"/>
                </a:cubicBezTo>
                <a:cubicBezTo>
                  <a:pt x="66" y="459"/>
                  <a:pt x="68" y="459"/>
                  <a:pt x="70" y="458"/>
                </a:cubicBezTo>
                <a:cubicBezTo>
                  <a:pt x="86" y="454"/>
                  <a:pt x="401" y="369"/>
                  <a:pt x="401" y="369"/>
                </a:cubicBezTo>
                <a:cubicBezTo>
                  <a:pt x="401" y="369"/>
                  <a:pt x="402" y="369"/>
                  <a:pt x="402" y="368"/>
                </a:cubicBezTo>
                <a:cubicBezTo>
                  <a:pt x="424" y="361"/>
                  <a:pt x="436" y="339"/>
                  <a:pt x="436" y="310"/>
                </a:cubicBezTo>
                <a:cubicBezTo>
                  <a:pt x="436" y="307"/>
                  <a:pt x="436" y="303"/>
                  <a:pt x="436" y="300"/>
                </a:cubicBezTo>
                <a:close/>
                <a:moveTo>
                  <a:pt x="46" y="360"/>
                </a:moveTo>
                <a:cubicBezTo>
                  <a:pt x="48" y="358"/>
                  <a:pt x="50" y="356"/>
                  <a:pt x="52" y="356"/>
                </a:cubicBezTo>
                <a:cubicBezTo>
                  <a:pt x="53" y="356"/>
                  <a:pt x="55" y="357"/>
                  <a:pt x="57" y="358"/>
                </a:cubicBezTo>
                <a:cubicBezTo>
                  <a:pt x="57" y="358"/>
                  <a:pt x="57" y="358"/>
                  <a:pt x="57" y="358"/>
                </a:cubicBezTo>
                <a:cubicBezTo>
                  <a:pt x="63" y="363"/>
                  <a:pt x="70" y="375"/>
                  <a:pt x="72" y="393"/>
                </a:cubicBezTo>
                <a:cubicBezTo>
                  <a:pt x="72" y="393"/>
                  <a:pt x="72" y="393"/>
                  <a:pt x="72" y="393"/>
                </a:cubicBezTo>
                <a:cubicBezTo>
                  <a:pt x="72" y="393"/>
                  <a:pt x="72" y="393"/>
                  <a:pt x="72" y="393"/>
                </a:cubicBezTo>
                <a:cubicBezTo>
                  <a:pt x="72" y="394"/>
                  <a:pt x="72" y="396"/>
                  <a:pt x="72" y="397"/>
                </a:cubicBezTo>
                <a:cubicBezTo>
                  <a:pt x="72" y="397"/>
                  <a:pt x="72" y="398"/>
                  <a:pt x="72" y="398"/>
                </a:cubicBezTo>
                <a:cubicBezTo>
                  <a:pt x="72" y="399"/>
                  <a:pt x="72" y="399"/>
                  <a:pt x="72" y="400"/>
                </a:cubicBezTo>
                <a:cubicBezTo>
                  <a:pt x="72" y="401"/>
                  <a:pt x="72" y="401"/>
                  <a:pt x="72" y="402"/>
                </a:cubicBezTo>
                <a:cubicBezTo>
                  <a:pt x="72" y="402"/>
                  <a:pt x="72" y="403"/>
                  <a:pt x="72" y="403"/>
                </a:cubicBezTo>
                <a:cubicBezTo>
                  <a:pt x="72" y="404"/>
                  <a:pt x="72" y="405"/>
                  <a:pt x="72" y="406"/>
                </a:cubicBezTo>
                <a:cubicBezTo>
                  <a:pt x="72" y="406"/>
                  <a:pt x="72" y="406"/>
                  <a:pt x="72" y="406"/>
                </a:cubicBezTo>
                <a:cubicBezTo>
                  <a:pt x="72" y="407"/>
                  <a:pt x="72" y="408"/>
                  <a:pt x="72" y="408"/>
                </a:cubicBezTo>
                <a:cubicBezTo>
                  <a:pt x="72" y="409"/>
                  <a:pt x="72" y="409"/>
                  <a:pt x="72" y="409"/>
                </a:cubicBezTo>
                <a:cubicBezTo>
                  <a:pt x="72" y="410"/>
                  <a:pt x="72" y="410"/>
                  <a:pt x="72" y="411"/>
                </a:cubicBezTo>
                <a:cubicBezTo>
                  <a:pt x="72" y="411"/>
                  <a:pt x="72" y="412"/>
                  <a:pt x="72" y="412"/>
                </a:cubicBezTo>
                <a:cubicBezTo>
                  <a:pt x="71" y="412"/>
                  <a:pt x="71" y="413"/>
                  <a:pt x="71" y="413"/>
                </a:cubicBezTo>
                <a:cubicBezTo>
                  <a:pt x="71" y="414"/>
                  <a:pt x="71" y="414"/>
                  <a:pt x="71" y="414"/>
                </a:cubicBezTo>
                <a:cubicBezTo>
                  <a:pt x="71" y="415"/>
                  <a:pt x="71" y="415"/>
                  <a:pt x="71" y="416"/>
                </a:cubicBezTo>
                <a:cubicBezTo>
                  <a:pt x="71" y="416"/>
                  <a:pt x="71" y="416"/>
                  <a:pt x="71" y="417"/>
                </a:cubicBezTo>
                <a:cubicBezTo>
                  <a:pt x="70" y="417"/>
                  <a:pt x="70" y="418"/>
                  <a:pt x="70" y="418"/>
                </a:cubicBezTo>
                <a:cubicBezTo>
                  <a:pt x="70" y="418"/>
                  <a:pt x="70" y="418"/>
                  <a:pt x="70" y="419"/>
                </a:cubicBezTo>
                <a:cubicBezTo>
                  <a:pt x="70" y="420"/>
                  <a:pt x="69" y="421"/>
                  <a:pt x="69" y="422"/>
                </a:cubicBezTo>
                <a:cubicBezTo>
                  <a:pt x="69" y="423"/>
                  <a:pt x="68" y="423"/>
                  <a:pt x="68" y="423"/>
                </a:cubicBezTo>
                <a:cubicBezTo>
                  <a:pt x="68" y="423"/>
                  <a:pt x="68" y="424"/>
                  <a:pt x="68" y="424"/>
                </a:cubicBezTo>
                <a:cubicBezTo>
                  <a:pt x="68" y="424"/>
                  <a:pt x="68" y="425"/>
                  <a:pt x="68" y="425"/>
                </a:cubicBezTo>
                <a:cubicBezTo>
                  <a:pt x="67" y="425"/>
                  <a:pt x="67" y="425"/>
                  <a:pt x="67" y="426"/>
                </a:cubicBezTo>
                <a:cubicBezTo>
                  <a:pt x="67" y="426"/>
                  <a:pt x="67" y="426"/>
                  <a:pt x="67" y="426"/>
                </a:cubicBezTo>
                <a:cubicBezTo>
                  <a:pt x="67" y="427"/>
                  <a:pt x="66" y="427"/>
                  <a:pt x="66" y="427"/>
                </a:cubicBezTo>
                <a:cubicBezTo>
                  <a:pt x="66" y="427"/>
                  <a:pt x="66" y="428"/>
                  <a:pt x="66" y="428"/>
                </a:cubicBezTo>
                <a:cubicBezTo>
                  <a:pt x="66" y="428"/>
                  <a:pt x="66" y="428"/>
                  <a:pt x="65" y="429"/>
                </a:cubicBezTo>
                <a:cubicBezTo>
                  <a:pt x="65" y="429"/>
                  <a:pt x="65" y="429"/>
                  <a:pt x="65" y="429"/>
                </a:cubicBezTo>
                <a:cubicBezTo>
                  <a:pt x="65" y="429"/>
                  <a:pt x="65" y="430"/>
                  <a:pt x="64" y="430"/>
                </a:cubicBezTo>
                <a:cubicBezTo>
                  <a:pt x="64" y="431"/>
                  <a:pt x="62" y="432"/>
                  <a:pt x="61" y="433"/>
                </a:cubicBezTo>
                <a:cubicBezTo>
                  <a:pt x="61" y="433"/>
                  <a:pt x="60" y="433"/>
                  <a:pt x="58" y="434"/>
                </a:cubicBezTo>
                <a:cubicBezTo>
                  <a:pt x="56" y="433"/>
                  <a:pt x="55" y="432"/>
                  <a:pt x="53" y="431"/>
                </a:cubicBezTo>
                <a:cubicBezTo>
                  <a:pt x="48" y="426"/>
                  <a:pt x="40" y="415"/>
                  <a:pt x="39" y="396"/>
                </a:cubicBezTo>
                <a:cubicBezTo>
                  <a:pt x="37" y="378"/>
                  <a:pt x="42" y="365"/>
                  <a:pt x="46" y="360"/>
                </a:cubicBezTo>
                <a:close/>
                <a:moveTo>
                  <a:pt x="393" y="343"/>
                </a:moveTo>
                <a:cubicBezTo>
                  <a:pt x="392" y="344"/>
                  <a:pt x="158" y="407"/>
                  <a:pt x="96" y="423"/>
                </a:cubicBezTo>
                <a:cubicBezTo>
                  <a:pt x="98" y="418"/>
                  <a:pt x="99" y="412"/>
                  <a:pt x="99" y="407"/>
                </a:cubicBezTo>
                <a:cubicBezTo>
                  <a:pt x="99" y="406"/>
                  <a:pt x="99" y="406"/>
                  <a:pt x="99" y="406"/>
                </a:cubicBezTo>
                <a:cubicBezTo>
                  <a:pt x="99" y="405"/>
                  <a:pt x="99" y="404"/>
                  <a:pt x="99" y="404"/>
                </a:cubicBezTo>
                <a:cubicBezTo>
                  <a:pt x="99" y="403"/>
                  <a:pt x="99" y="402"/>
                  <a:pt x="99" y="400"/>
                </a:cubicBezTo>
                <a:cubicBezTo>
                  <a:pt x="99" y="397"/>
                  <a:pt x="99" y="394"/>
                  <a:pt x="99" y="391"/>
                </a:cubicBezTo>
                <a:cubicBezTo>
                  <a:pt x="99" y="389"/>
                  <a:pt x="98" y="388"/>
                  <a:pt x="98" y="387"/>
                </a:cubicBezTo>
                <a:cubicBezTo>
                  <a:pt x="98" y="386"/>
                  <a:pt x="98" y="386"/>
                  <a:pt x="98" y="386"/>
                </a:cubicBezTo>
                <a:cubicBezTo>
                  <a:pt x="98" y="385"/>
                  <a:pt x="98" y="384"/>
                  <a:pt x="98" y="383"/>
                </a:cubicBezTo>
                <a:cubicBezTo>
                  <a:pt x="98" y="383"/>
                  <a:pt x="97" y="382"/>
                  <a:pt x="97" y="382"/>
                </a:cubicBezTo>
                <a:cubicBezTo>
                  <a:pt x="97" y="381"/>
                  <a:pt x="97" y="380"/>
                  <a:pt x="97" y="378"/>
                </a:cubicBezTo>
                <a:cubicBezTo>
                  <a:pt x="97" y="378"/>
                  <a:pt x="97" y="378"/>
                  <a:pt x="97" y="378"/>
                </a:cubicBezTo>
                <a:cubicBezTo>
                  <a:pt x="96" y="377"/>
                  <a:pt x="96" y="376"/>
                  <a:pt x="96" y="375"/>
                </a:cubicBezTo>
                <a:cubicBezTo>
                  <a:pt x="96" y="375"/>
                  <a:pt x="96" y="374"/>
                  <a:pt x="96" y="374"/>
                </a:cubicBezTo>
                <a:cubicBezTo>
                  <a:pt x="95" y="373"/>
                  <a:pt x="95" y="372"/>
                  <a:pt x="95" y="371"/>
                </a:cubicBezTo>
                <a:cubicBezTo>
                  <a:pt x="95" y="371"/>
                  <a:pt x="95" y="371"/>
                  <a:pt x="95" y="370"/>
                </a:cubicBezTo>
                <a:cubicBezTo>
                  <a:pt x="94" y="369"/>
                  <a:pt x="94" y="368"/>
                  <a:pt x="93" y="367"/>
                </a:cubicBezTo>
                <a:cubicBezTo>
                  <a:pt x="93" y="367"/>
                  <a:pt x="93" y="367"/>
                  <a:pt x="93" y="367"/>
                </a:cubicBezTo>
                <a:cubicBezTo>
                  <a:pt x="93" y="366"/>
                  <a:pt x="93" y="365"/>
                  <a:pt x="92" y="364"/>
                </a:cubicBezTo>
                <a:cubicBezTo>
                  <a:pt x="92" y="363"/>
                  <a:pt x="92" y="363"/>
                  <a:pt x="92" y="363"/>
                </a:cubicBezTo>
                <a:cubicBezTo>
                  <a:pt x="92" y="362"/>
                  <a:pt x="91" y="361"/>
                  <a:pt x="91" y="361"/>
                </a:cubicBezTo>
                <a:cubicBezTo>
                  <a:pt x="91" y="360"/>
                  <a:pt x="91" y="360"/>
                  <a:pt x="90" y="360"/>
                </a:cubicBezTo>
                <a:cubicBezTo>
                  <a:pt x="90" y="359"/>
                  <a:pt x="90" y="358"/>
                  <a:pt x="89" y="357"/>
                </a:cubicBezTo>
                <a:cubicBezTo>
                  <a:pt x="89" y="357"/>
                  <a:pt x="89" y="356"/>
                  <a:pt x="89" y="356"/>
                </a:cubicBezTo>
                <a:cubicBezTo>
                  <a:pt x="88" y="355"/>
                  <a:pt x="88" y="355"/>
                  <a:pt x="87" y="354"/>
                </a:cubicBezTo>
                <a:cubicBezTo>
                  <a:pt x="87" y="353"/>
                  <a:pt x="87" y="353"/>
                  <a:pt x="87" y="353"/>
                </a:cubicBezTo>
                <a:cubicBezTo>
                  <a:pt x="87" y="352"/>
                  <a:pt x="86" y="352"/>
                  <a:pt x="86" y="351"/>
                </a:cubicBezTo>
                <a:cubicBezTo>
                  <a:pt x="86" y="351"/>
                  <a:pt x="85" y="350"/>
                  <a:pt x="85" y="350"/>
                </a:cubicBezTo>
                <a:cubicBezTo>
                  <a:pt x="85" y="349"/>
                  <a:pt x="84" y="349"/>
                  <a:pt x="84" y="348"/>
                </a:cubicBezTo>
                <a:cubicBezTo>
                  <a:pt x="84" y="348"/>
                  <a:pt x="84" y="348"/>
                  <a:pt x="83" y="348"/>
                </a:cubicBezTo>
                <a:cubicBezTo>
                  <a:pt x="126" y="336"/>
                  <a:pt x="247" y="303"/>
                  <a:pt x="247" y="303"/>
                </a:cubicBezTo>
                <a:cubicBezTo>
                  <a:pt x="253" y="302"/>
                  <a:pt x="256" y="297"/>
                  <a:pt x="257" y="292"/>
                </a:cubicBezTo>
                <a:cubicBezTo>
                  <a:pt x="257" y="291"/>
                  <a:pt x="257" y="291"/>
                  <a:pt x="257" y="291"/>
                </a:cubicBezTo>
                <a:cubicBezTo>
                  <a:pt x="257" y="285"/>
                  <a:pt x="254" y="280"/>
                  <a:pt x="249" y="278"/>
                </a:cubicBezTo>
                <a:cubicBezTo>
                  <a:pt x="249" y="278"/>
                  <a:pt x="51" y="193"/>
                  <a:pt x="50" y="193"/>
                </a:cubicBezTo>
                <a:cubicBezTo>
                  <a:pt x="36" y="186"/>
                  <a:pt x="29" y="181"/>
                  <a:pt x="27" y="158"/>
                </a:cubicBezTo>
                <a:cubicBezTo>
                  <a:pt x="27" y="156"/>
                  <a:pt x="27" y="153"/>
                  <a:pt x="27" y="151"/>
                </a:cubicBezTo>
                <a:cubicBezTo>
                  <a:pt x="27" y="134"/>
                  <a:pt x="33" y="121"/>
                  <a:pt x="43" y="117"/>
                </a:cubicBezTo>
                <a:cubicBezTo>
                  <a:pt x="45" y="117"/>
                  <a:pt x="375" y="28"/>
                  <a:pt x="378" y="27"/>
                </a:cubicBezTo>
                <a:cubicBezTo>
                  <a:pt x="380" y="27"/>
                  <a:pt x="382" y="29"/>
                  <a:pt x="383" y="30"/>
                </a:cubicBezTo>
                <a:cubicBezTo>
                  <a:pt x="389" y="34"/>
                  <a:pt x="396" y="46"/>
                  <a:pt x="398" y="64"/>
                </a:cubicBezTo>
                <a:cubicBezTo>
                  <a:pt x="398" y="65"/>
                  <a:pt x="398" y="65"/>
                  <a:pt x="398" y="65"/>
                </a:cubicBezTo>
                <a:cubicBezTo>
                  <a:pt x="398" y="66"/>
                  <a:pt x="399" y="69"/>
                  <a:pt x="399" y="73"/>
                </a:cubicBezTo>
                <a:cubicBezTo>
                  <a:pt x="399" y="83"/>
                  <a:pt x="396" y="99"/>
                  <a:pt x="382" y="105"/>
                </a:cubicBezTo>
                <a:cubicBezTo>
                  <a:pt x="380" y="106"/>
                  <a:pt x="211" y="157"/>
                  <a:pt x="208" y="158"/>
                </a:cubicBezTo>
                <a:cubicBezTo>
                  <a:pt x="184" y="148"/>
                  <a:pt x="145" y="131"/>
                  <a:pt x="145" y="131"/>
                </a:cubicBezTo>
                <a:cubicBezTo>
                  <a:pt x="138" y="128"/>
                  <a:pt x="130" y="131"/>
                  <a:pt x="127" y="138"/>
                </a:cubicBezTo>
                <a:cubicBezTo>
                  <a:pt x="127" y="139"/>
                  <a:pt x="126" y="141"/>
                  <a:pt x="126" y="143"/>
                </a:cubicBezTo>
                <a:cubicBezTo>
                  <a:pt x="126" y="148"/>
                  <a:pt x="129" y="153"/>
                  <a:pt x="134" y="155"/>
                </a:cubicBezTo>
                <a:cubicBezTo>
                  <a:pt x="386" y="264"/>
                  <a:pt x="386" y="264"/>
                  <a:pt x="386" y="264"/>
                </a:cubicBezTo>
                <a:cubicBezTo>
                  <a:pt x="386" y="264"/>
                  <a:pt x="386" y="264"/>
                  <a:pt x="386" y="265"/>
                </a:cubicBezTo>
                <a:cubicBezTo>
                  <a:pt x="401" y="270"/>
                  <a:pt x="407" y="277"/>
                  <a:pt x="409" y="302"/>
                </a:cubicBezTo>
                <a:cubicBezTo>
                  <a:pt x="410" y="305"/>
                  <a:pt x="410" y="307"/>
                  <a:pt x="410" y="310"/>
                </a:cubicBezTo>
                <a:cubicBezTo>
                  <a:pt x="410" y="327"/>
                  <a:pt x="404" y="339"/>
                  <a:pt x="393" y="34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0" name="Freeform 421"/>
          <p:cNvSpPr>
            <a:spLocks noEditPoints="1"/>
          </p:cNvSpPr>
          <p:nvPr userDrawn="1"/>
        </p:nvSpPr>
        <p:spPr bwMode="auto">
          <a:xfrm>
            <a:off x="8796425" y="4405599"/>
            <a:ext cx="365125" cy="511175"/>
          </a:xfrm>
          <a:custGeom>
            <a:avLst/>
            <a:gdLst/>
            <a:ahLst/>
            <a:cxnLst>
              <a:cxn ang="0">
                <a:pos x="163" y="453"/>
              </a:cxn>
              <a:cxn ang="0">
                <a:pos x="97" y="425"/>
              </a:cxn>
              <a:cxn ang="0">
                <a:pos x="0" y="100"/>
              </a:cxn>
              <a:cxn ang="0">
                <a:pos x="4" y="70"/>
              </a:cxn>
              <a:cxn ang="0">
                <a:pos x="14" y="58"/>
              </a:cxn>
              <a:cxn ang="0">
                <a:pos x="62" y="29"/>
              </a:cxn>
              <a:cxn ang="0">
                <a:pos x="163" y="0"/>
              </a:cxn>
              <a:cxn ang="0">
                <a:pos x="311" y="58"/>
              </a:cxn>
              <a:cxn ang="0">
                <a:pos x="318" y="83"/>
              </a:cxn>
              <a:cxn ang="0">
                <a:pos x="295" y="79"/>
              </a:cxn>
              <a:cxn ang="0">
                <a:pos x="251" y="52"/>
              </a:cxn>
              <a:cxn ang="0">
                <a:pos x="85" y="47"/>
              </a:cxn>
              <a:cxn ang="0">
                <a:pos x="28" y="82"/>
              </a:cxn>
              <a:cxn ang="0">
                <a:pos x="27" y="100"/>
              </a:cxn>
              <a:cxn ang="0">
                <a:pos x="115" y="404"/>
              </a:cxn>
              <a:cxn ang="0">
                <a:pos x="162" y="427"/>
              </a:cxn>
              <a:cxn ang="0">
                <a:pos x="183" y="423"/>
              </a:cxn>
              <a:cxn ang="0">
                <a:pos x="287" y="257"/>
              </a:cxn>
              <a:cxn ang="0">
                <a:pos x="258" y="261"/>
              </a:cxn>
              <a:cxn ang="0">
                <a:pos x="146" y="334"/>
              </a:cxn>
              <a:cxn ang="0">
                <a:pos x="69" y="286"/>
              </a:cxn>
              <a:cxn ang="0">
                <a:pos x="58" y="202"/>
              </a:cxn>
              <a:cxn ang="0">
                <a:pos x="162" y="107"/>
              </a:cxn>
              <a:cxn ang="0">
                <a:pos x="229" y="139"/>
              </a:cxn>
              <a:cxn ang="0">
                <a:pos x="237" y="220"/>
              </a:cxn>
              <a:cxn ang="0">
                <a:pos x="215" y="261"/>
              </a:cxn>
              <a:cxn ang="0">
                <a:pos x="195" y="273"/>
              </a:cxn>
              <a:cxn ang="0">
                <a:pos x="179" y="264"/>
              </a:cxn>
              <a:cxn ang="0">
                <a:pos x="167" y="271"/>
              </a:cxn>
              <a:cxn ang="0">
                <a:pos x="115" y="273"/>
              </a:cxn>
              <a:cxn ang="0">
                <a:pos x="93" y="232"/>
              </a:cxn>
              <a:cxn ang="0">
                <a:pos x="118" y="170"/>
              </a:cxn>
              <a:cxn ang="0">
                <a:pos x="160" y="152"/>
              </a:cxn>
              <a:cxn ang="0">
                <a:pos x="199" y="174"/>
              </a:cxn>
              <a:cxn ang="0">
                <a:pos x="205" y="226"/>
              </a:cxn>
              <a:cxn ang="0">
                <a:pos x="218" y="186"/>
              </a:cxn>
              <a:cxn ang="0">
                <a:pos x="178" y="136"/>
              </a:cxn>
              <a:cxn ang="0">
                <a:pos x="112" y="156"/>
              </a:cxn>
              <a:cxn ang="0">
                <a:pos x="82" y="230"/>
              </a:cxn>
              <a:cxn ang="0">
                <a:pos x="117" y="301"/>
              </a:cxn>
              <a:cxn ang="0">
                <a:pos x="211" y="279"/>
              </a:cxn>
              <a:cxn ang="0">
                <a:pos x="249" y="224"/>
              </a:cxn>
              <a:cxn ang="0">
                <a:pos x="298" y="126"/>
              </a:cxn>
              <a:cxn ang="0">
                <a:pos x="302" y="121"/>
              </a:cxn>
              <a:cxn ang="0">
                <a:pos x="311" y="117"/>
              </a:cxn>
              <a:cxn ang="0">
                <a:pos x="311" y="117"/>
              </a:cxn>
              <a:cxn ang="0">
                <a:pos x="311" y="117"/>
              </a:cxn>
              <a:cxn ang="0">
                <a:pos x="320" y="120"/>
              </a:cxn>
              <a:cxn ang="0">
                <a:pos x="322" y="122"/>
              </a:cxn>
              <a:cxn ang="0">
                <a:pos x="322" y="122"/>
              </a:cxn>
              <a:cxn ang="0">
                <a:pos x="324" y="131"/>
              </a:cxn>
              <a:cxn ang="0">
                <a:pos x="228" y="425"/>
              </a:cxn>
              <a:cxn ang="0">
                <a:pos x="163" y="453"/>
              </a:cxn>
              <a:cxn ang="0">
                <a:pos x="172" y="231"/>
              </a:cxn>
              <a:cxn ang="0">
                <a:pos x="180" y="212"/>
              </a:cxn>
              <a:cxn ang="0">
                <a:pos x="176" y="188"/>
              </a:cxn>
              <a:cxn ang="0">
                <a:pos x="160" y="179"/>
              </a:cxn>
              <a:cxn ang="0">
                <a:pos x="137" y="188"/>
              </a:cxn>
              <a:cxn ang="0">
                <a:pos x="120" y="232"/>
              </a:cxn>
              <a:cxn ang="0">
                <a:pos x="128" y="249"/>
              </a:cxn>
              <a:cxn ang="0">
                <a:pos x="154" y="248"/>
              </a:cxn>
            </a:cxnLst>
            <a:rect l="0" t="0" r="r" b="b"/>
            <a:pathLst>
              <a:path w="324" h="453">
                <a:moveTo>
                  <a:pt x="163" y="453"/>
                </a:move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54" y="453"/>
                  <a:pt x="144" y="452"/>
                  <a:pt x="133" y="448"/>
                </a:cubicBezTo>
                <a:cubicBezTo>
                  <a:pt x="133" y="448"/>
                  <a:pt x="133" y="448"/>
                  <a:pt x="133" y="448"/>
                </a:cubicBezTo>
                <a:cubicBezTo>
                  <a:pt x="122" y="443"/>
                  <a:pt x="110" y="436"/>
                  <a:pt x="97" y="425"/>
                </a:cubicBezTo>
                <a:cubicBezTo>
                  <a:pt x="97" y="425"/>
                  <a:pt x="97" y="425"/>
                  <a:pt x="97" y="425"/>
                </a:cubicBezTo>
                <a:cubicBezTo>
                  <a:pt x="66" y="398"/>
                  <a:pt x="25" y="347"/>
                  <a:pt x="13" y="261"/>
                </a:cubicBezTo>
                <a:cubicBezTo>
                  <a:pt x="13" y="261"/>
                  <a:pt x="13" y="261"/>
                  <a:pt x="13" y="261"/>
                </a:cubicBezTo>
                <a:cubicBezTo>
                  <a:pt x="8" y="228"/>
                  <a:pt x="0" y="145"/>
                  <a:pt x="0" y="100"/>
                </a:cubicBezTo>
                <a:cubicBezTo>
                  <a:pt x="0" y="100"/>
                  <a:pt x="0" y="100"/>
                  <a:pt x="0" y="100"/>
                </a:cubicBezTo>
                <a:cubicBezTo>
                  <a:pt x="0" y="90"/>
                  <a:pt x="1" y="83"/>
                  <a:pt x="2" y="76"/>
                </a:cubicBezTo>
                <a:cubicBezTo>
                  <a:pt x="2" y="76"/>
                  <a:pt x="2" y="76"/>
                  <a:pt x="2" y="76"/>
                </a:cubicBezTo>
                <a:cubicBezTo>
                  <a:pt x="2" y="74"/>
                  <a:pt x="3" y="72"/>
                  <a:pt x="4" y="70"/>
                </a:cubicBezTo>
                <a:cubicBezTo>
                  <a:pt x="4" y="70"/>
                  <a:pt x="4" y="70"/>
                  <a:pt x="4" y="70"/>
                </a:cubicBezTo>
                <a:cubicBezTo>
                  <a:pt x="4" y="68"/>
                  <a:pt x="5" y="66"/>
                  <a:pt x="7" y="64"/>
                </a:cubicBezTo>
                <a:cubicBezTo>
                  <a:pt x="7" y="64"/>
                  <a:pt x="7" y="64"/>
                  <a:pt x="7" y="64"/>
                </a:cubicBezTo>
                <a:cubicBezTo>
                  <a:pt x="9" y="62"/>
                  <a:pt x="11" y="61"/>
                  <a:pt x="14" y="58"/>
                </a:cubicBezTo>
                <a:cubicBezTo>
                  <a:pt x="14" y="58"/>
                  <a:pt x="14" y="58"/>
                  <a:pt x="14" y="58"/>
                </a:cubicBezTo>
                <a:cubicBezTo>
                  <a:pt x="18" y="56"/>
                  <a:pt x="22" y="53"/>
                  <a:pt x="26" y="50"/>
                </a:cubicBezTo>
                <a:cubicBezTo>
                  <a:pt x="26" y="50"/>
                  <a:pt x="26" y="50"/>
                  <a:pt x="26" y="50"/>
                </a:cubicBezTo>
                <a:cubicBezTo>
                  <a:pt x="36" y="44"/>
                  <a:pt x="48" y="36"/>
                  <a:pt x="62" y="29"/>
                </a:cubicBezTo>
                <a:cubicBezTo>
                  <a:pt x="62" y="29"/>
                  <a:pt x="62" y="29"/>
                  <a:pt x="62" y="29"/>
                </a:cubicBezTo>
                <a:cubicBezTo>
                  <a:pt x="91" y="14"/>
                  <a:pt x="127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94" y="0"/>
                  <a:pt x="226" y="11"/>
                  <a:pt x="252" y="23"/>
                </a:cubicBezTo>
                <a:cubicBezTo>
                  <a:pt x="252" y="23"/>
                  <a:pt x="252" y="23"/>
                  <a:pt x="252" y="23"/>
                </a:cubicBezTo>
                <a:cubicBezTo>
                  <a:pt x="279" y="36"/>
                  <a:pt x="300" y="50"/>
                  <a:pt x="311" y="58"/>
                </a:cubicBezTo>
                <a:cubicBezTo>
                  <a:pt x="311" y="58"/>
                  <a:pt x="311" y="58"/>
                  <a:pt x="311" y="58"/>
                </a:cubicBezTo>
                <a:cubicBezTo>
                  <a:pt x="314" y="61"/>
                  <a:pt x="316" y="62"/>
                  <a:pt x="318" y="64"/>
                </a:cubicBezTo>
                <a:cubicBezTo>
                  <a:pt x="318" y="64"/>
                  <a:pt x="318" y="64"/>
                  <a:pt x="318" y="64"/>
                </a:cubicBezTo>
                <a:cubicBezTo>
                  <a:pt x="324" y="70"/>
                  <a:pt x="324" y="78"/>
                  <a:pt x="318" y="83"/>
                </a:cubicBezTo>
                <a:cubicBezTo>
                  <a:pt x="318" y="83"/>
                  <a:pt x="318" y="83"/>
                  <a:pt x="318" y="83"/>
                </a:cubicBezTo>
                <a:cubicBezTo>
                  <a:pt x="313" y="88"/>
                  <a:pt x="305" y="88"/>
                  <a:pt x="300" y="83"/>
                </a:cubicBezTo>
                <a:cubicBezTo>
                  <a:pt x="300" y="83"/>
                  <a:pt x="300" y="83"/>
                  <a:pt x="300" y="83"/>
                </a:cubicBezTo>
                <a:cubicBezTo>
                  <a:pt x="299" y="83"/>
                  <a:pt x="298" y="81"/>
                  <a:pt x="295" y="79"/>
                </a:cubicBezTo>
                <a:cubicBezTo>
                  <a:pt x="295" y="79"/>
                  <a:pt x="295" y="79"/>
                  <a:pt x="295" y="79"/>
                </a:cubicBezTo>
                <a:cubicBezTo>
                  <a:pt x="292" y="77"/>
                  <a:pt x="289" y="75"/>
                  <a:pt x="284" y="72"/>
                </a:cubicBezTo>
                <a:cubicBezTo>
                  <a:pt x="284" y="72"/>
                  <a:pt x="284" y="72"/>
                  <a:pt x="284" y="72"/>
                </a:cubicBezTo>
                <a:cubicBezTo>
                  <a:pt x="276" y="66"/>
                  <a:pt x="264" y="59"/>
                  <a:pt x="251" y="52"/>
                </a:cubicBezTo>
                <a:cubicBezTo>
                  <a:pt x="251" y="52"/>
                  <a:pt x="251" y="52"/>
                  <a:pt x="251" y="52"/>
                </a:cubicBezTo>
                <a:cubicBezTo>
                  <a:pt x="225" y="39"/>
                  <a:pt x="192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37" y="27"/>
                  <a:pt x="109" y="36"/>
                  <a:pt x="85" y="47"/>
                </a:cubicBezTo>
                <a:cubicBezTo>
                  <a:pt x="85" y="47"/>
                  <a:pt x="85" y="47"/>
                  <a:pt x="85" y="47"/>
                </a:cubicBezTo>
                <a:cubicBezTo>
                  <a:pt x="60" y="59"/>
                  <a:pt x="40" y="72"/>
                  <a:pt x="31" y="79"/>
                </a:cubicBezTo>
                <a:cubicBezTo>
                  <a:pt x="31" y="79"/>
                  <a:pt x="31" y="79"/>
                  <a:pt x="31" y="79"/>
                </a:cubicBezTo>
                <a:cubicBezTo>
                  <a:pt x="30" y="80"/>
                  <a:pt x="29" y="81"/>
                  <a:pt x="28" y="82"/>
                </a:cubicBezTo>
                <a:cubicBezTo>
                  <a:pt x="28" y="82"/>
                  <a:pt x="28" y="82"/>
                  <a:pt x="28" y="82"/>
                </a:cubicBezTo>
                <a:cubicBezTo>
                  <a:pt x="28" y="82"/>
                  <a:pt x="28" y="83"/>
                  <a:pt x="28" y="84"/>
                </a:cubicBezTo>
                <a:cubicBezTo>
                  <a:pt x="28" y="84"/>
                  <a:pt x="28" y="84"/>
                  <a:pt x="28" y="84"/>
                </a:cubicBezTo>
                <a:cubicBezTo>
                  <a:pt x="27" y="87"/>
                  <a:pt x="27" y="93"/>
                  <a:pt x="27" y="100"/>
                </a:cubicBezTo>
                <a:cubicBezTo>
                  <a:pt x="27" y="100"/>
                  <a:pt x="27" y="100"/>
                  <a:pt x="27" y="100"/>
                </a:cubicBezTo>
                <a:cubicBezTo>
                  <a:pt x="27" y="142"/>
                  <a:pt x="34" y="227"/>
                  <a:pt x="39" y="257"/>
                </a:cubicBezTo>
                <a:cubicBezTo>
                  <a:pt x="39" y="257"/>
                  <a:pt x="39" y="257"/>
                  <a:pt x="39" y="257"/>
                </a:cubicBezTo>
                <a:cubicBezTo>
                  <a:pt x="51" y="337"/>
                  <a:pt x="88" y="381"/>
                  <a:pt x="115" y="404"/>
                </a:cubicBezTo>
                <a:cubicBezTo>
                  <a:pt x="115" y="404"/>
                  <a:pt x="115" y="404"/>
                  <a:pt x="115" y="404"/>
                </a:cubicBezTo>
                <a:cubicBezTo>
                  <a:pt x="126" y="414"/>
                  <a:pt x="135" y="420"/>
                  <a:pt x="143" y="423"/>
                </a:cubicBezTo>
                <a:cubicBezTo>
                  <a:pt x="143" y="423"/>
                  <a:pt x="143" y="423"/>
                  <a:pt x="143" y="423"/>
                </a:cubicBezTo>
                <a:cubicBezTo>
                  <a:pt x="150" y="426"/>
                  <a:pt x="156" y="427"/>
                  <a:pt x="162" y="427"/>
                </a:cubicBezTo>
                <a:cubicBezTo>
                  <a:pt x="162" y="427"/>
                  <a:pt x="162" y="427"/>
                  <a:pt x="162" y="427"/>
                </a:cubicBezTo>
                <a:cubicBezTo>
                  <a:pt x="162" y="427"/>
                  <a:pt x="163" y="427"/>
                  <a:pt x="164" y="427"/>
                </a:cubicBezTo>
                <a:cubicBezTo>
                  <a:pt x="164" y="427"/>
                  <a:pt x="164" y="427"/>
                  <a:pt x="164" y="427"/>
                </a:cubicBezTo>
                <a:cubicBezTo>
                  <a:pt x="170" y="427"/>
                  <a:pt x="175" y="426"/>
                  <a:pt x="183" y="423"/>
                </a:cubicBezTo>
                <a:cubicBezTo>
                  <a:pt x="183" y="423"/>
                  <a:pt x="183" y="423"/>
                  <a:pt x="183" y="423"/>
                </a:cubicBezTo>
                <a:cubicBezTo>
                  <a:pt x="190" y="420"/>
                  <a:pt x="200" y="414"/>
                  <a:pt x="211" y="404"/>
                </a:cubicBezTo>
                <a:cubicBezTo>
                  <a:pt x="211" y="404"/>
                  <a:pt x="211" y="404"/>
                  <a:pt x="211" y="404"/>
                </a:cubicBezTo>
                <a:cubicBezTo>
                  <a:pt x="238" y="381"/>
                  <a:pt x="275" y="337"/>
                  <a:pt x="287" y="257"/>
                </a:cubicBezTo>
                <a:cubicBezTo>
                  <a:pt x="287" y="257"/>
                  <a:pt x="287" y="257"/>
                  <a:pt x="287" y="257"/>
                </a:cubicBezTo>
                <a:cubicBezTo>
                  <a:pt x="288" y="245"/>
                  <a:pt x="291" y="224"/>
                  <a:pt x="293" y="200"/>
                </a:cubicBezTo>
                <a:cubicBezTo>
                  <a:pt x="293" y="200"/>
                  <a:pt x="293" y="200"/>
                  <a:pt x="293" y="200"/>
                </a:cubicBezTo>
                <a:cubicBezTo>
                  <a:pt x="282" y="220"/>
                  <a:pt x="270" y="242"/>
                  <a:pt x="258" y="261"/>
                </a:cubicBezTo>
                <a:cubicBezTo>
                  <a:pt x="258" y="261"/>
                  <a:pt x="258" y="261"/>
                  <a:pt x="258" y="261"/>
                </a:cubicBezTo>
                <a:cubicBezTo>
                  <a:pt x="248" y="276"/>
                  <a:pt x="239" y="289"/>
                  <a:pt x="229" y="298"/>
                </a:cubicBezTo>
                <a:cubicBezTo>
                  <a:pt x="229" y="298"/>
                  <a:pt x="229" y="298"/>
                  <a:pt x="229" y="298"/>
                </a:cubicBezTo>
                <a:cubicBezTo>
                  <a:pt x="205" y="322"/>
                  <a:pt x="174" y="334"/>
                  <a:pt x="146" y="334"/>
                </a:cubicBezTo>
                <a:cubicBezTo>
                  <a:pt x="146" y="334"/>
                  <a:pt x="146" y="334"/>
                  <a:pt x="146" y="334"/>
                </a:cubicBezTo>
                <a:cubicBezTo>
                  <a:pt x="131" y="334"/>
                  <a:pt x="117" y="331"/>
                  <a:pt x="104" y="324"/>
                </a:cubicBezTo>
                <a:cubicBezTo>
                  <a:pt x="104" y="324"/>
                  <a:pt x="104" y="324"/>
                  <a:pt x="104" y="324"/>
                </a:cubicBezTo>
                <a:cubicBezTo>
                  <a:pt x="90" y="316"/>
                  <a:pt x="78" y="303"/>
                  <a:pt x="69" y="286"/>
                </a:cubicBezTo>
                <a:cubicBezTo>
                  <a:pt x="69" y="286"/>
                  <a:pt x="69" y="286"/>
                  <a:pt x="69" y="286"/>
                </a:cubicBezTo>
                <a:cubicBezTo>
                  <a:pt x="60" y="270"/>
                  <a:pt x="55" y="251"/>
                  <a:pt x="55" y="230"/>
                </a:cubicBezTo>
                <a:cubicBezTo>
                  <a:pt x="55" y="230"/>
                  <a:pt x="55" y="230"/>
                  <a:pt x="55" y="230"/>
                </a:cubicBezTo>
                <a:cubicBezTo>
                  <a:pt x="55" y="221"/>
                  <a:pt x="56" y="211"/>
                  <a:pt x="58" y="202"/>
                </a:cubicBezTo>
                <a:cubicBezTo>
                  <a:pt x="58" y="202"/>
                  <a:pt x="58" y="202"/>
                  <a:pt x="58" y="202"/>
                </a:cubicBezTo>
                <a:cubicBezTo>
                  <a:pt x="64" y="178"/>
                  <a:pt x="76" y="155"/>
                  <a:pt x="93" y="138"/>
                </a:cubicBezTo>
                <a:cubicBezTo>
                  <a:pt x="93" y="138"/>
                  <a:pt x="93" y="138"/>
                  <a:pt x="93" y="138"/>
                </a:cubicBezTo>
                <a:cubicBezTo>
                  <a:pt x="111" y="120"/>
                  <a:pt x="134" y="107"/>
                  <a:pt x="162" y="107"/>
                </a:cubicBezTo>
                <a:cubicBezTo>
                  <a:pt x="162" y="107"/>
                  <a:pt x="162" y="107"/>
                  <a:pt x="162" y="107"/>
                </a:cubicBezTo>
                <a:cubicBezTo>
                  <a:pt x="169" y="107"/>
                  <a:pt x="176" y="108"/>
                  <a:pt x="184" y="110"/>
                </a:cubicBezTo>
                <a:cubicBezTo>
                  <a:pt x="184" y="110"/>
                  <a:pt x="184" y="110"/>
                  <a:pt x="184" y="110"/>
                </a:cubicBezTo>
                <a:cubicBezTo>
                  <a:pt x="204" y="114"/>
                  <a:pt x="219" y="125"/>
                  <a:pt x="229" y="139"/>
                </a:cubicBezTo>
                <a:cubicBezTo>
                  <a:pt x="229" y="139"/>
                  <a:pt x="229" y="139"/>
                  <a:pt x="229" y="139"/>
                </a:cubicBezTo>
                <a:cubicBezTo>
                  <a:pt x="240" y="152"/>
                  <a:pt x="245" y="169"/>
                  <a:pt x="245" y="186"/>
                </a:cubicBezTo>
                <a:cubicBezTo>
                  <a:pt x="245" y="186"/>
                  <a:pt x="245" y="186"/>
                  <a:pt x="245" y="186"/>
                </a:cubicBezTo>
                <a:cubicBezTo>
                  <a:pt x="245" y="197"/>
                  <a:pt x="242" y="209"/>
                  <a:pt x="237" y="220"/>
                </a:cubicBezTo>
                <a:cubicBezTo>
                  <a:pt x="237" y="220"/>
                  <a:pt x="237" y="220"/>
                  <a:pt x="237" y="220"/>
                </a:cubicBezTo>
                <a:cubicBezTo>
                  <a:pt x="234" y="227"/>
                  <a:pt x="231" y="235"/>
                  <a:pt x="227" y="242"/>
                </a:cubicBezTo>
                <a:cubicBezTo>
                  <a:pt x="227" y="242"/>
                  <a:pt x="227" y="242"/>
                  <a:pt x="227" y="242"/>
                </a:cubicBezTo>
                <a:cubicBezTo>
                  <a:pt x="223" y="249"/>
                  <a:pt x="219" y="255"/>
                  <a:pt x="215" y="261"/>
                </a:cubicBezTo>
                <a:cubicBezTo>
                  <a:pt x="215" y="261"/>
                  <a:pt x="215" y="261"/>
                  <a:pt x="215" y="261"/>
                </a:cubicBezTo>
                <a:cubicBezTo>
                  <a:pt x="212" y="264"/>
                  <a:pt x="210" y="268"/>
                  <a:pt x="205" y="270"/>
                </a:cubicBezTo>
                <a:cubicBezTo>
                  <a:pt x="205" y="270"/>
                  <a:pt x="205" y="270"/>
                  <a:pt x="205" y="270"/>
                </a:cubicBezTo>
                <a:cubicBezTo>
                  <a:pt x="203" y="272"/>
                  <a:pt x="199" y="273"/>
                  <a:pt x="195" y="273"/>
                </a:cubicBezTo>
                <a:cubicBezTo>
                  <a:pt x="195" y="273"/>
                  <a:pt x="195" y="273"/>
                  <a:pt x="195" y="273"/>
                </a:cubicBezTo>
                <a:cubicBezTo>
                  <a:pt x="191" y="274"/>
                  <a:pt x="188" y="272"/>
                  <a:pt x="185" y="270"/>
                </a:cubicBezTo>
                <a:cubicBezTo>
                  <a:pt x="185" y="270"/>
                  <a:pt x="185" y="270"/>
                  <a:pt x="185" y="270"/>
                </a:cubicBezTo>
                <a:cubicBezTo>
                  <a:pt x="182" y="269"/>
                  <a:pt x="180" y="266"/>
                  <a:pt x="179" y="264"/>
                </a:cubicBezTo>
                <a:cubicBezTo>
                  <a:pt x="179" y="264"/>
                  <a:pt x="179" y="264"/>
                  <a:pt x="179" y="264"/>
                </a:cubicBezTo>
                <a:cubicBezTo>
                  <a:pt x="179" y="264"/>
                  <a:pt x="179" y="264"/>
                  <a:pt x="179" y="263"/>
                </a:cubicBezTo>
                <a:cubicBezTo>
                  <a:pt x="179" y="263"/>
                  <a:pt x="179" y="263"/>
                  <a:pt x="179" y="263"/>
                </a:cubicBezTo>
                <a:cubicBezTo>
                  <a:pt x="175" y="266"/>
                  <a:pt x="172" y="269"/>
                  <a:pt x="167" y="271"/>
                </a:cubicBezTo>
                <a:cubicBezTo>
                  <a:pt x="167" y="271"/>
                  <a:pt x="167" y="271"/>
                  <a:pt x="167" y="271"/>
                </a:cubicBezTo>
                <a:cubicBezTo>
                  <a:pt x="159" y="276"/>
                  <a:pt x="149" y="279"/>
                  <a:pt x="139" y="279"/>
                </a:cubicBezTo>
                <a:cubicBezTo>
                  <a:pt x="139" y="279"/>
                  <a:pt x="139" y="279"/>
                  <a:pt x="139" y="279"/>
                </a:cubicBezTo>
                <a:cubicBezTo>
                  <a:pt x="131" y="279"/>
                  <a:pt x="123" y="277"/>
                  <a:pt x="115" y="273"/>
                </a:cubicBezTo>
                <a:cubicBezTo>
                  <a:pt x="115" y="273"/>
                  <a:pt x="115" y="273"/>
                  <a:pt x="115" y="273"/>
                </a:cubicBezTo>
                <a:cubicBezTo>
                  <a:pt x="107" y="269"/>
                  <a:pt x="100" y="262"/>
                  <a:pt x="97" y="253"/>
                </a:cubicBezTo>
                <a:cubicBezTo>
                  <a:pt x="97" y="253"/>
                  <a:pt x="97" y="253"/>
                  <a:pt x="97" y="253"/>
                </a:cubicBezTo>
                <a:cubicBezTo>
                  <a:pt x="94" y="246"/>
                  <a:pt x="93" y="239"/>
                  <a:pt x="93" y="232"/>
                </a:cubicBezTo>
                <a:cubicBezTo>
                  <a:pt x="93" y="232"/>
                  <a:pt x="93" y="232"/>
                  <a:pt x="93" y="232"/>
                </a:cubicBezTo>
                <a:cubicBezTo>
                  <a:pt x="93" y="219"/>
                  <a:pt x="96" y="207"/>
                  <a:pt x="101" y="196"/>
                </a:cubicBezTo>
                <a:cubicBezTo>
                  <a:pt x="101" y="196"/>
                  <a:pt x="101" y="196"/>
                  <a:pt x="101" y="196"/>
                </a:cubicBezTo>
                <a:cubicBezTo>
                  <a:pt x="106" y="186"/>
                  <a:pt x="111" y="176"/>
                  <a:pt x="118" y="170"/>
                </a:cubicBezTo>
                <a:cubicBezTo>
                  <a:pt x="118" y="170"/>
                  <a:pt x="118" y="170"/>
                  <a:pt x="118" y="170"/>
                </a:cubicBezTo>
                <a:cubicBezTo>
                  <a:pt x="123" y="165"/>
                  <a:pt x="129" y="161"/>
                  <a:pt x="136" y="157"/>
                </a:cubicBezTo>
                <a:cubicBezTo>
                  <a:pt x="136" y="157"/>
                  <a:pt x="136" y="157"/>
                  <a:pt x="136" y="157"/>
                </a:cubicBezTo>
                <a:cubicBezTo>
                  <a:pt x="143" y="154"/>
                  <a:pt x="151" y="152"/>
                  <a:pt x="160" y="152"/>
                </a:cubicBezTo>
                <a:cubicBezTo>
                  <a:pt x="160" y="152"/>
                  <a:pt x="160" y="152"/>
                  <a:pt x="160" y="152"/>
                </a:cubicBezTo>
                <a:cubicBezTo>
                  <a:pt x="167" y="152"/>
                  <a:pt x="174" y="154"/>
                  <a:pt x="181" y="157"/>
                </a:cubicBezTo>
                <a:cubicBezTo>
                  <a:pt x="181" y="157"/>
                  <a:pt x="181" y="157"/>
                  <a:pt x="181" y="157"/>
                </a:cubicBezTo>
                <a:cubicBezTo>
                  <a:pt x="188" y="161"/>
                  <a:pt x="194" y="166"/>
                  <a:pt x="199" y="174"/>
                </a:cubicBezTo>
                <a:cubicBezTo>
                  <a:pt x="199" y="174"/>
                  <a:pt x="199" y="174"/>
                  <a:pt x="199" y="174"/>
                </a:cubicBezTo>
                <a:cubicBezTo>
                  <a:pt x="205" y="184"/>
                  <a:pt x="207" y="195"/>
                  <a:pt x="207" y="205"/>
                </a:cubicBezTo>
                <a:cubicBezTo>
                  <a:pt x="207" y="205"/>
                  <a:pt x="207" y="205"/>
                  <a:pt x="207" y="205"/>
                </a:cubicBezTo>
                <a:cubicBezTo>
                  <a:pt x="207" y="212"/>
                  <a:pt x="206" y="219"/>
                  <a:pt x="205" y="226"/>
                </a:cubicBezTo>
                <a:cubicBezTo>
                  <a:pt x="205" y="226"/>
                  <a:pt x="205" y="226"/>
                  <a:pt x="205" y="226"/>
                </a:cubicBezTo>
                <a:cubicBezTo>
                  <a:pt x="208" y="220"/>
                  <a:pt x="210" y="215"/>
                  <a:pt x="213" y="209"/>
                </a:cubicBezTo>
                <a:cubicBezTo>
                  <a:pt x="213" y="209"/>
                  <a:pt x="213" y="209"/>
                  <a:pt x="213" y="209"/>
                </a:cubicBezTo>
                <a:cubicBezTo>
                  <a:pt x="216" y="201"/>
                  <a:pt x="218" y="193"/>
                  <a:pt x="218" y="186"/>
                </a:cubicBezTo>
                <a:cubicBezTo>
                  <a:pt x="218" y="186"/>
                  <a:pt x="218" y="186"/>
                  <a:pt x="218" y="186"/>
                </a:cubicBezTo>
                <a:cubicBezTo>
                  <a:pt x="218" y="174"/>
                  <a:pt x="215" y="163"/>
                  <a:pt x="208" y="155"/>
                </a:cubicBezTo>
                <a:cubicBezTo>
                  <a:pt x="208" y="155"/>
                  <a:pt x="208" y="155"/>
                  <a:pt x="208" y="155"/>
                </a:cubicBezTo>
                <a:cubicBezTo>
                  <a:pt x="201" y="146"/>
                  <a:pt x="192" y="139"/>
                  <a:pt x="178" y="136"/>
                </a:cubicBezTo>
                <a:cubicBezTo>
                  <a:pt x="178" y="136"/>
                  <a:pt x="178" y="136"/>
                  <a:pt x="178" y="136"/>
                </a:cubicBezTo>
                <a:cubicBezTo>
                  <a:pt x="172" y="135"/>
                  <a:pt x="167" y="134"/>
                  <a:pt x="162" y="134"/>
                </a:cubicBezTo>
                <a:cubicBezTo>
                  <a:pt x="162" y="134"/>
                  <a:pt x="162" y="134"/>
                  <a:pt x="162" y="134"/>
                </a:cubicBezTo>
                <a:cubicBezTo>
                  <a:pt x="143" y="134"/>
                  <a:pt x="126" y="143"/>
                  <a:pt x="112" y="156"/>
                </a:cubicBezTo>
                <a:cubicBezTo>
                  <a:pt x="112" y="156"/>
                  <a:pt x="112" y="156"/>
                  <a:pt x="112" y="156"/>
                </a:cubicBezTo>
                <a:cubicBezTo>
                  <a:pt x="99" y="170"/>
                  <a:pt x="89" y="189"/>
                  <a:pt x="84" y="208"/>
                </a:cubicBezTo>
                <a:cubicBezTo>
                  <a:pt x="84" y="208"/>
                  <a:pt x="84" y="208"/>
                  <a:pt x="84" y="208"/>
                </a:cubicBezTo>
                <a:cubicBezTo>
                  <a:pt x="83" y="215"/>
                  <a:pt x="82" y="223"/>
                  <a:pt x="82" y="230"/>
                </a:cubicBezTo>
                <a:cubicBezTo>
                  <a:pt x="82" y="230"/>
                  <a:pt x="82" y="230"/>
                  <a:pt x="82" y="230"/>
                </a:cubicBezTo>
                <a:cubicBezTo>
                  <a:pt x="82" y="246"/>
                  <a:pt x="86" y="262"/>
                  <a:pt x="92" y="274"/>
                </a:cubicBezTo>
                <a:cubicBezTo>
                  <a:pt x="92" y="274"/>
                  <a:pt x="92" y="274"/>
                  <a:pt x="92" y="274"/>
                </a:cubicBezTo>
                <a:cubicBezTo>
                  <a:pt x="99" y="286"/>
                  <a:pt x="108" y="296"/>
                  <a:pt x="117" y="301"/>
                </a:cubicBezTo>
                <a:cubicBezTo>
                  <a:pt x="117" y="301"/>
                  <a:pt x="117" y="301"/>
                  <a:pt x="117" y="301"/>
                </a:cubicBezTo>
                <a:cubicBezTo>
                  <a:pt x="125" y="305"/>
                  <a:pt x="135" y="308"/>
                  <a:pt x="146" y="308"/>
                </a:cubicBezTo>
                <a:cubicBezTo>
                  <a:pt x="146" y="308"/>
                  <a:pt x="146" y="308"/>
                  <a:pt x="146" y="308"/>
                </a:cubicBezTo>
                <a:cubicBezTo>
                  <a:pt x="167" y="308"/>
                  <a:pt x="191" y="299"/>
                  <a:pt x="211" y="279"/>
                </a:cubicBezTo>
                <a:cubicBezTo>
                  <a:pt x="211" y="279"/>
                  <a:pt x="211" y="279"/>
                  <a:pt x="211" y="279"/>
                </a:cubicBezTo>
                <a:cubicBezTo>
                  <a:pt x="216" y="274"/>
                  <a:pt x="222" y="266"/>
                  <a:pt x="229" y="256"/>
                </a:cubicBezTo>
                <a:cubicBezTo>
                  <a:pt x="229" y="256"/>
                  <a:pt x="229" y="256"/>
                  <a:pt x="229" y="256"/>
                </a:cubicBezTo>
                <a:cubicBezTo>
                  <a:pt x="235" y="247"/>
                  <a:pt x="242" y="235"/>
                  <a:pt x="249" y="224"/>
                </a:cubicBezTo>
                <a:cubicBezTo>
                  <a:pt x="249" y="224"/>
                  <a:pt x="249" y="224"/>
                  <a:pt x="249" y="224"/>
                </a:cubicBezTo>
                <a:cubicBezTo>
                  <a:pt x="263" y="200"/>
                  <a:pt x="276" y="174"/>
                  <a:pt x="286" y="154"/>
                </a:cubicBezTo>
                <a:cubicBezTo>
                  <a:pt x="286" y="154"/>
                  <a:pt x="286" y="154"/>
                  <a:pt x="286" y="154"/>
                </a:cubicBezTo>
                <a:cubicBezTo>
                  <a:pt x="292" y="141"/>
                  <a:pt x="297" y="130"/>
                  <a:pt x="298" y="126"/>
                </a:cubicBezTo>
                <a:cubicBezTo>
                  <a:pt x="298" y="126"/>
                  <a:pt x="298" y="126"/>
                  <a:pt x="298" y="126"/>
                </a:cubicBezTo>
                <a:cubicBezTo>
                  <a:pt x="298" y="126"/>
                  <a:pt x="298" y="126"/>
                  <a:pt x="298" y="126"/>
                </a:cubicBezTo>
                <a:cubicBezTo>
                  <a:pt x="299" y="124"/>
                  <a:pt x="300" y="122"/>
                  <a:pt x="302" y="121"/>
                </a:cubicBezTo>
                <a:cubicBezTo>
                  <a:pt x="302" y="121"/>
                  <a:pt x="302" y="121"/>
                  <a:pt x="302" y="121"/>
                </a:cubicBezTo>
                <a:cubicBezTo>
                  <a:pt x="304" y="118"/>
                  <a:pt x="308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1" y="117"/>
                  <a:pt x="311" y="117"/>
                  <a:pt x="311" y="117"/>
                </a:cubicBezTo>
                <a:cubicBezTo>
                  <a:pt x="315" y="117"/>
                  <a:pt x="318" y="118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0" y="120"/>
                  <a:pt x="320" y="120"/>
                  <a:pt x="320" y="120"/>
                </a:cubicBezTo>
                <a:cubicBezTo>
                  <a:pt x="321" y="121"/>
                  <a:pt x="321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2"/>
                  <a:pt x="322" y="122"/>
                </a:cubicBezTo>
                <a:cubicBezTo>
                  <a:pt x="322" y="122"/>
                  <a:pt x="322" y="123"/>
                  <a:pt x="322" y="123"/>
                </a:cubicBezTo>
                <a:cubicBezTo>
                  <a:pt x="322" y="123"/>
                  <a:pt x="322" y="123"/>
                  <a:pt x="322" y="123"/>
                </a:cubicBezTo>
                <a:cubicBezTo>
                  <a:pt x="324" y="125"/>
                  <a:pt x="324" y="128"/>
                  <a:pt x="324" y="131"/>
                </a:cubicBezTo>
                <a:cubicBezTo>
                  <a:pt x="324" y="131"/>
                  <a:pt x="324" y="131"/>
                  <a:pt x="324" y="131"/>
                </a:cubicBezTo>
                <a:cubicBezTo>
                  <a:pt x="322" y="176"/>
                  <a:pt x="317" y="235"/>
                  <a:pt x="313" y="261"/>
                </a:cubicBezTo>
                <a:cubicBezTo>
                  <a:pt x="313" y="261"/>
                  <a:pt x="313" y="261"/>
                  <a:pt x="313" y="261"/>
                </a:cubicBezTo>
                <a:cubicBezTo>
                  <a:pt x="300" y="347"/>
                  <a:pt x="259" y="398"/>
                  <a:pt x="228" y="425"/>
                </a:cubicBezTo>
                <a:cubicBezTo>
                  <a:pt x="228" y="425"/>
                  <a:pt x="228" y="425"/>
                  <a:pt x="228" y="425"/>
                </a:cubicBezTo>
                <a:cubicBezTo>
                  <a:pt x="215" y="436"/>
                  <a:pt x="204" y="443"/>
                  <a:pt x="193" y="448"/>
                </a:cubicBezTo>
                <a:cubicBezTo>
                  <a:pt x="193" y="448"/>
                  <a:pt x="193" y="448"/>
                  <a:pt x="193" y="448"/>
                </a:cubicBezTo>
                <a:cubicBezTo>
                  <a:pt x="182" y="452"/>
                  <a:pt x="172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ubicBezTo>
                  <a:pt x="163" y="453"/>
                  <a:pt x="163" y="453"/>
                  <a:pt x="163" y="453"/>
                </a:cubicBezTo>
                <a:close/>
                <a:moveTo>
                  <a:pt x="154" y="248"/>
                </a:moveTo>
                <a:cubicBezTo>
                  <a:pt x="162" y="243"/>
                  <a:pt x="168" y="237"/>
                  <a:pt x="172" y="231"/>
                </a:cubicBezTo>
                <a:cubicBezTo>
                  <a:pt x="172" y="231"/>
                  <a:pt x="172" y="231"/>
                  <a:pt x="172" y="231"/>
                </a:cubicBezTo>
                <a:cubicBezTo>
                  <a:pt x="176" y="225"/>
                  <a:pt x="178" y="220"/>
                  <a:pt x="179" y="216"/>
                </a:cubicBezTo>
                <a:cubicBezTo>
                  <a:pt x="179" y="216"/>
                  <a:pt x="179" y="216"/>
                  <a:pt x="179" y="216"/>
                </a:cubicBezTo>
                <a:cubicBezTo>
                  <a:pt x="180" y="214"/>
                  <a:pt x="180" y="213"/>
                  <a:pt x="180" y="212"/>
                </a:cubicBezTo>
                <a:cubicBezTo>
                  <a:pt x="180" y="212"/>
                  <a:pt x="180" y="212"/>
                  <a:pt x="180" y="212"/>
                </a:cubicBezTo>
                <a:cubicBezTo>
                  <a:pt x="180" y="210"/>
                  <a:pt x="180" y="207"/>
                  <a:pt x="180" y="205"/>
                </a:cubicBezTo>
                <a:cubicBezTo>
                  <a:pt x="180" y="205"/>
                  <a:pt x="180" y="205"/>
                  <a:pt x="180" y="205"/>
                </a:cubicBezTo>
                <a:cubicBezTo>
                  <a:pt x="180" y="198"/>
                  <a:pt x="179" y="193"/>
                  <a:pt x="176" y="188"/>
                </a:cubicBezTo>
                <a:cubicBezTo>
                  <a:pt x="176" y="188"/>
                  <a:pt x="176" y="188"/>
                  <a:pt x="176" y="188"/>
                </a:cubicBezTo>
                <a:cubicBezTo>
                  <a:pt x="174" y="185"/>
                  <a:pt x="171" y="182"/>
                  <a:pt x="169" y="181"/>
                </a:cubicBezTo>
                <a:cubicBezTo>
                  <a:pt x="169" y="181"/>
                  <a:pt x="169" y="181"/>
                  <a:pt x="169" y="181"/>
                </a:cubicBezTo>
                <a:cubicBezTo>
                  <a:pt x="166" y="180"/>
                  <a:pt x="163" y="179"/>
                  <a:pt x="160" y="179"/>
                </a:cubicBezTo>
                <a:cubicBezTo>
                  <a:pt x="160" y="179"/>
                  <a:pt x="160" y="179"/>
                  <a:pt x="160" y="179"/>
                </a:cubicBezTo>
                <a:cubicBezTo>
                  <a:pt x="156" y="179"/>
                  <a:pt x="151" y="180"/>
                  <a:pt x="147" y="182"/>
                </a:cubicBezTo>
                <a:cubicBezTo>
                  <a:pt x="147" y="182"/>
                  <a:pt x="147" y="182"/>
                  <a:pt x="147" y="182"/>
                </a:cubicBezTo>
                <a:cubicBezTo>
                  <a:pt x="143" y="184"/>
                  <a:pt x="139" y="186"/>
                  <a:pt x="137" y="188"/>
                </a:cubicBezTo>
                <a:cubicBezTo>
                  <a:pt x="137" y="188"/>
                  <a:pt x="137" y="188"/>
                  <a:pt x="137" y="188"/>
                </a:cubicBezTo>
                <a:cubicBezTo>
                  <a:pt x="134" y="192"/>
                  <a:pt x="129" y="199"/>
                  <a:pt x="125" y="207"/>
                </a:cubicBezTo>
                <a:cubicBezTo>
                  <a:pt x="125" y="207"/>
                  <a:pt x="125" y="207"/>
                  <a:pt x="125" y="207"/>
                </a:cubicBezTo>
                <a:cubicBezTo>
                  <a:pt x="122" y="215"/>
                  <a:pt x="120" y="224"/>
                  <a:pt x="120" y="232"/>
                </a:cubicBezTo>
                <a:cubicBezTo>
                  <a:pt x="120" y="232"/>
                  <a:pt x="120" y="232"/>
                  <a:pt x="120" y="232"/>
                </a:cubicBezTo>
                <a:cubicBezTo>
                  <a:pt x="120" y="236"/>
                  <a:pt x="120" y="240"/>
                  <a:pt x="122" y="243"/>
                </a:cubicBezTo>
                <a:cubicBezTo>
                  <a:pt x="122" y="243"/>
                  <a:pt x="122" y="243"/>
                  <a:pt x="122" y="243"/>
                </a:cubicBezTo>
                <a:cubicBezTo>
                  <a:pt x="123" y="246"/>
                  <a:pt x="125" y="248"/>
                  <a:pt x="128" y="249"/>
                </a:cubicBezTo>
                <a:cubicBezTo>
                  <a:pt x="128" y="249"/>
                  <a:pt x="128" y="249"/>
                  <a:pt x="128" y="249"/>
                </a:cubicBezTo>
                <a:cubicBezTo>
                  <a:pt x="131" y="251"/>
                  <a:pt x="135" y="252"/>
                  <a:pt x="139" y="252"/>
                </a:cubicBezTo>
                <a:cubicBezTo>
                  <a:pt x="139" y="252"/>
                  <a:pt x="139" y="252"/>
                  <a:pt x="139" y="252"/>
                </a:cubicBezTo>
                <a:cubicBezTo>
                  <a:pt x="145" y="252"/>
                  <a:pt x="150" y="250"/>
                  <a:pt x="154" y="24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1" name="Freeform 533"/>
          <p:cNvSpPr>
            <a:spLocks/>
          </p:cNvSpPr>
          <p:nvPr userDrawn="1"/>
        </p:nvSpPr>
        <p:spPr bwMode="auto">
          <a:xfrm>
            <a:off x="8720225" y="3086208"/>
            <a:ext cx="517525" cy="323850"/>
          </a:xfrm>
          <a:custGeom>
            <a:avLst/>
            <a:gdLst/>
            <a:ahLst/>
            <a:cxnLst>
              <a:cxn ang="0">
                <a:pos x="225" y="0"/>
              </a:cxn>
              <a:cxn ang="0">
                <a:pos x="199" y="31"/>
              </a:cxn>
              <a:cxn ang="0">
                <a:pos x="199" y="39"/>
              </a:cxn>
              <a:cxn ang="0">
                <a:pos x="122" y="39"/>
              </a:cxn>
              <a:cxn ang="0">
                <a:pos x="92" y="70"/>
              </a:cxn>
              <a:cxn ang="0">
                <a:pos x="92" y="70"/>
              </a:cxn>
              <a:cxn ang="0">
                <a:pos x="105" y="84"/>
              </a:cxn>
              <a:cxn ang="0">
                <a:pos x="118" y="70"/>
              </a:cxn>
              <a:cxn ang="0">
                <a:pos x="118" y="70"/>
              </a:cxn>
              <a:cxn ang="0">
                <a:pos x="122" y="66"/>
              </a:cxn>
              <a:cxn ang="0">
                <a:pos x="213" y="66"/>
              </a:cxn>
              <a:cxn ang="0">
                <a:pos x="226" y="53"/>
              </a:cxn>
              <a:cxn ang="0">
                <a:pos x="226" y="31"/>
              </a:cxn>
              <a:cxn ang="0">
                <a:pos x="227" y="26"/>
              </a:cxn>
              <a:cxn ang="0">
                <a:pos x="323" y="26"/>
              </a:cxn>
              <a:cxn ang="0">
                <a:pos x="324" y="31"/>
              </a:cxn>
              <a:cxn ang="0">
                <a:pos x="324" y="53"/>
              </a:cxn>
              <a:cxn ang="0">
                <a:pos x="337" y="66"/>
              </a:cxn>
              <a:cxn ang="0">
                <a:pos x="428" y="66"/>
              </a:cxn>
              <a:cxn ang="0">
                <a:pos x="431" y="70"/>
              </a:cxn>
              <a:cxn ang="0">
                <a:pos x="431" y="257"/>
              </a:cxn>
              <a:cxn ang="0">
                <a:pos x="428" y="261"/>
              </a:cxn>
              <a:cxn ang="0">
                <a:pos x="122" y="261"/>
              </a:cxn>
              <a:cxn ang="0">
                <a:pos x="111" y="251"/>
              </a:cxn>
              <a:cxn ang="0">
                <a:pos x="111" y="250"/>
              </a:cxn>
              <a:cxn ang="0">
                <a:pos x="35" y="125"/>
              </a:cxn>
              <a:cxn ang="0">
                <a:pos x="34" y="124"/>
              </a:cxn>
              <a:cxn ang="0">
                <a:pos x="32" y="120"/>
              </a:cxn>
              <a:cxn ang="0">
                <a:pos x="331" y="120"/>
              </a:cxn>
              <a:cxn ang="0">
                <a:pos x="396" y="236"/>
              </a:cxn>
              <a:cxn ang="0">
                <a:pos x="414" y="241"/>
              </a:cxn>
              <a:cxn ang="0">
                <a:pos x="419" y="222"/>
              </a:cxn>
              <a:cxn ang="0">
                <a:pos x="351" y="100"/>
              </a:cxn>
              <a:cxn ang="0">
                <a:pos x="339" y="94"/>
              </a:cxn>
              <a:cxn ang="0">
                <a:pos x="31" y="94"/>
              </a:cxn>
              <a:cxn ang="0">
                <a:pos x="7" y="106"/>
              </a:cxn>
              <a:cxn ang="0">
                <a:pos x="12" y="139"/>
              </a:cxn>
              <a:cxn ang="0">
                <a:pos x="12" y="139"/>
              </a:cxn>
              <a:cxn ang="0">
                <a:pos x="88" y="264"/>
              </a:cxn>
              <a:cxn ang="0">
                <a:pos x="88" y="264"/>
              </a:cxn>
              <a:cxn ang="0">
                <a:pos x="122" y="288"/>
              </a:cxn>
              <a:cxn ang="0">
                <a:pos x="428" y="288"/>
              </a:cxn>
              <a:cxn ang="0">
                <a:pos x="458" y="257"/>
              </a:cxn>
              <a:cxn ang="0">
                <a:pos x="458" y="70"/>
              </a:cxn>
              <a:cxn ang="0">
                <a:pos x="428" y="39"/>
              </a:cxn>
              <a:cxn ang="0">
                <a:pos x="350" y="39"/>
              </a:cxn>
              <a:cxn ang="0">
                <a:pos x="350" y="31"/>
              </a:cxn>
              <a:cxn ang="0">
                <a:pos x="325" y="0"/>
              </a:cxn>
              <a:cxn ang="0">
                <a:pos x="225" y="0"/>
              </a:cxn>
            </a:cxnLst>
            <a:rect l="0" t="0" r="r" b="b"/>
            <a:pathLst>
              <a:path w="458" h="288">
                <a:moveTo>
                  <a:pt x="225" y="0"/>
                </a:moveTo>
                <a:cubicBezTo>
                  <a:pt x="211" y="0"/>
                  <a:pt x="199" y="13"/>
                  <a:pt x="199" y="31"/>
                </a:cubicBezTo>
                <a:cubicBezTo>
                  <a:pt x="199" y="31"/>
                  <a:pt x="199" y="35"/>
                  <a:pt x="199" y="39"/>
                </a:cubicBezTo>
                <a:cubicBezTo>
                  <a:pt x="180" y="39"/>
                  <a:pt x="122" y="39"/>
                  <a:pt x="122" y="39"/>
                </a:cubicBezTo>
                <a:cubicBezTo>
                  <a:pt x="105" y="39"/>
                  <a:pt x="92" y="53"/>
                  <a:pt x="92" y="70"/>
                </a:cubicBezTo>
                <a:cubicBezTo>
                  <a:pt x="92" y="70"/>
                  <a:pt x="92" y="70"/>
                  <a:pt x="92" y="70"/>
                </a:cubicBezTo>
                <a:cubicBezTo>
                  <a:pt x="92" y="78"/>
                  <a:pt x="98" y="84"/>
                  <a:pt x="105" y="84"/>
                </a:cubicBezTo>
                <a:cubicBezTo>
                  <a:pt x="112" y="84"/>
                  <a:pt x="118" y="78"/>
                  <a:pt x="118" y="70"/>
                </a:cubicBezTo>
                <a:cubicBezTo>
                  <a:pt x="118" y="70"/>
                  <a:pt x="118" y="70"/>
                  <a:pt x="118" y="70"/>
                </a:cubicBezTo>
                <a:cubicBezTo>
                  <a:pt x="118" y="68"/>
                  <a:pt x="120" y="66"/>
                  <a:pt x="122" y="66"/>
                </a:cubicBezTo>
                <a:cubicBezTo>
                  <a:pt x="213" y="66"/>
                  <a:pt x="213" y="66"/>
                  <a:pt x="213" y="66"/>
                </a:cubicBezTo>
                <a:cubicBezTo>
                  <a:pt x="220" y="66"/>
                  <a:pt x="226" y="60"/>
                  <a:pt x="226" y="53"/>
                </a:cubicBezTo>
                <a:cubicBezTo>
                  <a:pt x="226" y="31"/>
                  <a:pt x="226" y="31"/>
                  <a:pt x="226" y="31"/>
                </a:cubicBezTo>
                <a:cubicBezTo>
                  <a:pt x="226" y="29"/>
                  <a:pt x="227" y="27"/>
                  <a:pt x="227" y="26"/>
                </a:cubicBezTo>
                <a:cubicBezTo>
                  <a:pt x="231" y="26"/>
                  <a:pt x="319" y="26"/>
                  <a:pt x="323" y="26"/>
                </a:cubicBezTo>
                <a:cubicBezTo>
                  <a:pt x="323" y="27"/>
                  <a:pt x="324" y="29"/>
                  <a:pt x="324" y="31"/>
                </a:cubicBezTo>
                <a:cubicBezTo>
                  <a:pt x="324" y="53"/>
                  <a:pt x="324" y="53"/>
                  <a:pt x="324" y="53"/>
                </a:cubicBezTo>
                <a:cubicBezTo>
                  <a:pt x="324" y="60"/>
                  <a:pt x="330" y="66"/>
                  <a:pt x="337" y="66"/>
                </a:cubicBezTo>
                <a:cubicBezTo>
                  <a:pt x="428" y="66"/>
                  <a:pt x="428" y="66"/>
                  <a:pt x="428" y="66"/>
                </a:cubicBezTo>
                <a:cubicBezTo>
                  <a:pt x="430" y="66"/>
                  <a:pt x="431" y="68"/>
                  <a:pt x="431" y="70"/>
                </a:cubicBezTo>
                <a:cubicBezTo>
                  <a:pt x="431" y="257"/>
                  <a:pt x="431" y="257"/>
                  <a:pt x="431" y="257"/>
                </a:cubicBezTo>
                <a:cubicBezTo>
                  <a:pt x="431" y="259"/>
                  <a:pt x="430" y="261"/>
                  <a:pt x="428" y="261"/>
                </a:cubicBezTo>
                <a:cubicBezTo>
                  <a:pt x="122" y="261"/>
                  <a:pt x="122" y="261"/>
                  <a:pt x="122" y="261"/>
                </a:cubicBezTo>
                <a:cubicBezTo>
                  <a:pt x="120" y="261"/>
                  <a:pt x="115" y="257"/>
                  <a:pt x="111" y="251"/>
                </a:cubicBezTo>
                <a:cubicBezTo>
                  <a:pt x="111" y="250"/>
                  <a:pt x="111" y="250"/>
                  <a:pt x="111" y="250"/>
                </a:cubicBezTo>
                <a:cubicBezTo>
                  <a:pt x="35" y="125"/>
                  <a:pt x="35" y="125"/>
                  <a:pt x="35" y="125"/>
                </a:cubicBezTo>
                <a:cubicBezTo>
                  <a:pt x="35" y="125"/>
                  <a:pt x="34" y="125"/>
                  <a:pt x="34" y="124"/>
                </a:cubicBezTo>
                <a:cubicBezTo>
                  <a:pt x="34" y="123"/>
                  <a:pt x="33" y="122"/>
                  <a:pt x="32" y="120"/>
                </a:cubicBezTo>
                <a:cubicBezTo>
                  <a:pt x="34" y="120"/>
                  <a:pt x="316" y="120"/>
                  <a:pt x="331" y="120"/>
                </a:cubicBezTo>
                <a:cubicBezTo>
                  <a:pt x="338" y="132"/>
                  <a:pt x="396" y="236"/>
                  <a:pt x="396" y="236"/>
                </a:cubicBezTo>
                <a:cubicBezTo>
                  <a:pt x="400" y="242"/>
                  <a:pt x="408" y="244"/>
                  <a:pt x="414" y="241"/>
                </a:cubicBezTo>
                <a:cubicBezTo>
                  <a:pt x="421" y="237"/>
                  <a:pt x="423" y="229"/>
                  <a:pt x="419" y="222"/>
                </a:cubicBezTo>
                <a:cubicBezTo>
                  <a:pt x="351" y="100"/>
                  <a:pt x="351" y="100"/>
                  <a:pt x="351" y="100"/>
                </a:cubicBezTo>
                <a:cubicBezTo>
                  <a:pt x="348" y="96"/>
                  <a:pt x="344" y="94"/>
                  <a:pt x="339" y="94"/>
                </a:cubicBezTo>
                <a:cubicBezTo>
                  <a:pt x="31" y="94"/>
                  <a:pt x="31" y="94"/>
                  <a:pt x="31" y="94"/>
                </a:cubicBezTo>
                <a:cubicBezTo>
                  <a:pt x="17" y="94"/>
                  <a:pt x="10" y="100"/>
                  <a:pt x="7" y="106"/>
                </a:cubicBezTo>
                <a:cubicBezTo>
                  <a:pt x="0" y="119"/>
                  <a:pt x="10" y="136"/>
                  <a:pt x="12" y="139"/>
                </a:cubicBezTo>
                <a:cubicBezTo>
                  <a:pt x="12" y="139"/>
                  <a:pt x="12" y="139"/>
                  <a:pt x="12" y="139"/>
                </a:cubicBezTo>
                <a:cubicBezTo>
                  <a:pt x="88" y="264"/>
                  <a:pt x="88" y="264"/>
                  <a:pt x="88" y="264"/>
                </a:cubicBezTo>
                <a:cubicBezTo>
                  <a:pt x="88" y="264"/>
                  <a:pt x="88" y="264"/>
                  <a:pt x="88" y="264"/>
                </a:cubicBezTo>
                <a:cubicBezTo>
                  <a:pt x="96" y="279"/>
                  <a:pt x="109" y="288"/>
                  <a:pt x="122" y="288"/>
                </a:cubicBezTo>
                <a:cubicBezTo>
                  <a:pt x="428" y="288"/>
                  <a:pt x="428" y="288"/>
                  <a:pt x="428" y="288"/>
                </a:cubicBezTo>
                <a:cubicBezTo>
                  <a:pt x="444" y="288"/>
                  <a:pt x="458" y="274"/>
                  <a:pt x="458" y="257"/>
                </a:cubicBezTo>
                <a:cubicBezTo>
                  <a:pt x="458" y="70"/>
                  <a:pt x="458" y="70"/>
                  <a:pt x="458" y="70"/>
                </a:cubicBezTo>
                <a:cubicBezTo>
                  <a:pt x="458" y="53"/>
                  <a:pt x="444" y="39"/>
                  <a:pt x="428" y="39"/>
                </a:cubicBezTo>
                <a:cubicBezTo>
                  <a:pt x="428" y="39"/>
                  <a:pt x="370" y="39"/>
                  <a:pt x="350" y="39"/>
                </a:cubicBezTo>
                <a:cubicBezTo>
                  <a:pt x="350" y="35"/>
                  <a:pt x="350" y="31"/>
                  <a:pt x="350" y="31"/>
                </a:cubicBezTo>
                <a:cubicBezTo>
                  <a:pt x="350" y="13"/>
                  <a:pt x="339" y="0"/>
                  <a:pt x="325" y="0"/>
                </a:cubicBezTo>
                <a:lnTo>
                  <a:pt x="225" y="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2" name="Freeform 568"/>
          <p:cNvSpPr>
            <a:spLocks/>
          </p:cNvSpPr>
          <p:nvPr userDrawn="1"/>
        </p:nvSpPr>
        <p:spPr bwMode="auto">
          <a:xfrm>
            <a:off x="8754356" y="5098459"/>
            <a:ext cx="449263" cy="449263"/>
          </a:xfrm>
          <a:custGeom>
            <a:avLst/>
            <a:gdLst/>
            <a:ahLst/>
            <a:cxnLst>
              <a:cxn ang="0">
                <a:pos x="22" y="290"/>
              </a:cxn>
              <a:cxn ang="0">
                <a:pos x="52" y="66"/>
              </a:cxn>
              <a:cxn ang="0">
                <a:pos x="40" y="127"/>
              </a:cxn>
              <a:cxn ang="0">
                <a:pos x="130" y="361"/>
              </a:cxn>
              <a:cxn ang="0">
                <a:pos x="186" y="339"/>
              </a:cxn>
              <a:cxn ang="0">
                <a:pos x="183" y="322"/>
              </a:cxn>
              <a:cxn ang="0">
                <a:pos x="154" y="278"/>
              </a:cxn>
              <a:cxn ang="0">
                <a:pos x="163" y="257"/>
              </a:cxn>
              <a:cxn ang="0">
                <a:pos x="103" y="213"/>
              </a:cxn>
              <a:cxn ang="0">
                <a:pos x="69" y="113"/>
              </a:cxn>
              <a:cxn ang="0">
                <a:pos x="84" y="69"/>
              </a:cxn>
              <a:cxn ang="0">
                <a:pos x="93" y="31"/>
              </a:cxn>
              <a:cxn ang="0">
                <a:pos x="127" y="19"/>
              </a:cxn>
              <a:cxn ang="0">
                <a:pos x="147" y="29"/>
              </a:cxn>
              <a:cxn ang="0">
                <a:pos x="199" y="41"/>
              </a:cxn>
              <a:cxn ang="0">
                <a:pos x="249" y="91"/>
              </a:cxn>
              <a:cxn ang="0">
                <a:pos x="250" y="102"/>
              </a:cxn>
              <a:cxn ang="0">
                <a:pos x="238" y="119"/>
              </a:cxn>
              <a:cxn ang="0">
                <a:pos x="181" y="172"/>
              </a:cxn>
              <a:cxn ang="0">
                <a:pos x="172" y="167"/>
              </a:cxn>
              <a:cxn ang="0">
                <a:pos x="165" y="161"/>
              </a:cxn>
              <a:cxn ang="0">
                <a:pos x="151" y="167"/>
              </a:cxn>
              <a:cxn ang="0">
                <a:pos x="156" y="181"/>
              </a:cxn>
              <a:cxn ang="0">
                <a:pos x="177" y="197"/>
              </a:cxn>
              <a:cxn ang="0">
                <a:pos x="188" y="213"/>
              </a:cxn>
              <a:cxn ang="0">
                <a:pos x="201" y="208"/>
              </a:cxn>
              <a:cxn ang="0">
                <a:pos x="256" y="225"/>
              </a:cxn>
              <a:cxn ang="0">
                <a:pos x="330" y="259"/>
              </a:cxn>
              <a:cxn ang="0">
                <a:pos x="315" y="307"/>
              </a:cxn>
              <a:cxn ang="0">
                <a:pos x="283" y="354"/>
              </a:cxn>
              <a:cxn ang="0">
                <a:pos x="352" y="113"/>
              </a:cxn>
              <a:cxn ang="0">
                <a:pos x="170" y="26"/>
              </a:cxn>
              <a:cxn ang="0">
                <a:pos x="199" y="0"/>
              </a:cxn>
              <a:cxn ang="0">
                <a:pos x="399" y="200"/>
              </a:cxn>
              <a:cxn ang="0">
                <a:pos x="222" y="398"/>
              </a:cxn>
              <a:cxn ang="0">
                <a:pos x="265" y="324"/>
              </a:cxn>
              <a:cxn ang="0">
                <a:pos x="309" y="273"/>
              </a:cxn>
              <a:cxn ang="0">
                <a:pos x="208" y="233"/>
              </a:cxn>
              <a:cxn ang="0">
                <a:pos x="166" y="226"/>
              </a:cxn>
              <a:cxn ang="0">
                <a:pos x="132" y="192"/>
              </a:cxn>
              <a:cxn ang="0">
                <a:pos x="148" y="140"/>
              </a:cxn>
              <a:cxn ang="0">
                <a:pos x="182" y="144"/>
              </a:cxn>
              <a:cxn ang="0">
                <a:pos x="225" y="97"/>
              </a:cxn>
              <a:cxn ang="0">
                <a:pos x="185" y="62"/>
              </a:cxn>
              <a:cxn ang="0">
                <a:pos x="110" y="48"/>
              </a:cxn>
              <a:cxn ang="0">
                <a:pos x="95" y="111"/>
              </a:cxn>
              <a:cxn ang="0">
                <a:pos x="102" y="179"/>
              </a:cxn>
              <a:cxn ang="0">
                <a:pos x="159" y="224"/>
              </a:cxn>
              <a:cxn ang="0">
                <a:pos x="189" y="256"/>
              </a:cxn>
              <a:cxn ang="0">
                <a:pos x="178" y="276"/>
              </a:cxn>
              <a:cxn ang="0">
                <a:pos x="183" y="287"/>
              </a:cxn>
              <a:cxn ang="0">
                <a:pos x="210" y="332"/>
              </a:cxn>
              <a:cxn ang="0">
                <a:pos x="184" y="398"/>
              </a:cxn>
            </a:cxnLst>
            <a:rect l="0" t="0" r="r" b="b"/>
            <a:pathLst>
              <a:path w="399" h="398">
                <a:moveTo>
                  <a:pt x="183" y="398"/>
                </a:moveTo>
                <a:cubicBezTo>
                  <a:pt x="182" y="398"/>
                  <a:pt x="156" y="397"/>
                  <a:pt x="122" y="384"/>
                </a:cubicBezTo>
                <a:cubicBezTo>
                  <a:pt x="89" y="370"/>
                  <a:pt x="48" y="342"/>
                  <a:pt x="22" y="290"/>
                </a:cubicBezTo>
                <a:cubicBezTo>
                  <a:pt x="6" y="259"/>
                  <a:pt x="0" y="228"/>
                  <a:pt x="0" y="200"/>
                </a:cubicBezTo>
                <a:cubicBezTo>
                  <a:pt x="0" y="168"/>
                  <a:pt x="8" y="140"/>
                  <a:pt x="18" y="117"/>
                </a:cubicBezTo>
                <a:cubicBezTo>
                  <a:pt x="29" y="94"/>
                  <a:pt x="41" y="77"/>
                  <a:pt x="52" y="66"/>
                </a:cubicBezTo>
                <a:cubicBezTo>
                  <a:pt x="56" y="61"/>
                  <a:pt x="64" y="61"/>
                  <a:pt x="68" y="66"/>
                </a:cubicBezTo>
                <a:cubicBezTo>
                  <a:pt x="73" y="70"/>
                  <a:pt x="73" y="78"/>
                  <a:pt x="69" y="82"/>
                </a:cubicBezTo>
                <a:cubicBezTo>
                  <a:pt x="61" y="90"/>
                  <a:pt x="49" y="106"/>
                  <a:pt x="40" y="127"/>
                </a:cubicBezTo>
                <a:cubicBezTo>
                  <a:pt x="31" y="147"/>
                  <a:pt x="24" y="172"/>
                  <a:pt x="24" y="200"/>
                </a:cubicBezTo>
                <a:cubicBezTo>
                  <a:pt x="24" y="225"/>
                  <a:pt x="29" y="251"/>
                  <a:pt x="43" y="279"/>
                </a:cubicBezTo>
                <a:cubicBezTo>
                  <a:pt x="66" y="325"/>
                  <a:pt x="100" y="349"/>
                  <a:pt x="130" y="361"/>
                </a:cubicBezTo>
                <a:cubicBezTo>
                  <a:pt x="149" y="369"/>
                  <a:pt x="166" y="373"/>
                  <a:pt x="176" y="374"/>
                </a:cubicBezTo>
                <a:cubicBezTo>
                  <a:pt x="176" y="372"/>
                  <a:pt x="177" y="370"/>
                  <a:pt x="178" y="368"/>
                </a:cubicBezTo>
                <a:cubicBezTo>
                  <a:pt x="181" y="359"/>
                  <a:pt x="184" y="348"/>
                  <a:pt x="186" y="339"/>
                </a:cubicBezTo>
                <a:cubicBezTo>
                  <a:pt x="187" y="336"/>
                  <a:pt x="187" y="334"/>
                  <a:pt x="187" y="332"/>
                </a:cubicBezTo>
                <a:cubicBezTo>
                  <a:pt x="187" y="330"/>
                  <a:pt x="187" y="329"/>
                  <a:pt x="186" y="328"/>
                </a:cubicBezTo>
                <a:cubicBezTo>
                  <a:pt x="186" y="326"/>
                  <a:pt x="185" y="324"/>
                  <a:pt x="183" y="322"/>
                </a:cubicBezTo>
                <a:cubicBezTo>
                  <a:pt x="180" y="318"/>
                  <a:pt x="174" y="312"/>
                  <a:pt x="166" y="303"/>
                </a:cubicBezTo>
                <a:cubicBezTo>
                  <a:pt x="162" y="299"/>
                  <a:pt x="159" y="295"/>
                  <a:pt x="157" y="290"/>
                </a:cubicBezTo>
                <a:cubicBezTo>
                  <a:pt x="155" y="286"/>
                  <a:pt x="154" y="282"/>
                  <a:pt x="154" y="278"/>
                </a:cubicBezTo>
                <a:cubicBezTo>
                  <a:pt x="154" y="274"/>
                  <a:pt x="155" y="270"/>
                  <a:pt x="156" y="267"/>
                </a:cubicBezTo>
                <a:cubicBezTo>
                  <a:pt x="158" y="264"/>
                  <a:pt x="159" y="262"/>
                  <a:pt x="161" y="260"/>
                </a:cubicBezTo>
                <a:cubicBezTo>
                  <a:pt x="161" y="259"/>
                  <a:pt x="162" y="258"/>
                  <a:pt x="163" y="257"/>
                </a:cubicBezTo>
                <a:cubicBezTo>
                  <a:pt x="163" y="257"/>
                  <a:pt x="163" y="256"/>
                  <a:pt x="162" y="256"/>
                </a:cubicBezTo>
                <a:cubicBezTo>
                  <a:pt x="159" y="253"/>
                  <a:pt x="153" y="249"/>
                  <a:pt x="147" y="244"/>
                </a:cubicBezTo>
                <a:cubicBezTo>
                  <a:pt x="133" y="235"/>
                  <a:pt x="117" y="224"/>
                  <a:pt x="103" y="213"/>
                </a:cubicBezTo>
                <a:cubicBezTo>
                  <a:pt x="94" y="205"/>
                  <a:pt x="86" y="198"/>
                  <a:pt x="81" y="190"/>
                </a:cubicBezTo>
                <a:cubicBezTo>
                  <a:pt x="72" y="173"/>
                  <a:pt x="67" y="151"/>
                  <a:pt x="67" y="131"/>
                </a:cubicBezTo>
                <a:cubicBezTo>
                  <a:pt x="67" y="125"/>
                  <a:pt x="67" y="119"/>
                  <a:pt x="69" y="113"/>
                </a:cubicBezTo>
                <a:cubicBezTo>
                  <a:pt x="70" y="107"/>
                  <a:pt x="72" y="102"/>
                  <a:pt x="76" y="97"/>
                </a:cubicBezTo>
                <a:cubicBezTo>
                  <a:pt x="77" y="95"/>
                  <a:pt x="79" y="91"/>
                  <a:pt x="81" y="86"/>
                </a:cubicBezTo>
                <a:cubicBezTo>
                  <a:pt x="82" y="81"/>
                  <a:pt x="83" y="75"/>
                  <a:pt x="84" y="69"/>
                </a:cubicBezTo>
                <a:cubicBezTo>
                  <a:pt x="86" y="58"/>
                  <a:pt x="87" y="47"/>
                  <a:pt x="87" y="43"/>
                </a:cubicBezTo>
                <a:cubicBezTo>
                  <a:pt x="87" y="41"/>
                  <a:pt x="87" y="41"/>
                  <a:pt x="87" y="41"/>
                </a:cubicBezTo>
                <a:cubicBezTo>
                  <a:pt x="87" y="37"/>
                  <a:pt x="90" y="33"/>
                  <a:pt x="93" y="31"/>
                </a:cubicBezTo>
                <a:cubicBezTo>
                  <a:pt x="115" y="19"/>
                  <a:pt x="115" y="19"/>
                  <a:pt x="115" y="19"/>
                </a:cubicBezTo>
                <a:cubicBezTo>
                  <a:pt x="119" y="17"/>
                  <a:pt x="124" y="17"/>
                  <a:pt x="127" y="19"/>
                </a:cubicBezTo>
                <a:cubicBezTo>
                  <a:pt x="127" y="19"/>
                  <a:pt x="127" y="19"/>
                  <a:pt x="127" y="19"/>
                </a:cubicBezTo>
                <a:cubicBezTo>
                  <a:pt x="128" y="20"/>
                  <a:pt x="128" y="20"/>
                  <a:pt x="128" y="20"/>
                </a:cubicBezTo>
                <a:cubicBezTo>
                  <a:pt x="129" y="21"/>
                  <a:pt x="131" y="21"/>
                  <a:pt x="133" y="22"/>
                </a:cubicBezTo>
                <a:cubicBezTo>
                  <a:pt x="136" y="24"/>
                  <a:pt x="141" y="27"/>
                  <a:pt x="147" y="29"/>
                </a:cubicBezTo>
                <a:cubicBezTo>
                  <a:pt x="158" y="34"/>
                  <a:pt x="173" y="39"/>
                  <a:pt x="185" y="39"/>
                </a:cubicBezTo>
                <a:cubicBezTo>
                  <a:pt x="186" y="39"/>
                  <a:pt x="188" y="39"/>
                  <a:pt x="190" y="39"/>
                </a:cubicBezTo>
                <a:cubicBezTo>
                  <a:pt x="193" y="38"/>
                  <a:pt x="196" y="39"/>
                  <a:pt x="199" y="41"/>
                </a:cubicBezTo>
                <a:cubicBezTo>
                  <a:pt x="199" y="41"/>
                  <a:pt x="217" y="57"/>
                  <a:pt x="232" y="70"/>
                </a:cubicBezTo>
                <a:cubicBezTo>
                  <a:pt x="237" y="75"/>
                  <a:pt x="241" y="80"/>
                  <a:pt x="244" y="84"/>
                </a:cubicBezTo>
                <a:cubicBezTo>
                  <a:pt x="246" y="86"/>
                  <a:pt x="248" y="88"/>
                  <a:pt x="249" y="91"/>
                </a:cubicBezTo>
                <a:cubicBezTo>
                  <a:pt x="250" y="93"/>
                  <a:pt x="251" y="94"/>
                  <a:pt x="251" y="98"/>
                </a:cubicBezTo>
                <a:cubicBezTo>
                  <a:pt x="251" y="99"/>
                  <a:pt x="251" y="101"/>
                  <a:pt x="251" y="102"/>
                </a:cubicBezTo>
                <a:cubicBezTo>
                  <a:pt x="250" y="102"/>
                  <a:pt x="250" y="102"/>
                  <a:pt x="250" y="102"/>
                </a:cubicBezTo>
                <a:cubicBezTo>
                  <a:pt x="249" y="105"/>
                  <a:pt x="249" y="106"/>
                  <a:pt x="248" y="107"/>
                </a:cubicBezTo>
                <a:cubicBezTo>
                  <a:pt x="247" y="108"/>
                  <a:pt x="246" y="109"/>
                  <a:pt x="245" y="110"/>
                </a:cubicBezTo>
                <a:cubicBezTo>
                  <a:pt x="243" y="113"/>
                  <a:pt x="241" y="115"/>
                  <a:pt x="238" y="119"/>
                </a:cubicBezTo>
                <a:cubicBezTo>
                  <a:pt x="233" y="125"/>
                  <a:pt x="225" y="132"/>
                  <a:pt x="218" y="140"/>
                </a:cubicBezTo>
                <a:cubicBezTo>
                  <a:pt x="204" y="155"/>
                  <a:pt x="190" y="169"/>
                  <a:pt x="190" y="169"/>
                </a:cubicBezTo>
                <a:cubicBezTo>
                  <a:pt x="188" y="171"/>
                  <a:pt x="184" y="173"/>
                  <a:pt x="181" y="172"/>
                </a:cubicBezTo>
                <a:cubicBezTo>
                  <a:pt x="177" y="172"/>
                  <a:pt x="174" y="170"/>
                  <a:pt x="172" y="167"/>
                </a:cubicBezTo>
                <a:cubicBezTo>
                  <a:pt x="172" y="167"/>
                  <a:pt x="172" y="167"/>
                  <a:pt x="172" y="167"/>
                </a:cubicBezTo>
                <a:cubicBezTo>
                  <a:pt x="172" y="167"/>
                  <a:pt x="172" y="167"/>
                  <a:pt x="172" y="167"/>
                </a:cubicBezTo>
                <a:cubicBezTo>
                  <a:pt x="172" y="167"/>
                  <a:pt x="172" y="166"/>
                  <a:pt x="172" y="166"/>
                </a:cubicBezTo>
                <a:cubicBezTo>
                  <a:pt x="171" y="166"/>
                  <a:pt x="171" y="165"/>
                  <a:pt x="170" y="164"/>
                </a:cubicBezTo>
                <a:cubicBezTo>
                  <a:pt x="169" y="163"/>
                  <a:pt x="167" y="161"/>
                  <a:pt x="165" y="161"/>
                </a:cubicBezTo>
                <a:cubicBezTo>
                  <a:pt x="164" y="160"/>
                  <a:pt x="163" y="160"/>
                  <a:pt x="162" y="160"/>
                </a:cubicBezTo>
                <a:cubicBezTo>
                  <a:pt x="161" y="160"/>
                  <a:pt x="160" y="160"/>
                  <a:pt x="158" y="161"/>
                </a:cubicBezTo>
                <a:cubicBezTo>
                  <a:pt x="157" y="162"/>
                  <a:pt x="154" y="164"/>
                  <a:pt x="151" y="167"/>
                </a:cubicBezTo>
                <a:cubicBezTo>
                  <a:pt x="148" y="171"/>
                  <a:pt x="148" y="173"/>
                  <a:pt x="148" y="173"/>
                </a:cubicBezTo>
                <a:cubicBezTo>
                  <a:pt x="148" y="174"/>
                  <a:pt x="148" y="174"/>
                  <a:pt x="149" y="176"/>
                </a:cubicBezTo>
                <a:cubicBezTo>
                  <a:pt x="151" y="178"/>
                  <a:pt x="153" y="180"/>
                  <a:pt x="156" y="181"/>
                </a:cubicBezTo>
                <a:cubicBezTo>
                  <a:pt x="162" y="185"/>
                  <a:pt x="169" y="187"/>
                  <a:pt x="169" y="187"/>
                </a:cubicBezTo>
                <a:cubicBezTo>
                  <a:pt x="169" y="187"/>
                  <a:pt x="169" y="187"/>
                  <a:pt x="169" y="187"/>
                </a:cubicBezTo>
                <a:cubicBezTo>
                  <a:pt x="173" y="188"/>
                  <a:pt x="177" y="192"/>
                  <a:pt x="177" y="197"/>
                </a:cubicBezTo>
                <a:cubicBezTo>
                  <a:pt x="178" y="203"/>
                  <a:pt x="181" y="207"/>
                  <a:pt x="183" y="210"/>
                </a:cubicBezTo>
                <a:cubicBezTo>
                  <a:pt x="185" y="212"/>
                  <a:pt x="188" y="213"/>
                  <a:pt x="188" y="213"/>
                </a:cubicBezTo>
                <a:cubicBezTo>
                  <a:pt x="188" y="213"/>
                  <a:pt x="188" y="213"/>
                  <a:pt x="188" y="213"/>
                </a:cubicBezTo>
                <a:cubicBezTo>
                  <a:pt x="188" y="213"/>
                  <a:pt x="188" y="213"/>
                  <a:pt x="188" y="213"/>
                </a:cubicBezTo>
                <a:cubicBezTo>
                  <a:pt x="191" y="211"/>
                  <a:pt x="193" y="210"/>
                  <a:pt x="195" y="209"/>
                </a:cubicBezTo>
                <a:cubicBezTo>
                  <a:pt x="197" y="209"/>
                  <a:pt x="199" y="208"/>
                  <a:pt x="201" y="208"/>
                </a:cubicBezTo>
                <a:cubicBezTo>
                  <a:pt x="205" y="208"/>
                  <a:pt x="208" y="209"/>
                  <a:pt x="212" y="210"/>
                </a:cubicBezTo>
                <a:cubicBezTo>
                  <a:pt x="216" y="211"/>
                  <a:pt x="221" y="212"/>
                  <a:pt x="225" y="214"/>
                </a:cubicBezTo>
                <a:cubicBezTo>
                  <a:pt x="235" y="217"/>
                  <a:pt x="245" y="221"/>
                  <a:pt x="256" y="225"/>
                </a:cubicBezTo>
                <a:cubicBezTo>
                  <a:pt x="277" y="234"/>
                  <a:pt x="300" y="244"/>
                  <a:pt x="312" y="249"/>
                </a:cubicBezTo>
                <a:cubicBezTo>
                  <a:pt x="316" y="250"/>
                  <a:pt x="319" y="251"/>
                  <a:pt x="320" y="252"/>
                </a:cubicBezTo>
                <a:cubicBezTo>
                  <a:pt x="324" y="253"/>
                  <a:pt x="327" y="255"/>
                  <a:pt x="330" y="259"/>
                </a:cubicBezTo>
                <a:cubicBezTo>
                  <a:pt x="332" y="262"/>
                  <a:pt x="333" y="266"/>
                  <a:pt x="333" y="270"/>
                </a:cubicBezTo>
                <a:cubicBezTo>
                  <a:pt x="333" y="277"/>
                  <a:pt x="331" y="282"/>
                  <a:pt x="328" y="288"/>
                </a:cubicBezTo>
                <a:cubicBezTo>
                  <a:pt x="324" y="294"/>
                  <a:pt x="320" y="301"/>
                  <a:pt x="315" y="307"/>
                </a:cubicBezTo>
                <a:cubicBezTo>
                  <a:pt x="305" y="319"/>
                  <a:pt x="293" y="332"/>
                  <a:pt x="279" y="343"/>
                </a:cubicBezTo>
                <a:cubicBezTo>
                  <a:pt x="269" y="351"/>
                  <a:pt x="259" y="360"/>
                  <a:pt x="252" y="368"/>
                </a:cubicBezTo>
                <a:cubicBezTo>
                  <a:pt x="261" y="365"/>
                  <a:pt x="272" y="360"/>
                  <a:pt x="283" y="354"/>
                </a:cubicBezTo>
                <a:cubicBezTo>
                  <a:pt x="305" y="343"/>
                  <a:pt x="328" y="324"/>
                  <a:pt x="346" y="298"/>
                </a:cubicBezTo>
                <a:cubicBezTo>
                  <a:pt x="363" y="272"/>
                  <a:pt x="375" y="239"/>
                  <a:pt x="375" y="200"/>
                </a:cubicBezTo>
                <a:cubicBezTo>
                  <a:pt x="375" y="166"/>
                  <a:pt x="366" y="137"/>
                  <a:pt x="352" y="113"/>
                </a:cubicBezTo>
                <a:cubicBezTo>
                  <a:pt x="338" y="89"/>
                  <a:pt x="319" y="69"/>
                  <a:pt x="300" y="55"/>
                </a:cubicBezTo>
                <a:cubicBezTo>
                  <a:pt x="269" y="34"/>
                  <a:pt x="234" y="24"/>
                  <a:pt x="199" y="24"/>
                </a:cubicBezTo>
                <a:cubicBezTo>
                  <a:pt x="189" y="24"/>
                  <a:pt x="179" y="25"/>
                  <a:pt x="170" y="26"/>
                </a:cubicBezTo>
                <a:cubicBezTo>
                  <a:pt x="163" y="27"/>
                  <a:pt x="157" y="23"/>
                  <a:pt x="156" y="16"/>
                </a:cubicBezTo>
                <a:cubicBezTo>
                  <a:pt x="155" y="10"/>
                  <a:pt x="160" y="4"/>
                  <a:pt x="166" y="3"/>
                </a:cubicBezTo>
                <a:cubicBezTo>
                  <a:pt x="177" y="1"/>
                  <a:pt x="188" y="0"/>
                  <a:pt x="199" y="0"/>
                </a:cubicBezTo>
                <a:cubicBezTo>
                  <a:pt x="238" y="0"/>
                  <a:pt x="278" y="12"/>
                  <a:pt x="313" y="36"/>
                </a:cubicBezTo>
                <a:cubicBezTo>
                  <a:pt x="335" y="52"/>
                  <a:pt x="357" y="74"/>
                  <a:pt x="372" y="101"/>
                </a:cubicBezTo>
                <a:cubicBezTo>
                  <a:pt x="388" y="129"/>
                  <a:pt x="399" y="162"/>
                  <a:pt x="399" y="200"/>
                </a:cubicBezTo>
                <a:cubicBezTo>
                  <a:pt x="399" y="244"/>
                  <a:pt x="385" y="282"/>
                  <a:pt x="365" y="311"/>
                </a:cubicBezTo>
                <a:cubicBezTo>
                  <a:pt x="345" y="340"/>
                  <a:pt x="319" y="361"/>
                  <a:pt x="294" y="375"/>
                </a:cubicBezTo>
                <a:cubicBezTo>
                  <a:pt x="257" y="395"/>
                  <a:pt x="223" y="398"/>
                  <a:pt x="222" y="398"/>
                </a:cubicBezTo>
                <a:cubicBezTo>
                  <a:pt x="217" y="398"/>
                  <a:pt x="213" y="396"/>
                  <a:pt x="211" y="392"/>
                </a:cubicBezTo>
                <a:cubicBezTo>
                  <a:pt x="208" y="388"/>
                  <a:pt x="209" y="383"/>
                  <a:pt x="211" y="379"/>
                </a:cubicBezTo>
                <a:cubicBezTo>
                  <a:pt x="212" y="379"/>
                  <a:pt x="232" y="349"/>
                  <a:pt x="265" y="324"/>
                </a:cubicBezTo>
                <a:cubicBezTo>
                  <a:pt x="274" y="317"/>
                  <a:pt x="282" y="309"/>
                  <a:pt x="290" y="301"/>
                </a:cubicBezTo>
                <a:cubicBezTo>
                  <a:pt x="297" y="292"/>
                  <a:pt x="304" y="284"/>
                  <a:pt x="307" y="277"/>
                </a:cubicBezTo>
                <a:cubicBezTo>
                  <a:pt x="308" y="276"/>
                  <a:pt x="309" y="274"/>
                  <a:pt x="309" y="273"/>
                </a:cubicBezTo>
                <a:cubicBezTo>
                  <a:pt x="305" y="271"/>
                  <a:pt x="300" y="269"/>
                  <a:pt x="294" y="266"/>
                </a:cubicBezTo>
                <a:cubicBezTo>
                  <a:pt x="285" y="263"/>
                  <a:pt x="276" y="259"/>
                  <a:pt x="265" y="254"/>
                </a:cubicBezTo>
                <a:cubicBezTo>
                  <a:pt x="244" y="246"/>
                  <a:pt x="222" y="236"/>
                  <a:pt x="208" y="233"/>
                </a:cubicBezTo>
                <a:cubicBezTo>
                  <a:pt x="206" y="232"/>
                  <a:pt x="203" y="232"/>
                  <a:pt x="202" y="232"/>
                </a:cubicBezTo>
                <a:cubicBezTo>
                  <a:pt x="198" y="235"/>
                  <a:pt x="193" y="236"/>
                  <a:pt x="188" y="236"/>
                </a:cubicBezTo>
                <a:cubicBezTo>
                  <a:pt x="179" y="236"/>
                  <a:pt x="172" y="232"/>
                  <a:pt x="166" y="226"/>
                </a:cubicBezTo>
                <a:cubicBezTo>
                  <a:pt x="161" y="221"/>
                  <a:pt x="158" y="214"/>
                  <a:pt x="156" y="207"/>
                </a:cubicBezTo>
                <a:cubicBezTo>
                  <a:pt x="154" y="207"/>
                  <a:pt x="153" y="206"/>
                  <a:pt x="151" y="205"/>
                </a:cubicBezTo>
                <a:cubicBezTo>
                  <a:pt x="145" y="203"/>
                  <a:pt x="138" y="199"/>
                  <a:pt x="132" y="192"/>
                </a:cubicBezTo>
                <a:cubicBezTo>
                  <a:pt x="128" y="187"/>
                  <a:pt x="124" y="181"/>
                  <a:pt x="124" y="173"/>
                </a:cubicBezTo>
                <a:cubicBezTo>
                  <a:pt x="124" y="165"/>
                  <a:pt x="128" y="158"/>
                  <a:pt x="134" y="151"/>
                </a:cubicBezTo>
                <a:cubicBezTo>
                  <a:pt x="138" y="146"/>
                  <a:pt x="143" y="143"/>
                  <a:pt x="148" y="140"/>
                </a:cubicBezTo>
                <a:cubicBezTo>
                  <a:pt x="152" y="138"/>
                  <a:pt x="157" y="136"/>
                  <a:pt x="162" y="136"/>
                </a:cubicBezTo>
                <a:cubicBezTo>
                  <a:pt x="167" y="136"/>
                  <a:pt x="172" y="138"/>
                  <a:pt x="176" y="139"/>
                </a:cubicBezTo>
                <a:cubicBezTo>
                  <a:pt x="178" y="141"/>
                  <a:pt x="180" y="142"/>
                  <a:pt x="182" y="144"/>
                </a:cubicBezTo>
                <a:cubicBezTo>
                  <a:pt x="186" y="140"/>
                  <a:pt x="190" y="136"/>
                  <a:pt x="194" y="131"/>
                </a:cubicBezTo>
                <a:cubicBezTo>
                  <a:pt x="206" y="119"/>
                  <a:pt x="219" y="105"/>
                  <a:pt x="225" y="98"/>
                </a:cubicBezTo>
                <a:cubicBezTo>
                  <a:pt x="225" y="97"/>
                  <a:pt x="225" y="97"/>
                  <a:pt x="225" y="97"/>
                </a:cubicBezTo>
                <a:cubicBezTo>
                  <a:pt x="222" y="93"/>
                  <a:pt x="217" y="89"/>
                  <a:pt x="212" y="84"/>
                </a:cubicBezTo>
                <a:cubicBezTo>
                  <a:pt x="203" y="76"/>
                  <a:pt x="193" y="67"/>
                  <a:pt x="188" y="62"/>
                </a:cubicBezTo>
                <a:cubicBezTo>
                  <a:pt x="187" y="62"/>
                  <a:pt x="186" y="62"/>
                  <a:pt x="185" y="62"/>
                </a:cubicBezTo>
                <a:cubicBezTo>
                  <a:pt x="167" y="62"/>
                  <a:pt x="150" y="56"/>
                  <a:pt x="137" y="51"/>
                </a:cubicBezTo>
                <a:cubicBezTo>
                  <a:pt x="131" y="48"/>
                  <a:pt x="125" y="45"/>
                  <a:pt x="121" y="43"/>
                </a:cubicBezTo>
                <a:cubicBezTo>
                  <a:pt x="110" y="48"/>
                  <a:pt x="110" y="48"/>
                  <a:pt x="110" y="48"/>
                </a:cubicBezTo>
                <a:cubicBezTo>
                  <a:pt x="110" y="51"/>
                  <a:pt x="110" y="54"/>
                  <a:pt x="109" y="58"/>
                </a:cubicBezTo>
                <a:cubicBezTo>
                  <a:pt x="108" y="67"/>
                  <a:pt x="107" y="79"/>
                  <a:pt x="104" y="90"/>
                </a:cubicBezTo>
                <a:cubicBezTo>
                  <a:pt x="102" y="97"/>
                  <a:pt x="99" y="104"/>
                  <a:pt x="95" y="111"/>
                </a:cubicBezTo>
                <a:cubicBezTo>
                  <a:pt x="93" y="112"/>
                  <a:pt x="92" y="115"/>
                  <a:pt x="91" y="118"/>
                </a:cubicBezTo>
                <a:cubicBezTo>
                  <a:pt x="91" y="122"/>
                  <a:pt x="90" y="126"/>
                  <a:pt x="90" y="131"/>
                </a:cubicBezTo>
                <a:cubicBezTo>
                  <a:pt x="90" y="147"/>
                  <a:pt x="95" y="166"/>
                  <a:pt x="102" y="179"/>
                </a:cubicBezTo>
                <a:cubicBezTo>
                  <a:pt x="103" y="180"/>
                  <a:pt x="106" y="184"/>
                  <a:pt x="109" y="187"/>
                </a:cubicBezTo>
                <a:cubicBezTo>
                  <a:pt x="113" y="191"/>
                  <a:pt x="118" y="195"/>
                  <a:pt x="124" y="199"/>
                </a:cubicBezTo>
                <a:cubicBezTo>
                  <a:pt x="135" y="208"/>
                  <a:pt x="148" y="216"/>
                  <a:pt x="159" y="224"/>
                </a:cubicBezTo>
                <a:cubicBezTo>
                  <a:pt x="166" y="230"/>
                  <a:pt x="173" y="234"/>
                  <a:pt x="178" y="239"/>
                </a:cubicBezTo>
                <a:cubicBezTo>
                  <a:pt x="181" y="242"/>
                  <a:pt x="184" y="244"/>
                  <a:pt x="186" y="248"/>
                </a:cubicBezTo>
                <a:cubicBezTo>
                  <a:pt x="187" y="250"/>
                  <a:pt x="188" y="252"/>
                  <a:pt x="189" y="256"/>
                </a:cubicBezTo>
                <a:cubicBezTo>
                  <a:pt x="189" y="258"/>
                  <a:pt x="188" y="260"/>
                  <a:pt x="187" y="262"/>
                </a:cubicBezTo>
                <a:cubicBezTo>
                  <a:pt x="185" y="266"/>
                  <a:pt x="183" y="269"/>
                  <a:pt x="181" y="271"/>
                </a:cubicBezTo>
                <a:cubicBezTo>
                  <a:pt x="179" y="274"/>
                  <a:pt x="178" y="275"/>
                  <a:pt x="178" y="276"/>
                </a:cubicBezTo>
                <a:cubicBezTo>
                  <a:pt x="178" y="277"/>
                  <a:pt x="178" y="277"/>
                  <a:pt x="178" y="278"/>
                </a:cubicBezTo>
                <a:cubicBezTo>
                  <a:pt x="178" y="278"/>
                  <a:pt x="178" y="279"/>
                  <a:pt x="178" y="280"/>
                </a:cubicBezTo>
                <a:cubicBezTo>
                  <a:pt x="179" y="282"/>
                  <a:pt x="181" y="284"/>
                  <a:pt x="183" y="287"/>
                </a:cubicBezTo>
                <a:cubicBezTo>
                  <a:pt x="189" y="293"/>
                  <a:pt x="194" y="298"/>
                  <a:pt x="198" y="303"/>
                </a:cubicBezTo>
                <a:cubicBezTo>
                  <a:pt x="202" y="308"/>
                  <a:pt x="206" y="313"/>
                  <a:pt x="208" y="319"/>
                </a:cubicBezTo>
                <a:cubicBezTo>
                  <a:pt x="210" y="323"/>
                  <a:pt x="210" y="328"/>
                  <a:pt x="210" y="332"/>
                </a:cubicBezTo>
                <a:cubicBezTo>
                  <a:pt x="210" y="336"/>
                  <a:pt x="210" y="340"/>
                  <a:pt x="209" y="344"/>
                </a:cubicBezTo>
                <a:cubicBezTo>
                  <a:pt x="204" y="364"/>
                  <a:pt x="195" y="390"/>
                  <a:pt x="195" y="391"/>
                </a:cubicBezTo>
                <a:cubicBezTo>
                  <a:pt x="193" y="395"/>
                  <a:pt x="189" y="398"/>
                  <a:pt x="184" y="398"/>
                </a:cubicBezTo>
                <a:lnTo>
                  <a:pt x="183" y="398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3" name="Freeform 572"/>
          <p:cNvSpPr>
            <a:spLocks/>
          </p:cNvSpPr>
          <p:nvPr userDrawn="1"/>
        </p:nvSpPr>
        <p:spPr bwMode="auto">
          <a:xfrm>
            <a:off x="8749593" y="3741398"/>
            <a:ext cx="458788" cy="390525"/>
          </a:xfrm>
          <a:custGeom>
            <a:avLst/>
            <a:gdLst/>
            <a:ahLst/>
            <a:cxnLst>
              <a:cxn ang="0">
                <a:pos x="406" y="233"/>
              </a:cxn>
              <a:cxn ang="0">
                <a:pos x="383" y="124"/>
              </a:cxn>
              <a:cxn ang="0">
                <a:pos x="342" y="120"/>
              </a:cxn>
              <a:cxn ang="0">
                <a:pos x="333" y="124"/>
              </a:cxn>
              <a:cxn ang="0">
                <a:pos x="274" y="147"/>
              </a:cxn>
              <a:cxn ang="0">
                <a:pos x="241" y="103"/>
              </a:cxn>
              <a:cxn ang="0">
                <a:pos x="370" y="61"/>
              </a:cxn>
              <a:cxn ang="0">
                <a:pos x="240" y="19"/>
              </a:cxn>
              <a:cxn ang="0">
                <a:pos x="195" y="0"/>
              </a:cxn>
              <a:cxn ang="0">
                <a:pos x="83" y="29"/>
              </a:cxn>
              <a:cxn ang="0">
                <a:pos x="84" y="93"/>
              </a:cxn>
              <a:cxn ang="0">
                <a:pos x="165" y="129"/>
              </a:cxn>
              <a:cxn ang="0">
                <a:pos x="85" y="147"/>
              </a:cxn>
              <a:cxn ang="0">
                <a:pos x="73" y="123"/>
              </a:cxn>
              <a:cxn ang="0">
                <a:pos x="64" y="120"/>
              </a:cxn>
              <a:cxn ang="0">
                <a:pos x="23" y="124"/>
              </a:cxn>
              <a:cxn ang="0">
                <a:pos x="23" y="343"/>
              </a:cxn>
              <a:cxn ang="0">
                <a:pos x="64" y="346"/>
              </a:cxn>
              <a:cxn ang="0">
                <a:pos x="73" y="343"/>
              </a:cxn>
              <a:cxn ang="0">
                <a:pos x="82" y="220"/>
              </a:cxn>
              <a:cxn ang="0">
                <a:pos x="57" y="319"/>
              </a:cxn>
              <a:cxn ang="0">
                <a:pos x="36" y="310"/>
              </a:cxn>
              <a:cxn ang="0">
                <a:pos x="39" y="147"/>
              </a:cxn>
              <a:cxn ang="0">
                <a:pos x="62" y="163"/>
              </a:cxn>
              <a:cxn ang="0">
                <a:pos x="136" y="174"/>
              </a:cxn>
              <a:cxn ang="0">
                <a:pos x="137" y="174"/>
              </a:cxn>
              <a:cxn ang="0">
                <a:pos x="145" y="171"/>
              </a:cxn>
              <a:cxn ang="0">
                <a:pos x="182" y="153"/>
              </a:cxn>
              <a:cxn ang="0">
                <a:pos x="192" y="139"/>
              </a:cxn>
              <a:cxn ang="0">
                <a:pos x="179" y="77"/>
              </a:cxn>
              <a:cxn ang="0">
                <a:pos x="71" y="60"/>
              </a:cxn>
              <a:cxn ang="0">
                <a:pos x="177" y="45"/>
              </a:cxn>
              <a:cxn ang="0">
                <a:pos x="190" y="32"/>
              </a:cxn>
              <a:cxn ang="0">
                <a:pos x="211" y="27"/>
              </a:cxn>
              <a:cxn ang="0">
                <a:pos x="216" y="32"/>
              </a:cxn>
              <a:cxn ang="0">
                <a:pos x="228" y="45"/>
              </a:cxn>
              <a:cxn ang="0">
                <a:pos x="335" y="60"/>
              </a:cxn>
              <a:cxn ang="0">
                <a:pos x="227" y="77"/>
              </a:cxn>
              <a:cxn ang="0">
                <a:pos x="214" y="90"/>
              </a:cxn>
              <a:cxn ang="0">
                <a:pos x="224" y="152"/>
              </a:cxn>
              <a:cxn ang="0">
                <a:pos x="261" y="171"/>
              </a:cxn>
              <a:cxn ang="0">
                <a:pos x="261" y="171"/>
              </a:cxn>
              <a:cxn ang="0">
                <a:pos x="332" y="174"/>
              </a:cxn>
              <a:cxn ang="0">
                <a:pos x="344" y="164"/>
              </a:cxn>
              <a:cxn ang="0">
                <a:pos x="366" y="147"/>
              </a:cxn>
              <a:cxn ang="0">
                <a:pos x="366" y="319"/>
              </a:cxn>
              <a:cxn ang="0">
                <a:pos x="344" y="303"/>
              </a:cxn>
              <a:cxn ang="0">
                <a:pos x="331" y="293"/>
              </a:cxn>
              <a:cxn ang="0">
                <a:pos x="123" y="293"/>
              </a:cxn>
              <a:cxn ang="0">
                <a:pos x="123" y="320"/>
              </a:cxn>
              <a:cxn ang="0">
                <a:pos x="333" y="343"/>
              </a:cxn>
              <a:cxn ang="0">
                <a:pos x="342" y="346"/>
              </a:cxn>
              <a:cxn ang="0">
                <a:pos x="383" y="343"/>
              </a:cxn>
              <a:cxn ang="0">
                <a:pos x="406" y="233"/>
              </a:cxn>
              <a:cxn ang="0">
                <a:pos x="406" y="233"/>
              </a:cxn>
              <a:cxn ang="0">
                <a:pos x="406" y="233"/>
              </a:cxn>
              <a:cxn ang="0">
                <a:pos x="406" y="233"/>
              </a:cxn>
              <a:cxn ang="0">
                <a:pos x="406" y="233"/>
              </a:cxn>
            </a:cxnLst>
            <a:rect l="0" t="0" r="r" b="b"/>
            <a:pathLst>
              <a:path w="406" h="346">
                <a:moveTo>
                  <a:pt x="406" y="233"/>
                </a:move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149"/>
                  <a:pt x="386" y="127"/>
                  <a:pt x="383" y="124"/>
                </a:cubicBezTo>
                <a:cubicBezTo>
                  <a:pt x="380" y="122"/>
                  <a:pt x="377" y="120"/>
                  <a:pt x="374" y="120"/>
                </a:cubicBezTo>
                <a:cubicBezTo>
                  <a:pt x="342" y="120"/>
                  <a:pt x="342" y="120"/>
                  <a:pt x="342" y="120"/>
                </a:cubicBezTo>
                <a:cubicBezTo>
                  <a:pt x="339" y="120"/>
                  <a:pt x="336" y="122"/>
                  <a:pt x="333" y="124"/>
                </a:cubicBezTo>
                <a:cubicBezTo>
                  <a:pt x="333" y="124"/>
                  <a:pt x="333" y="124"/>
                  <a:pt x="333" y="124"/>
                </a:cubicBezTo>
                <a:cubicBezTo>
                  <a:pt x="331" y="126"/>
                  <a:pt x="325" y="132"/>
                  <a:pt x="320" y="147"/>
                </a:cubicBezTo>
                <a:cubicBezTo>
                  <a:pt x="274" y="147"/>
                  <a:pt x="274" y="147"/>
                  <a:pt x="274" y="147"/>
                </a:cubicBezTo>
                <a:cubicBezTo>
                  <a:pt x="264" y="139"/>
                  <a:pt x="253" y="133"/>
                  <a:pt x="241" y="129"/>
                </a:cubicBezTo>
                <a:cubicBezTo>
                  <a:pt x="241" y="103"/>
                  <a:pt x="241" y="103"/>
                  <a:pt x="241" y="103"/>
                </a:cubicBezTo>
                <a:cubicBezTo>
                  <a:pt x="272" y="102"/>
                  <a:pt x="301" y="98"/>
                  <a:pt x="322" y="93"/>
                </a:cubicBezTo>
                <a:cubicBezTo>
                  <a:pt x="344" y="88"/>
                  <a:pt x="370" y="80"/>
                  <a:pt x="370" y="61"/>
                </a:cubicBezTo>
                <a:cubicBezTo>
                  <a:pt x="370" y="42"/>
                  <a:pt x="345" y="34"/>
                  <a:pt x="323" y="29"/>
                </a:cubicBezTo>
                <a:cubicBezTo>
                  <a:pt x="301" y="24"/>
                  <a:pt x="272" y="20"/>
                  <a:pt x="240" y="19"/>
                </a:cubicBezTo>
                <a:cubicBezTo>
                  <a:pt x="235" y="8"/>
                  <a:pt x="224" y="0"/>
                  <a:pt x="211" y="0"/>
                </a:cubicBezTo>
                <a:cubicBezTo>
                  <a:pt x="195" y="0"/>
                  <a:pt x="195" y="0"/>
                  <a:pt x="195" y="0"/>
                </a:cubicBezTo>
                <a:cubicBezTo>
                  <a:pt x="182" y="0"/>
                  <a:pt x="171" y="8"/>
                  <a:pt x="166" y="19"/>
                </a:cubicBezTo>
                <a:cubicBezTo>
                  <a:pt x="134" y="20"/>
                  <a:pt x="105" y="24"/>
                  <a:pt x="83" y="29"/>
                </a:cubicBezTo>
                <a:cubicBezTo>
                  <a:pt x="61" y="34"/>
                  <a:pt x="36" y="42"/>
                  <a:pt x="36" y="61"/>
                </a:cubicBezTo>
                <a:cubicBezTo>
                  <a:pt x="36" y="80"/>
                  <a:pt x="61" y="88"/>
                  <a:pt x="84" y="93"/>
                </a:cubicBezTo>
                <a:cubicBezTo>
                  <a:pt x="105" y="98"/>
                  <a:pt x="134" y="102"/>
                  <a:pt x="165" y="103"/>
                </a:cubicBezTo>
                <a:cubicBezTo>
                  <a:pt x="165" y="129"/>
                  <a:pt x="165" y="129"/>
                  <a:pt x="165" y="129"/>
                </a:cubicBezTo>
                <a:cubicBezTo>
                  <a:pt x="153" y="133"/>
                  <a:pt x="142" y="139"/>
                  <a:pt x="131" y="147"/>
                </a:cubicBezTo>
                <a:cubicBezTo>
                  <a:pt x="85" y="147"/>
                  <a:pt x="85" y="147"/>
                  <a:pt x="85" y="147"/>
                </a:cubicBezTo>
                <a:cubicBezTo>
                  <a:pt x="80" y="132"/>
                  <a:pt x="75" y="126"/>
                  <a:pt x="73" y="124"/>
                </a:cubicBezTo>
                <a:cubicBezTo>
                  <a:pt x="73" y="124"/>
                  <a:pt x="73" y="124"/>
                  <a:pt x="73" y="123"/>
                </a:cubicBezTo>
                <a:cubicBezTo>
                  <a:pt x="70" y="121"/>
                  <a:pt x="67" y="120"/>
                  <a:pt x="64" y="120"/>
                </a:cubicBezTo>
                <a:cubicBezTo>
                  <a:pt x="64" y="120"/>
                  <a:pt x="64" y="120"/>
                  <a:pt x="64" y="120"/>
                </a:cubicBezTo>
                <a:cubicBezTo>
                  <a:pt x="32" y="120"/>
                  <a:pt x="32" y="120"/>
                  <a:pt x="32" y="120"/>
                </a:cubicBezTo>
                <a:cubicBezTo>
                  <a:pt x="29" y="120"/>
                  <a:pt x="26" y="121"/>
                  <a:pt x="23" y="124"/>
                </a:cubicBezTo>
                <a:cubicBezTo>
                  <a:pt x="19" y="127"/>
                  <a:pt x="0" y="148"/>
                  <a:pt x="0" y="233"/>
                </a:cubicBezTo>
                <a:cubicBezTo>
                  <a:pt x="0" y="318"/>
                  <a:pt x="19" y="339"/>
                  <a:pt x="23" y="343"/>
                </a:cubicBezTo>
                <a:cubicBezTo>
                  <a:pt x="26" y="345"/>
                  <a:pt x="29" y="346"/>
                  <a:pt x="32" y="346"/>
                </a:cubicBezTo>
                <a:cubicBezTo>
                  <a:pt x="64" y="346"/>
                  <a:pt x="64" y="346"/>
                  <a:pt x="64" y="346"/>
                </a:cubicBezTo>
                <a:cubicBezTo>
                  <a:pt x="67" y="346"/>
                  <a:pt x="70" y="345"/>
                  <a:pt x="73" y="343"/>
                </a:cubicBezTo>
                <a:cubicBezTo>
                  <a:pt x="73" y="343"/>
                  <a:pt x="73" y="343"/>
                  <a:pt x="73" y="343"/>
                </a:cubicBezTo>
                <a:cubicBezTo>
                  <a:pt x="77" y="339"/>
                  <a:pt x="96" y="318"/>
                  <a:pt x="96" y="233"/>
                </a:cubicBezTo>
                <a:cubicBezTo>
                  <a:pt x="96" y="226"/>
                  <a:pt x="90" y="220"/>
                  <a:pt x="82" y="220"/>
                </a:cubicBezTo>
                <a:cubicBezTo>
                  <a:pt x="75" y="220"/>
                  <a:pt x="69" y="226"/>
                  <a:pt x="69" y="233"/>
                </a:cubicBezTo>
                <a:cubicBezTo>
                  <a:pt x="69" y="287"/>
                  <a:pt x="61" y="311"/>
                  <a:pt x="57" y="319"/>
                </a:cubicBezTo>
                <a:cubicBezTo>
                  <a:pt x="39" y="319"/>
                  <a:pt x="39" y="319"/>
                  <a:pt x="39" y="319"/>
                </a:cubicBezTo>
                <a:cubicBezTo>
                  <a:pt x="38" y="317"/>
                  <a:pt x="37" y="314"/>
                  <a:pt x="36" y="310"/>
                </a:cubicBezTo>
                <a:cubicBezTo>
                  <a:pt x="32" y="297"/>
                  <a:pt x="27" y="274"/>
                  <a:pt x="27" y="233"/>
                </a:cubicBezTo>
                <a:cubicBezTo>
                  <a:pt x="27" y="179"/>
                  <a:pt x="35" y="156"/>
                  <a:pt x="39" y="147"/>
                </a:cubicBezTo>
                <a:cubicBezTo>
                  <a:pt x="57" y="147"/>
                  <a:pt x="57" y="147"/>
                  <a:pt x="57" y="147"/>
                </a:cubicBezTo>
                <a:cubicBezTo>
                  <a:pt x="58" y="150"/>
                  <a:pt x="60" y="155"/>
                  <a:pt x="62" y="163"/>
                </a:cubicBezTo>
                <a:cubicBezTo>
                  <a:pt x="63" y="169"/>
                  <a:pt x="69" y="174"/>
                  <a:pt x="75" y="174"/>
                </a:cubicBezTo>
                <a:cubicBezTo>
                  <a:pt x="136" y="174"/>
                  <a:pt x="136" y="174"/>
                  <a:pt x="136" y="174"/>
                </a:cubicBezTo>
                <a:cubicBezTo>
                  <a:pt x="136" y="174"/>
                  <a:pt x="136" y="174"/>
                  <a:pt x="136" y="174"/>
                </a:cubicBezTo>
                <a:cubicBezTo>
                  <a:pt x="137" y="174"/>
                  <a:pt x="137" y="174"/>
                  <a:pt x="137" y="174"/>
                </a:cubicBezTo>
                <a:cubicBezTo>
                  <a:pt x="140" y="174"/>
                  <a:pt x="142" y="173"/>
                  <a:pt x="145" y="171"/>
                </a:cubicBezTo>
                <a:cubicBezTo>
                  <a:pt x="145" y="171"/>
                  <a:pt x="145" y="171"/>
                  <a:pt x="145" y="171"/>
                </a:cubicBezTo>
                <a:cubicBezTo>
                  <a:pt x="145" y="171"/>
                  <a:pt x="145" y="171"/>
                  <a:pt x="145" y="171"/>
                </a:cubicBezTo>
                <a:cubicBezTo>
                  <a:pt x="155" y="162"/>
                  <a:pt x="168" y="156"/>
                  <a:pt x="182" y="153"/>
                </a:cubicBezTo>
                <a:cubicBezTo>
                  <a:pt x="182" y="152"/>
                  <a:pt x="182" y="152"/>
                  <a:pt x="182" y="152"/>
                </a:cubicBezTo>
                <a:cubicBezTo>
                  <a:pt x="188" y="151"/>
                  <a:pt x="192" y="145"/>
                  <a:pt x="192" y="139"/>
                </a:cubicBezTo>
                <a:cubicBezTo>
                  <a:pt x="192" y="139"/>
                  <a:pt x="192" y="90"/>
                  <a:pt x="192" y="90"/>
                </a:cubicBezTo>
                <a:cubicBezTo>
                  <a:pt x="192" y="83"/>
                  <a:pt x="186" y="77"/>
                  <a:pt x="179" y="77"/>
                </a:cubicBezTo>
                <a:cubicBezTo>
                  <a:pt x="121" y="75"/>
                  <a:pt x="86" y="68"/>
                  <a:pt x="71" y="62"/>
                </a:cubicBezTo>
                <a:cubicBezTo>
                  <a:pt x="70" y="62"/>
                  <a:pt x="70" y="60"/>
                  <a:pt x="71" y="60"/>
                </a:cubicBezTo>
                <a:cubicBezTo>
                  <a:pt x="86" y="55"/>
                  <a:pt x="120" y="47"/>
                  <a:pt x="177" y="45"/>
                </a:cubicBezTo>
                <a:cubicBezTo>
                  <a:pt x="177" y="45"/>
                  <a:pt x="177" y="45"/>
                  <a:pt x="177" y="45"/>
                </a:cubicBezTo>
                <a:cubicBezTo>
                  <a:pt x="184" y="45"/>
                  <a:pt x="190" y="39"/>
                  <a:pt x="190" y="32"/>
                </a:cubicBezTo>
                <a:cubicBezTo>
                  <a:pt x="190" y="32"/>
                  <a:pt x="190" y="32"/>
                  <a:pt x="190" y="32"/>
                </a:cubicBezTo>
                <a:cubicBezTo>
                  <a:pt x="190" y="29"/>
                  <a:pt x="192" y="27"/>
                  <a:pt x="195" y="27"/>
                </a:cubicBezTo>
                <a:cubicBezTo>
                  <a:pt x="211" y="27"/>
                  <a:pt x="211" y="27"/>
                  <a:pt x="211" y="27"/>
                </a:cubicBezTo>
                <a:cubicBezTo>
                  <a:pt x="214" y="27"/>
                  <a:pt x="216" y="29"/>
                  <a:pt x="216" y="32"/>
                </a:cubicBezTo>
                <a:cubicBezTo>
                  <a:pt x="216" y="32"/>
                  <a:pt x="216" y="32"/>
                  <a:pt x="216" y="32"/>
                </a:cubicBezTo>
                <a:cubicBezTo>
                  <a:pt x="216" y="38"/>
                  <a:pt x="220" y="44"/>
                  <a:pt x="226" y="45"/>
                </a:cubicBezTo>
                <a:cubicBezTo>
                  <a:pt x="227" y="45"/>
                  <a:pt x="228" y="45"/>
                  <a:pt x="228" y="45"/>
                </a:cubicBezTo>
                <a:cubicBezTo>
                  <a:pt x="229" y="45"/>
                  <a:pt x="229" y="45"/>
                  <a:pt x="229" y="45"/>
                </a:cubicBezTo>
                <a:cubicBezTo>
                  <a:pt x="285" y="47"/>
                  <a:pt x="320" y="55"/>
                  <a:pt x="335" y="60"/>
                </a:cubicBezTo>
                <a:cubicBezTo>
                  <a:pt x="336" y="60"/>
                  <a:pt x="336" y="62"/>
                  <a:pt x="335" y="62"/>
                </a:cubicBezTo>
                <a:cubicBezTo>
                  <a:pt x="319" y="68"/>
                  <a:pt x="285" y="75"/>
                  <a:pt x="227" y="77"/>
                </a:cubicBezTo>
                <a:cubicBezTo>
                  <a:pt x="227" y="77"/>
                  <a:pt x="226" y="77"/>
                  <a:pt x="226" y="77"/>
                </a:cubicBezTo>
                <a:cubicBezTo>
                  <a:pt x="219" y="77"/>
                  <a:pt x="214" y="83"/>
                  <a:pt x="214" y="90"/>
                </a:cubicBezTo>
                <a:cubicBezTo>
                  <a:pt x="214" y="90"/>
                  <a:pt x="214" y="139"/>
                  <a:pt x="214" y="139"/>
                </a:cubicBezTo>
                <a:cubicBezTo>
                  <a:pt x="214" y="145"/>
                  <a:pt x="218" y="151"/>
                  <a:pt x="224" y="152"/>
                </a:cubicBezTo>
                <a:cubicBezTo>
                  <a:pt x="224" y="152"/>
                  <a:pt x="224" y="152"/>
                  <a:pt x="224" y="153"/>
                </a:cubicBezTo>
                <a:cubicBezTo>
                  <a:pt x="238" y="156"/>
                  <a:pt x="250" y="162"/>
                  <a:pt x="261" y="171"/>
                </a:cubicBezTo>
                <a:cubicBezTo>
                  <a:pt x="261" y="171"/>
                  <a:pt x="261" y="171"/>
                  <a:pt x="261" y="171"/>
                </a:cubicBezTo>
                <a:cubicBezTo>
                  <a:pt x="261" y="171"/>
                  <a:pt x="261" y="171"/>
                  <a:pt x="261" y="171"/>
                </a:cubicBezTo>
                <a:cubicBezTo>
                  <a:pt x="263" y="173"/>
                  <a:pt x="266" y="174"/>
                  <a:pt x="268" y="174"/>
                </a:cubicBezTo>
                <a:cubicBezTo>
                  <a:pt x="269" y="174"/>
                  <a:pt x="331" y="174"/>
                  <a:pt x="332" y="174"/>
                </a:cubicBezTo>
                <a:cubicBezTo>
                  <a:pt x="337" y="173"/>
                  <a:pt x="342" y="169"/>
                  <a:pt x="344" y="164"/>
                </a:cubicBezTo>
                <a:cubicBezTo>
                  <a:pt x="344" y="164"/>
                  <a:pt x="344" y="164"/>
                  <a:pt x="344" y="164"/>
                </a:cubicBezTo>
                <a:cubicBezTo>
                  <a:pt x="346" y="156"/>
                  <a:pt x="348" y="151"/>
                  <a:pt x="349" y="147"/>
                </a:cubicBezTo>
                <a:cubicBezTo>
                  <a:pt x="366" y="147"/>
                  <a:pt x="366" y="147"/>
                  <a:pt x="366" y="147"/>
                </a:cubicBezTo>
                <a:cubicBezTo>
                  <a:pt x="371" y="156"/>
                  <a:pt x="379" y="179"/>
                  <a:pt x="379" y="233"/>
                </a:cubicBezTo>
                <a:cubicBezTo>
                  <a:pt x="379" y="287"/>
                  <a:pt x="371" y="311"/>
                  <a:pt x="366" y="319"/>
                </a:cubicBezTo>
                <a:cubicBezTo>
                  <a:pt x="349" y="319"/>
                  <a:pt x="349" y="319"/>
                  <a:pt x="349" y="319"/>
                </a:cubicBezTo>
                <a:cubicBezTo>
                  <a:pt x="348" y="316"/>
                  <a:pt x="346" y="311"/>
                  <a:pt x="344" y="303"/>
                </a:cubicBezTo>
                <a:cubicBezTo>
                  <a:pt x="344" y="303"/>
                  <a:pt x="344" y="303"/>
                  <a:pt x="344" y="302"/>
                </a:cubicBezTo>
                <a:cubicBezTo>
                  <a:pt x="342" y="297"/>
                  <a:pt x="337" y="293"/>
                  <a:pt x="331" y="293"/>
                </a:cubicBezTo>
                <a:cubicBezTo>
                  <a:pt x="331" y="293"/>
                  <a:pt x="331" y="293"/>
                  <a:pt x="331" y="293"/>
                </a:cubicBezTo>
                <a:cubicBezTo>
                  <a:pt x="123" y="293"/>
                  <a:pt x="123" y="293"/>
                  <a:pt x="123" y="293"/>
                </a:cubicBezTo>
                <a:cubicBezTo>
                  <a:pt x="116" y="293"/>
                  <a:pt x="110" y="299"/>
                  <a:pt x="110" y="306"/>
                </a:cubicBezTo>
                <a:cubicBezTo>
                  <a:pt x="110" y="314"/>
                  <a:pt x="116" y="320"/>
                  <a:pt x="123" y="320"/>
                </a:cubicBezTo>
                <a:cubicBezTo>
                  <a:pt x="320" y="320"/>
                  <a:pt x="320" y="320"/>
                  <a:pt x="320" y="320"/>
                </a:cubicBezTo>
                <a:cubicBezTo>
                  <a:pt x="325" y="334"/>
                  <a:pt x="331" y="341"/>
                  <a:pt x="333" y="343"/>
                </a:cubicBezTo>
                <a:cubicBezTo>
                  <a:pt x="333" y="343"/>
                  <a:pt x="333" y="343"/>
                  <a:pt x="333" y="343"/>
                </a:cubicBezTo>
                <a:cubicBezTo>
                  <a:pt x="336" y="345"/>
                  <a:pt x="339" y="346"/>
                  <a:pt x="342" y="346"/>
                </a:cubicBezTo>
                <a:cubicBezTo>
                  <a:pt x="374" y="346"/>
                  <a:pt x="374" y="346"/>
                  <a:pt x="374" y="346"/>
                </a:cubicBezTo>
                <a:cubicBezTo>
                  <a:pt x="377" y="346"/>
                  <a:pt x="380" y="345"/>
                  <a:pt x="383" y="343"/>
                </a:cubicBezTo>
                <a:cubicBezTo>
                  <a:pt x="386" y="339"/>
                  <a:pt x="406" y="318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ubicBezTo>
                  <a:pt x="406" y="233"/>
                  <a:pt x="406" y="233"/>
                  <a:pt x="406" y="23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4" name="Freeform 632"/>
          <p:cNvSpPr>
            <a:spLocks/>
          </p:cNvSpPr>
          <p:nvPr userDrawn="1"/>
        </p:nvSpPr>
        <p:spPr bwMode="auto">
          <a:xfrm>
            <a:off x="8837700" y="2499736"/>
            <a:ext cx="282575" cy="284163"/>
          </a:xfrm>
          <a:custGeom>
            <a:avLst/>
            <a:gdLst/>
            <a:ahLst/>
            <a:cxnLst>
              <a:cxn ang="0">
                <a:pos x="112" y="242"/>
              </a:cxn>
              <a:cxn ang="0">
                <a:pos x="103" y="214"/>
              </a:cxn>
              <a:cxn ang="0">
                <a:pos x="103" y="214"/>
              </a:cxn>
              <a:cxn ang="0">
                <a:pos x="103" y="214"/>
              </a:cxn>
              <a:cxn ang="0">
                <a:pos x="98" y="138"/>
              </a:cxn>
              <a:cxn ang="0">
                <a:pos x="91" y="141"/>
              </a:cxn>
              <a:cxn ang="0">
                <a:pos x="82" y="142"/>
              </a:cxn>
              <a:cxn ang="0">
                <a:pos x="64" y="136"/>
              </a:cxn>
              <a:cxn ang="0">
                <a:pos x="52" y="118"/>
              </a:cxn>
              <a:cxn ang="0">
                <a:pos x="51" y="110"/>
              </a:cxn>
              <a:cxn ang="0">
                <a:pos x="69" y="80"/>
              </a:cxn>
              <a:cxn ang="0">
                <a:pos x="69" y="80"/>
              </a:cxn>
              <a:cxn ang="0">
                <a:pos x="134" y="45"/>
              </a:cxn>
              <a:cxn ang="0">
                <a:pos x="135" y="45"/>
              </a:cxn>
              <a:cxn ang="0">
                <a:pos x="144" y="43"/>
              </a:cxn>
              <a:cxn ang="0">
                <a:pos x="166" y="53"/>
              </a:cxn>
              <a:cxn ang="0">
                <a:pos x="174" y="76"/>
              </a:cxn>
              <a:cxn ang="0">
                <a:pos x="174" y="195"/>
              </a:cxn>
              <a:cxn ang="0">
                <a:pos x="164" y="205"/>
              </a:cxn>
              <a:cxn ang="0">
                <a:pos x="155" y="195"/>
              </a:cxn>
              <a:cxn ang="0">
                <a:pos x="155" y="76"/>
              </a:cxn>
              <a:cxn ang="0">
                <a:pos x="152" y="65"/>
              </a:cxn>
              <a:cxn ang="0">
                <a:pos x="144" y="62"/>
              </a:cxn>
              <a:cxn ang="0">
                <a:pos x="139" y="63"/>
              </a:cxn>
              <a:cxn ang="0">
                <a:pos x="117" y="73"/>
              </a:cxn>
              <a:cxn ang="0">
                <a:pos x="117" y="73"/>
              </a:cxn>
              <a:cxn ang="0">
                <a:pos x="78" y="96"/>
              </a:cxn>
              <a:cxn ang="0">
                <a:pos x="70" y="110"/>
              </a:cxn>
              <a:cxn ang="0">
                <a:pos x="70" y="114"/>
              </a:cxn>
              <a:cxn ang="0">
                <a:pos x="75" y="121"/>
              </a:cxn>
              <a:cxn ang="0">
                <a:pos x="82" y="124"/>
              </a:cxn>
              <a:cxn ang="0">
                <a:pos x="86" y="123"/>
              </a:cxn>
              <a:cxn ang="0">
                <a:pos x="90" y="122"/>
              </a:cxn>
              <a:cxn ang="0">
                <a:pos x="122" y="214"/>
              </a:cxn>
              <a:cxn ang="0">
                <a:pos x="122" y="214"/>
              </a:cxn>
              <a:cxn ang="0">
                <a:pos x="125" y="228"/>
              </a:cxn>
              <a:cxn ang="0">
                <a:pos x="130" y="232"/>
              </a:cxn>
              <a:cxn ang="0">
                <a:pos x="136" y="233"/>
              </a:cxn>
              <a:cxn ang="0">
                <a:pos x="141" y="233"/>
              </a:cxn>
              <a:cxn ang="0">
                <a:pos x="141" y="233"/>
              </a:cxn>
              <a:cxn ang="0">
                <a:pos x="207" y="199"/>
              </a:cxn>
              <a:cxn ang="0">
                <a:pos x="232" y="127"/>
              </a:cxn>
              <a:cxn ang="0">
                <a:pos x="203" y="49"/>
              </a:cxn>
              <a:cxn ang="0">
                <a:pos x="126" y="19"/>
              </a:cxn>
              <a:cxn ang="0">
                <a:pos x="48" y="49"/>
              </a:cxn>
              <a:cxn ang="0">
                <a:pos x="19" y="126"/>
              </a:cxn>
              <a:cxn ang="0">
                <a:pos x="77" y="224"/>
              </a:cxn>
              <a:cxn ang="0">
                <a:pos x="82" y="236"/>
              </a:cxn>
              <a:cxn ang="0">
                <a:pos x="69" y="241"/>
              </a:cxn>
              <a:cxn ang="0">
                <a:pos x="0" y="126"/>
              </a:cxn>
              <a:cxn ang="0">
                <a:pos x="35" y="36"/>
              </a:cxn>
              <a:cxn ang="0">
                <a:pos x="126" y="0"/>
              </a:cxn>
              <a:cxn ang="0">
                <a:pos x="216" y="36"/>
              </a:cxn>
              <a:cxn ang="0">
                <a:pos x="251" y="127"/>
              </a:cxn>
              <a:cxn ang="0">
                <a:pos x="221" y="211"/>
              </a:cxn>
              <a:cxn ang="0">
                <a:pos x="144" y="251"/>
              </a:cxn>
              <a:cxn ang="0">
                <a:pos x="143" y="251"/>
              </a:cxn>
              <a:cxn ang="0">
                <a:pos x="136" y="252"/>
              </a:cxn>
              <a:cxn ang="0">
                <a:pos x="123" y="250"/>
              </a:cxn>
            </a:cxnLst>
            <a:rect l="0" t="0" r="r" b="b"/>
            <a:pathLst>
              <a:path w="251" h="252">
                <a:moveTo>
                  <a:pt x="123" y="250"/>
                </a:moveTo>
                <a:cubicBezTo>
                  <a:pt x="119" y="248"/>
                  <a:pt x="115" y="246"/>
                  <a:pt x="112" y="242"/>
                </a:cubicBezTo>
                <a:cubicBezTo>
                  <a:pt x="112" y="242"/>
                  <a:pt x="112" y="242"/>
                  <a:pt x="112" y="242"/>
                </a:cubicBezTo>
                <a:cubicBezTo>
                  <a:pt x="106" y="235"/>
                  <a:pt x="103" y="226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214"/>
                  <a:pt x="103" y="214"/>
                  <a:pt x="103" y="214"/>
                </a:cubicBezTo>
                <a:cubicBezTo>
                  <a:pt x="103" y="135"/>
                  <a:pt x="103" y="135"/>
                  <a:pt x="103" y="135"/>
                </a:cubicBezTo>
                <a:cubicBezTo>
                  <a:pt x="98" y="138"/>
                  <a:pt x="98" y="138"/>
                  <a:pt x="98" y="138"/>
                </a:cubicBezTo>
                <a:cubicBezTo>
                  <a:pt x="98" y="138"/>
                  <a:pt x="98" y="138"/>
                  <a:pt x="98" y="138"/>
                </a:cubicBezTo>
                <a:cubicBezTo>
                  <a:pt x="96" y="139"/>
                  <a:pt x="94" y="140"/>
                  <a:pt x="91" y="141"/>
                </a:cubicBezTo>
                <a:cubicBezTo>
                  <a:pt x="91" y="141"/>
                  <a:pt x="91" y="141"/>
                  <a:pt x="91" y="141"/>
                </a:cubicBezTo>
                <a:cubicBezTo>
                  <a:pt x="88" y="142"/>
                  <a:pt x="85" y="142"/>
                  <a:pt x="82" y="142"/>
                </a:cubicBezTo>
                <a:cubicBezTo>
                  <a:pt x="82" y="142"/>
                  <a:pt x="82" y="142"/>
                  <a:pt x="82" y="142"/>
                </a:cubicBezTo>
                <a:cubicBezTo>
                  <a:pt x="76" y="142"/>
                  <a:pt x="69" y="140"/>
                  <a:pt x="64" y="136"/>
                </a:cubicBezTo>
                <a:cubicBezTo>
                  <a:pt x="64" y="136"/>
                  <a:pt x="64" y="136"/>
                  <a:pt x="64" y="136"/>
                </a:cubicBezTo>
                <a:cubicBezTo>
                  <a:pt x="59" y="132"/>
                  <a:pt x="54" y="126"/>
                  <a:pt x="52" y="118"/>
                </a:cubicBezTo>
                <a:cubicBezTo>
                  <a:pt x="52" y="118"/>
                  <a:pt x="52" y="118"/>
                  <a:pt x="52" y="118"/>
                </a:cubicBezTo>
                <a:cubicBezTo>
                  <a:pt x="52" y="116"/>
                  <a:pt x="51" y="113"/>
                  <a:pt x="51" y="110"/>
                </a:cubicBezTo>
                <a:cubicBezTo>
                  <a:pt x="51" y="110"/>
                  <a:pt x="51" y="110"/>
                  <a:pt x="51" y="110"/>
                </a:cubicBezTo>
                <a:cubicBezTo>
                  <a:pt x="51" y="98"/>
                  <a:pt x="57" y="86"/>
                  <a:pt x="69" y="80"/>
                </a:cubicBezTo>
                <a:cubicBezTo>
                  <a:pt x="69" y="80"/>
                  <a:pt x="69" y="80"/>
                  <a:pt x="69" y="80"/>
                </a:cubicBezTo>
                <a:cubicBezTo>
                  <a:pt x="69" y="80"/>
                  <a:pt x="69" y="80"/>
                  <a:pt x="69" y="80"/>
                </a:cubicBezTo>
                <a:cubicBezTo>
                  <a:pt x="107" y="57"/>
                  <a:pt x="107" y="57"/>
                  <a:pt x="107" y="57"/>
                </a:cubicBezTo>
                <a:cubicBezTo>
                  <a:pt x="117" y="51"/>
                  <a:pt x="126" y="47"/>
                  <a:pt x="134" y="45"/>
                </a:cubicBezTo>
                <a:cubicBezTo>
                  <a:pt x="134" y="45"/>
                  <a:pt x="134" y="45"/>
                  <a:pt x="134" y="45"/>
                </a:cubicBezTo>
                <a:cubicBezTo>
                  <a:pt x="135" y="45"/>
                  <a:pt x="135" y="45"/>
                  <a:pt x="135" y="45"/>
                </a:cubicBezTo>
                <a:cubicBezTo>
                  <a:pt x="138" y="44"/>
                  <a:pt x="141" y="43"/>
                  <a:pt x="144" y="43"/>
                </a:cubicBezTo>
                <a:cubicBezTo>
                  <a:pt x="144" y="43"/>
                  <a:pt x="144" y="43"/>
                  <a:pt x="144" y="43"/>
                </a:cubicBezTo>
                <a:cubicBezTo>
                  <a:pt x="153" y="43"/>
                  <a:pt x="161" y="47"/>
                  <a:pt x="166" y="53"/>
                </a:cubicBezTo>
                <a:cubicBezTo>
                  <a:pt x="166" y="53"/>
                  <a:pt x="166" y="53"/>
                  <a:pt x="166" y="53"/>
                </a:cubicBezTo>
                <a:cubicBezTo>
                  <a:pt x="171" y="59"/>
                  <a:pt x="174" y="67"/>
                  <a:pt x="174" y="76"/>
                </a:cubicBezTo>
                <a:cubicBezTo>
                  <a:pt x="174" y="76"/>
                  <a:pt x="174" y="76"/>
                  <a:pt x="174" y="76"/>
                </a:cubicBezTo>
                <a:cubicBezTo>
                  <a:pt x="174" y="76"/>
                  <a:pt x="174" y="76"/>
                  <a:pt x="174" y="76"/>
                </a:cubicBezTo>
                <a:cubicBezTo>
                  <a:pt x="174" y="195"/>
                  <a:pt x="174" y="195"/>
                  <a:pt x="174" y="195"/>
                </a:cubicBezTo>
                <a:cubicBezTo>
                  <a:pt x="174" y="200"/>
                  <a:pt x="170" y="205"/>
                  <a:pt x="164" y="205"/>
                </a:cubicBezTo>
                <a:cubicBezTo>
                  <a:pt x="164" y="205"/>
                  <a:pt x="164" y="205"/>
                  <a:pt x="164" y="205"/>
                </a:cubicBezTo>
                <a:cubicBezTo>
                  <a:pt x="159" y="205"/>
                  <a:pt x="155" y="200"/>
                  <a:pt x="155" y="195"/>
                </a:cubicBezTo>
                <a:cubicBezTo>
                  <a:pt x="155" y="195"/>
                  <a:pt x="155" y="195"/>
                  <a:pt x="155" y="195"/>
                </a:cubicBezTo>
                <a:cubicBezTo>
                  <a:pt x="155" y="76"/>
                  <a:pt x="155" y="76"/>
                  <a:pt x="155" y="76"/>
                </a:cubicBezTo>
                <a:cubicBezTo>
                  <a:pt x="155" y="76"/>
                  <a:pt x="155" y="76"/>
                  <a:pt x="155" y="76"/>
                </a:cubicBezTo>
                <a:cubicBezTo>
                  <a:pt x="155" y="71"/>
                  <a:pt x="153" y="67"/>
                  <a:pt x="152" y="65"/>
                </a:cubicBezTo>
                <a:cubicBezTo>
                  <a:pt x="152" y="65"/>
                  <a:pt x="152" y="65"/>
                  <a:pt x="152" y="65"/>
                </a:cubicBezTo>
                <a:cubicBezTo>
                  <a:pt x="150" y="63"/>
                  <a:pt x="148" y="62"/>
                  <a:pt x="144" y="62"/>
                </a:cubicBezTo>
                <a:cubicBezTo>
                  <a:pt x="144" y="62"/>
                  <a:pt x="144" y="62"/>
                  <a:pt x="144" y="62"/>
                </a:cubicBezTo>
                <a:cubicBezTo>
                  <a:pt x="143" y="62"/>
                  <a:pt x="141" y="62"/>
                  <a:pt x="139" y="63"/>
                </a:cubicBezTo>
                <a:cubicBezTo>
                  <a:pt x="139" y="63"/>
                  <a:pt x="139" y="63"/>
                  <a:pt x="139" y="63"/>
                </a:cubicBezTo>
                <a:cubicBezTo>
                  <a:pt x="139" y="63"/>
                  <a:pt x="139" y="63"/>
                  <a:pt x="139" y="63"/>
                </a:cubicBezTo>
                <a:cubicBezTo>
                  <a:pt x="133" y="64"/>
                  <a:pt x="126" y="68"/>
                  <a:pt x="117" y="73"/>
                </a:cubicBezTo>
                <a:cubicBezTo>
                  <a:pt x="117" y="73"/>
                  <a:pt x="117" y="73"/>
                  <a:pt x="117" y="73"/>
                </a:cubicBezTo>
                <a:cubicBezTo>
                  <a:pt x="117" y="73"/>
                  <a:pt x="117" y="73"/>
                  <a:pt x="117" y="73"/>
                </a:cubicBezTo>
                <a:cubicBezTo>
                  <a:pt x="78" y="96"/>
                  <a:pt x="78" y="96"/>
                  <a:pt x="78" y="96"/>
                </a:cubicBezTo>
                <a:cubicBezTo>
                  <a:pt x="78" y="96"/>
                  <a:pt x="78" y="96"/>
                  <a:pt x="78" y="96"/>
                </a:cubicBezTo>
                <a:cubicBezTo>
                  <a:pt x="73" y="99"/>
                  <a:pt x="70" y="104"/>
                  <a:pt x="70" y="110"/>
                </a:cubicBezTo>
                <a:cubicBezTo>
                  <a:pt x="70" y="110"/>
                  <a:pt x="70" y="110"/>
                  <a:pt x="70" y="110"/>
                </a:cubicBezTo>
                <a:cubicBezTo>
                  <a:pt x="70" y="111"/>
                  <a:pt x="70" y="112"/>
                  <a:pt x="70" y="114"/>
                </a:cubicBezTo>
                <a:cubicBezTo>
                  <a:pt x="70" y="114"/>
                  <a:pt x="70" y="114"/>
                  <a:pt x="70" y="114"/>
                </a:cubicBezTo>
                <a:cubicBezTo>
                  <a:pt x="72" y="118"/>
                  <a:pt x="73" y="120"/>
                  <a:pt x="75" y="121"/>
                </a:cubicBezTo>
                <a:cubicBezTo>
                  <a:pt x="75" y="121"/>
                  <a:pt x="75" y="121"/>
                  <a:pt x="75" y="121"/>
                </a:cubicBezTo>
                <a:cubicBezTo>
                  <a:pt x="77" y="123"/>
                  <a:pt x="79" y="124"/>
                  <a:pt x="82" y="124"/>
                </a:cubicBezTo>
                <a:cubicBezTo>
                  <a:pt x="82" y="124"/>
                  <a:pt x="82" y="124"/>
                  <a:pt x="82" y="124"/>
                </a:cubicBezTo>
                <a:cubicBezTo>
                  <a:pt x="83" y="124"/>
                  <a:pt x="85" y="124"/>
                  <a:pt x="86" y="123"/>
                </a:cubicBezTo>
                <a:cubicBezTo>
                  <a:pt x="86" y="123"/>
                  <a:pt x="86" y="123"/>
                  <a:pt x="86" y="123"/>
                </a:cubicBezTo>
                <a:cubicBezTo>
                  <a:pt x="86" y="123"/>
                  <a:pt x="88" y="122"/>
                  <a:pt x="90" y="122"/>
                </a:cubicBezTo>
                <a:cubicBezTo>
                  <a:pt x="90" y="122"/>
                  <a:pt x="90" y="122"/>
                  <a:pt x="90" y="122"/>
                </a:cubicBezTo>
                <a:cubicBezTo>
                  <a:pt x="122" y="104"/>
                  <a:pt x="122" y="104"/>
                  <a:pt x="122" y="104"/>
                </a:cubicBezTo>
                <a:cubicBezTo>
                  <a:pt x="122" y="214"/>
                  <a:pt x="122" y="214"/>
                  <a:pt x="122" y="214"/>
                </a:cubicBezTo>
                <a:cubicBezTo>
                  <a:pt x="122" y="214"/>
                  <a:pt x="122" y="214"/>
                  <a:pt x="122" y="214"/>
                </a:cubicBezTo>
                <a:cubicBezTo>
                  <a:pt x="122" y="214"/>
                  <a:pt x="122" y="214"/>
                  <a:pt x="122" y="214"/>
                </a:cubicBezTo>
                <a:cubicBezTo>
                  <a:pt x="122" y="221"/>
                  <a:pt x="123" y="225"/>
                  <a:pt x="125" y="228"/>
                </a:cubicBezTo>
                <a:cubicBezTo>
                  <a:pt x="125" y="228"/>
                  <a:pt x="125" y="228"/>
                  <a:pt x="125" y="228"/>
                </a:cubicBezTo>
                <a:cubicBezTo>
                  <a:pt x="126" y="230"/>
                  <a:pt x="127" y="231"/>
                  <a:pt x="130" y="232"/>
                </a:cubicBezTo>
                <a:cubicBezTo>
                  <a:pt x="130" y="232"/>
                  <a:pt x="130" y="232"/>
                  <a:pt x="130" y="232"/>
                </a:cubicBezTo>
                <a:cubicBezTo>
                  <a:pt x="131" y="233"/>
                  <a:pt x="133" y="233"/>
                  <a:pt x="136" y="233"/>
                </a:cubicBezTo>
                <a:cubicBezTo>
                  <a:pt x="136" y="233"/>
                  <a:pt x="136" y="233"/>
                  <a:pt x="136" y="233"/>
                </a:cubicBezTo>
                <a:cubicBezTo>
                  <a:pt x="138" y="233"/>
                  <a:pt x="139" y="233"/>
                  <a:pt x="141" y="233"/>
                </a:cubicBezTo>
                <a:cubicBezTo>
                  <a:pt x="141" y="233"/>
                  <a:pt x="141" y="233"/>
                  <a:pt x="141" y="233"/>
                </a:cubicBezTo>
                <a:cubicBezTo>
                  <a:pt x="141" y="233"/>
                  <a:pt x="141" y="233"/>
                  <a:pt x="141" y="233"/>
                </a:cubicBezTo>
                <a:cubicBezTo>
                  <a:pt x="141" y="233"/>
                  <a:pt x="141" y="233"/>
                  <a:pt x="141" y="233"/>
                </a:cubicBezTo>
                <a:cubicBezTo>
                  <a:pt x="169" y="229"/>
                  <a:pt x="191" y="217"/>
                  <a:pt x="207" y="199"/>
                </a:cubicBezTo>
                <a:cubicBezTo>
                  <a:pt x="207" y="199"/>
                  <a:pt x="207" y="199"/>
                  <a:pt x="207" y="199"/>
                </a:cubicBezTo>
                <a:cubicBezTo>
                  <a:pt x="223" y="181"/>
                  <a:pt x="232" y="156"/>
                  <a:pt x="232" y="127"/>
                </a:cubicBezTo>
                <a:cubicBezTo>
                  <a:pt x="232" y="127"/>
                  <a:pt x="232" y="127"/>
                  <a:pt x="232" y="127"/>
                </a:cubicBezTo>
                <a:cubicBezTo>
                  <a:pt x="232" y="95"/>
                  <a:pt x="221" y="68"/>
                  <a:pt x="203" y="49"/>
                </a:cubicBezTo>
                <a:cubicBezTo>
                  <a:pt x="203" y="49"/>
                  <a:pt x="203" y="49"/>
                  <a:pt x="203" y="49"/>
                </a:cubicBezTo>
                <a:cubicBezTo>
                  <a:pt x="184" y="30"/>
                  <a:pt x="158" y="19"/>
                  <a:pt x="126" y="19"/>
                </a:cubicBezTo>
                <a:cubicBezTo>
                  <a:pt x="126" y="19"/>
                  <a:pt x="126" y="19"/>
                  <a:pt x="126" y="19"/>
                </a:cubicBezTo>
                <a:cubicBezTo>
                  <a:pt x="94" y="19"/>
                  <a:pt x="67" y="30"/>
                  <a:pt x="48" y="49"/>
                </a:cubicBezTo>
                <a:cubicBezTo>
                  <a:pt x="48" y="49"/>
                  <a:pt x="48" y="49"/>
                  <a:pt x="48" y="49"/>
                </a:cubicBezTo>
                <a:cubicBezTo>
                  <a:pt x="30" y="68"/>
                  <a:pt x="19" y="94"/>
                  <a:pt x="19" y="126"/>
                </a:cubicBezTo>
                <a:cubicBezTo>
                  <a:pt x="19" y="126"/>
                  <a:pt x="19" y="126"/>
                  <a:pt x="19" y="126"/>
                </a:cubicBezTo>
                <a:cubicBezTo>
                  <a:pt x="19" y="172"/>
                  <a:pt x="41" y="207"/>
                  <a:pt x="77" y="224"/>
                </a:cubicBezTo>
                <a:cubicBezTo>
                  <a:pt x="77" y="224"/>
                  <a:pt x="77" y="224"/>
                  <a:pt x="77" y="224"/>
                </a:cubicBezTo>
                <a:cubicBezTo>
                  <a:pt x="77" y="224"/>
                  <a:pt x="77" y="224"/>
                  <a:pt x="77" y="224"/>
                </a:cubicBezTo>
                <a:cubicBezTo>
                  <a:pt x="82" y="226"/>
                  <a:pt x="84" y="231"/>
                  <a:pt x="82" y="236"/>
                </a:cubicBezTo>
                <a:cubicBezTo>
                  <a:pt x="82" y="236"/>
                  <a:pt x="82" y="236"/>
                  <a:pt x="82" y="236"/>
                </a:cubicBezTo>
                <a:cubicBezTo>
                  <a:pt x="80" y="241"/>
                  <a:pt x="74" y="243"/>
                  <a:pt x="69" y="241"/>
                </a:cubicBezTo>
                <a:cubicBezTo>
                  <a:pt x="69" y="241"/>
                  <a:pt x="69" y="241"/>
                  <a:pt x="69" y="241"/>
                </a:cubicBezTo>
                <a:cubicBezTo>
                  <a:pt x="27" y="221"/>
                  <a:pt x="0" y="178"/>
                  <a:pt x="0" y="126"/>
                </a:cubicBezTo>
                <a:cubicBezTo>
                  <a:pt x="0" y="126"/>
                  <a:pt x="0" y="126"/>
                  <a:pt x="0" y="126"/>
                </a:cubicBezTo>
                <a:cubicBezTo>
                  <a:pt x="0" y="90"/>
                  <a:pt x="13" y="58"/>
                  <a:pt x="35" y="36"/>
                </a:cubicBezTo>
                <a:cubicBezTo>
                  <a:pt x="35" y="36"/>
                  <a:pt x="35" y="36"/>
                  <a:pt x="35" y="36"/>
                </a:cubicBezTo>
                <a:cubicBezTo>
                  <a:pt x="58" y="13"/>
                  <a:pt x="89" y="0"/>
                  <a:pt x="126" y="0"/>
                </a:cubicBezTo>
                <a:cubicBezTo>
                  <a:pt x="126" y="0"/>
                  <a:pt x="126" y="0"/>
                  <a:pt x="126" y="0"/>
                </a:cubicBezTo>
                <a:cubicBezTo>
                  <a:pt x="162" y="0"/>
                  <a:pt x="194" y="14"/>
                  <a:pt x="216" y="36"/>
                </a:cubicBezTo>
                <a:cubicBezTo>
                  <a:pt x="216" y="36"/>
                  <a:pt x="216" y="36"/>
                  <a:pt x="216" y="36"/>
                </a:cubicBezTo>
                <a:cubicBezTo>
                  <a:pt x="238" y="59"/>
                  <a:pt x="251" y="91"/>
                  <a:pt x="251" y="127"/>
                </a:cubicBezTo>
                <a:cubicBezTo>
                  <a:pt x="251" y="127"/>
                  <a:pt x="251" y="127"/>
                  <a:pt x="251" y="127"/>
                </a:cubicBezTo>
                <a:cubicBezTo>
                  <a:pt x="251" y="160"/>
                  <a:pt x="240" y="189"/>
                  <a:pt x="221" y="211"/>
                </a:cubicBezTo>
                <a:cubicBezTo>
                  <a:pt x="221" y="211"/>
                  <a:pt x="221" y="211"/>
                  <a:pt x="221" y="211"/>
                </a:cubicBezTo>
                <a:cubicBezTo>
                  <a:pt x="202" y="233"/>
                  <a:pt x="175" y="247"/>
                  <a:pt x="144" y="251"/>
                </a:cubicBezTo>
                <a:cubicBezTo>
                  <a:pt x="144" y="251"/>
                  <a:pt x="144" y="251"/>
                  <a:pt x="144" y="251"/>
                </a:cubicBezTo>
                <a:cubicBezTo>
                  <a:pt x="143" y="251"/>
                  <a:pt x="143" y="251"/>
                  <a:pt x="143" y="251"/>
                </a:cubicBezTo>
                <a:cubicBezTo>
                  <a:pt x="143" y="251"/>
                  <a:pt x="143" y="251"/>
                  <a:pt x="143" y="251"/>
                </a:cubicBezTo>
                <a:cubicBezTo>
                  <a:pt x="141" y="252"/>
                  <a:pt x="138" y="252"/>
                  <a:pt x="136" y="252"/>
                </a:cubicBezTo>
                <a:cubicBezTo>
                  <a:pt x="136" y="252"/>
                  <a:pt x="136" y="252"/>
                  <a:pt x="136" y="252"/>
                </a:cubicBezTo>
                <a:cubicBezTo>
                  <a:pt x="132" y="252"/>
                  <a:pt x="127" y="251"/>
                  <a:pt x="123" y="25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5" name="Freeform 640"/>
          <p:cNvSpPr>
            <a:spLocks noEditPoints="1"/>
          </p:cNvSpPr>
          <p:nvPr userDrawn="1"/>
        </p:nvSpPr>
        <p:spPr bwMode="auto">
          <a:xfrm>
            <a:off x="8838493" y="1818386"/>
            <a:ext cx="280988" cy="371475"/>
          </a:xfrm>
          <a:custGeom>
            <a:avLst/>
            <a:gdLst/>
            <a:ahLst/>
            <a:cxnLst>
              <a:cxn ang="0">
                <a:pos x="247" y="39"/>
              </a:cxn>
              <a:cxn ang="0">
                <a:pos x="236" y="28"/>
              </a:cxn>
              <a:cxn ang="0">
                <a:pos x="223" y="35"/>
              </a:cxn>
              <a:cxn ang="0">
                <a:pos x="223" y="35"/>
              </a:cxn>
              <a:cxn ang="0">
                <a:pos x="222" y="36"/>
              </a:cxn>
              <a:cxn ang="0">
                <a:pos x="125" y="53"/>
              </a:cxn>
              <a:cxn ang="0">
                <a:pos x="29" y="39"/>
              </a:cxn>
              <a:cxn ang="0">
                <a:pos x="123" y="25"/>
              </a:cxn>
              <a:cxn ang="0">
                <a:pos x="136" y="12"/>
              </a:cxn>
              <a:cxn ang="0">
                <a:pos x="123" y="0"/>
              </a:cxn>
              <a:cxn ang="0">
                <a:pos x="42" y="8"/>
              </a:cxn>
              <a:cxn ang="0">
                <a:pos x="0" y="39"/>
              </a:cxn>
              <a:cxn ang="0">
                <a:pos x="42" y="70"/>
              </a:cxn>
              <a:cxn ang="0">
                <a:pos x="125" y="78"/>
              </a:cxn>
              <a:cxn ang="0">
                <a:pos x="219" y="66"/>
              </a:cxn>
              <a:cxn ang="0">
                <a:pos x="213" y="126"/>
              </a:cxn>
              <a:cxn ang="0">
                <a:pos x="197" y="121"/>
              </a:cxn>
              <a:cxn ang="0">
                <a:pos x="123" y="113"/>
              </a:cxn>
              <a:cxn ang="0">
                <a:pos x="50" y="121"/>
              </a:cxn>
              <a:cxn ang="0">
                <a:pos x="34" y="126"/>
              </a:cxn>
              <a:cxn ang="0">
                <a:pos x="32" y="106"/>
              </a:cxn>
              <a:cxn ang="0">
                <a:pos x="18" y="94"/>
              </a:cxn>
              <a:cxn ang="0">
                <a:pos x="7" y="108"/>
              </a:cxn>
              <a:cxn ang="0">
                <a:pos x="22" y="291"/>
              </a:cxn>
              <a:cxn ang="0">
                <a:pos x="123" y="329"/>
              </a:cxn>
              <a:cxn ang="0">
                <a:pos x="223" y="291"/>
              </a:cxn>
              <a:cxn ang="0">
                <a:pos x="247" y="42"/>
              </a:cxn>
              <a:cxn ang="0">
                <a:pos x="247" y="39"/>
              </a:cxn>
              <a:cxn ang="0">
                <a:pos x="123" y="139"/>
              </a:cxn>
              <a:cxn ang="0">
                <a:pos x="206" y="151"/>
              </a:cxn>
              <a:cxn ang="0">
                <a:pos x="124" y="163"/>
              </a:cxn>
              <a:cxn ang="0">
                <a:pos x="41" y="150"/>
              </a:cxn>
              <a:cxn ang="0">
                <a:pos x="123" y="139"/>
              </a:cxn>
              <a:cxn ang="0">
                <a:pos x="123" y="304"/>
              </a:cxn>
              <a:cxn ang="0">
                <a:pos x="47" y="289"/>
              </a:cxn>
              <a:cxn ang="0">
                <a:pos x="38" y="177"/>
              </a:cxn>
              <a:cxn ang="0">
                <a:pos x="124" y="188"/>
              </a:cxn>
              <a:cxn ang="0">
                <a:pos x="209" y="177"/>
              </a:cxn>
              <a:cxn ang="0">
                <a:pos x="198" y="289"/>
              </a:cxn>
              <a:cxn ang="0">
                <a:pos x="123" y="304"/>
              </a:cxn>
            </a:cxnLst>
            <a:rect l="0" t="0" r="r" b="b"/>
            <a:pathLst>
              <a:path w="247" h="329">
                <a:moveTo>
                  <a:pt x="247" y="39"/>
                </a:moveTo>
                <a:cubicBezTo>
                  <a:pt x="246" y="33"/>
                  <a:pt x="242" y="28"/>
                  <a:pt x="236" y="28"/>
                </a:cubicBezTo>
                <a:cubicBezTo>
                  <a:pt x="230" y="27"/>
                  <a:pt x="225" y="30"/>
                  <a:pt x="223" y="35"/>
                </a:cubicBezTo>
                <a:cubicBezTo>
                  <a:pt x="223" y="35"/>
                  <a:pt x="223" y="35"/>
                  <a:pt x="223" y="35"/>
                </a:cubicBezTo>
                <a:cubicBezTo>
                  <a:pt x="222" y="36"/>
                  <a:pt x="222" y="36"/>
                  <a:pt x="222" y="36"/>
                </a:cubicBezTo>
                <a:cubicBezTo>
                  <a:pt x="216" y="42"/>
                  <a:pt x="182" y="53"/>
                  <a:pt x="125" y="53"/>
                </a:cubicBezTo>
                <a:cubicBezTo>
                  <a:pt x="76" y="53"/>
                  <a:pt x="41" y="45"/>
                  <a:pt x="29" y="39"/>
                </a:cubicBezTo>
                <a:cubicBezTo>
                  <a:pt x="40" y="33"/>
                  <a:pt x="73" y="25"/>
                  <a:pt x="123" y="25"/>
                </a:cubicBezTo>
                <a:cubicBezTo>
                  <a:pt x="130" y="25"/>
                  <a:pt x="136" y="19"/>
                  <a:pt x="136" y="12"/>
                </a:cubicBezTo>
                <a:cubicBezTo>
                  <a:pt x="136" y="5"/>
                  <a:pt x="130" y="0"/>
                  <a:pt x="123" y="0"/>
                </a:cubicBezTo>
                <a:cubicBezTo>
                  <a:pt x="93" y="0"/>
                  <a:pt x="64" y="3"/>
                  <a:pt x="42" y="8"/>
                </a:cubicBezTo>
                <a:cubicBezTo>
                  <a:pt x="31" y="10"/>
                  <a:pt x="0" y="18"/>
                  <a:pt x="0" y="39"/>
                </a:cubicBezTo>
                <a:cubicBezTo>
                  <a:pt x="0" y="60"/>
                  <a:pt x="32" y="67"/>
                  <a:pt x="42" y="70"/>
                </a:cubicBezTo>
                <a:cubicBezTo>
                  <a:pt x="65" y="75"/>
                  <a:pt x="94" y="78"/>
                  <a:pt x="125" y="78"/>
                </a:cubicBezTo>
                <a:cubicBezTo>
                  <a:pt x="138" y="78"/>
                  <a:pt x="187" y="77"/>
                  <a:pt x="219" y="66"/>
                </a:cubicBezTo>
                <a:cubicBezTo>
                  <a:pt x="218" y="82"/>
                  <a:pt x="216" y="103"/>
                  <a:pt x="213" y="126"/>
                </a:cubicBezTo>
                <a:cubicBezTo>
                  <a:pt x="207" y="123"/>
                  <a:pt x="200" y="122"/>
                  <a:pt x="197" y="121"/>
                </a:cubicBezTo>
                <a:cubicBezTo>
                  <a:pt x="177" y="116"/>
                  <a:pt x="151" y="113"/>
                  <a:pt x="123" y="113"/>
                </a:cubicBezTo>
                <a:cubicBezTo>
                  <a:pt x="96" y="113"/>
                  <a:pt x="70" y="116"/>
                  <a:pt x="50" y="121"/>
                </a:cubicBezTo>
                <a:cubicBezTo>
                  <a:pt x="47" y="122"/>
                  <a:pt x="40" y="123"/>
                  <a:pt x="34" y="126"/>
                </a:cubicBezTo>
                <a:cubicBezTo>
                  <a:pt x="33" y="114"/>
                  <a:pt x="32" y="106"/>
                  <a:pt x="32" y="106"/>
                </a:cubicBezTo>
                <a:cubicBezTo>
                  <a:pt x="31" y="99"/>
                  <a:pt x="25" y="94"/>
                  <a:pt x="18" y="94"/>
                </a:cubicBezTo>
                <a:cubicBezTo>
                  <a:pt x="11" y="95"/>
                  <a:pt x="6" y="101"/>
                  <a:pt x="7" y="108"/>
                </a:cubicBezTo>
                <a:cubicBezTo>
                  <a:pt x="22" y="291"/>
                  <a:pt x="22" y="291"/>
                  <a:pt x="22" y="291"/>
                </a:cubicBezTo>
                <a:cubicBezTo>
                  <a:pt x="23" y="319"/>
                  <a:pt x="77" y="329"/>
                  <a:pt x="123" y="329"/>
                </a:cubicBezTo>
                <a:cubicBezTo>
                  <a:pt x="168" y="329"/>
                  <a:pt x="222" y="319"/>
                  <a:pt x="223" y="291"/>
                </a:cubicBezTo>
                <a:cubicBezTo>
                  <a:pt x="247" y="42"/>
                  <a:pt x="247" y="42"/>
                  <a:pt x="247" y="42"/>
                </a:cubicBezTo>
                <a:cubicBezTo>
                  <a:pt x="247" y="41"/>
                  <a:pt x="247" y="40"/>
                  <a:pt x="247" y="39"/>
                </a:cubicBezTo>
                <a:close/>
                <a:moveTo>
                  <a:pt x="123" y="139"/>
                </a:moveTo>
                <a:cubicBezTo>
                  <a:pt x="166" y="139"/>
                  <a:pt x="195" y="145"/>
                  <a:pt x="206" y="151"/>
                </a:cubicBezTo>
                <a:cubicBezTo>
                  <a:pt x="195" y="156"/>
                  <a:pt x="167" y="163"/>
                  <a:pt x="124" y="163"/>
                </a:cubicBezTo>
                <a:cubicBezTo>
                  <a:pt x="81" y="163"/>
                  <a:pt x="52" y="156"/>
                  <a:pt x="41" y="150"/>
                </a:cubicBezTo>
                <a:cubicBezTo>
                  <a:pt x="52" y="145"/>
                  <a:pt x="81" y="139"/>
                  <a:pt x="123" y="139"/>
                </a:cubicBezTo>
                <a:close/>
                <a:moveTo>
                  <a:pt x="123" y="304"/>
                </a:moveTo>
                <a:cubicBezTo>
                  <a:pt x="77" y="304"/>
                  <a:pt x="51" y="293"/>
                  <a:pt x="47" y="289"/>
                </a:cubicBezTo>
                <a:cubicBezTo>
                  <a:pt x="47" y="288"/>
                  <a:pt x="42" y="228"/>
                  <a:pt x="38" y="177"/>
                </a:cubicBezTo>
                <a:cubicBezTo>
                  <a:pt x="67" y="187"/>
                  <a:pt x="112" y="188"/>
                  <a:pt x="124" y="188"/>
                </a:cubicBezTo>
                <a:cubicBezTo>
                  <a:pt x="136" y="188"/>
                  <a:pt x="180" y="187"/>
                  <a:pt x="209" y="177"/>
                </a:cubicBezTo>
                <a:cubicBezTo>
                  <a:pt x="203" y="235"/>
                  <a:pt x="198" y="288"/>
                  <a:pt x="198" y="289"/>
                </a:cubicBezTo>
                <a:cubicBezTo>
                  <a:pt x="194" y="293"/>
                  <a:pt x="168" y="304"/>
                  <a:pt x="123" y="30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14" name="Group 413"/>
          <p:cNvGrpSpPr>
            <a:grpSpLocks noChangeAspect="1"/>
          </p:cNvGrpSpPr>
          <p:nvPr userDrawn="1"/>
        </p:nvGrpSpPr>
        <p:grpSpPr bwMode="auto">
          <a:xfrm>
            <a:off x="9352799" y="4510374"/>
            <a:ext cx="457200" cy="301625"/>
            <a:chOff x="4193" y="3192"/>
            <a:chExt cx="288" cy="190"/>
          </a:xfrm>
          <a:noFill/>
        </p:grpSpPr>
        <p:sp>
          <p:nvSpPr>
            <p:cNvPr id="127" name="Freeform 414"/>
            <p:cNvSpPr>
              <a:spLocks/>
            </p:cNvSpPr>
            <p:nvPr/>
          </p:nvSpPr>
          <p:spPr bwMode="auto">
            <a:xfrm>
              <a:off x="4193" y="3192"/>
              <a:ext cx="288" cy="190"/>
            </a:xfrm>
            <a:custGeom>
              <a:avLst/>
              <a:gdLst/>
              <a:ahLst/>
              <a:cxnLst>
                <a:cxn ang="0">
                  <a:pos x="313" y="171"/>
                </a:cxn>
                <a:cxn ang="0">
                  <a:pos x="405" y="145"/>
                </a:cxn>
                <a:cxn ang="0">
                  <a:pos x="200" y="0"/>
                </a:cxn>
                <a:cxn ang="0">
                  <a:pos x="0" y="143"/>
                </a:cxn>
                <a:cxn ang="0">
                  <a:pos x="158" y="195"/>
                </a:cxn>
                <a:cxn ang="0">
                  <a:pos x="241" y="223"/>
                </a:cxn>
                <a:cxn ang="0">
                  <a:pos x="197" y="159"/>
                </a:cxn>
                <a:cxn ang="0">
                  <a:pos x="173" y="85"/>
                </a:cxn>
              </a:cxnLst>
              <a:rect l="0" t="0" r="r" b="b"/>
              <a:pathLst>
                <a:path w="405" h="267">
                  <a:moveTo>
                    <a:pt x="313" y="171"/>
                  </a:moveTo>
                  <a:cubicBezTo>
                    <a:pt x="405" y="145"/>
                    <a:pt x="405" y="145"/>
                    <a:pt x="405" y="145"/>
                  </a:cubicBezTo>
                  <a:cubicBezTo>
                    <a:pt x="405" y="145"/>
                    <a:pt x="368" y="3"/>
                    <a:pt x="200" y="0"/>
                  </a:cubicBezTo>
                  <a:cubicBezTo>
                    <a:pt x="52" y="1"/>
                    <a:pt x="0" y="143"/>
                    <a:pt x="0" y="143"/>
                  </a:cubicBezTo>
                  <a:cubicBezTo>
                    <a:pt x="0" y="143"/>
                    <a:pt x="149" y="192"/>
                    <a:pt x="158" y="195"/>
                  </a:cubicBezTo>
                  <a:cubicBezTo>
                    <a:pt x="146" y="248"/>
                    <a:pt x="221" y="267"/>
                    <a:pt x="241" y="223"/>
                  </a:cubicBezTo>
                  <a:cubicBezTo>
                    <a:pt x="258" y="185"/>
                    <a:pt x="225" y="155"/>
                    <a:pt x="197" y="159"/>
                  </a:cubicBezTo>
                  <a:cubicBezTo>
                    <a:pt x="188" y="131"/>
                    <a:pt x="173" y="85"/>
                    <a:pt x="173" y="85"/>
                  </a:cubicBezTo>
                </a:path>
              </a:pathLst>
            </a:cu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8" name="Line 415"/>
            <p:cNvSpPr>
              <a:spLocks noChangeShapeType="1"/>
            </p:cNvSpPr>
            <p:nvPr/>
          </p:nvSpPr>
          <p:spPr bwMode="auto">
            <a:xfrm flipH="1" flipV="1">
              <a:off x="4232" y="3235"/>
              <a:ext cx="20" cy="19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9" name="Line 416"/>
            <p:cNvSpPr>
              <a:spLocks noChangeShapeType="1"/>
            </p:cNvSpPr>
            <p:nvPr/>
          </p:nvSpPr>
          <p:spPr bwMode="auto">
            <a:xfrm flipV="1">
              <a:off x="4335" y="3192"/>
              <a:ext cx="1" cy="28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30" name="Line 417"/>
            <p:cNvSpPr>
              <a:spLocks noChangeShapeType="1"/>
            </p:cNvSpPr>
            <p:nvPr/>
          </p:nvSpPr>
          <p:spPr bwMode="auto">
            <a:xfrm flipV="1">
              <a:off x="4424" y="3235"/>
              <a:ext cx="17" cy="21"/>
            </a:xfrm>
            <a:prstGeom prst="line">
              <a:avLst/>
            </a:prstGeom>
            <a:grpFill/>
            <a:ln w="31750" cap="rnd">
              <a:solidFill>
                <a:srgbClr val="FFFFFF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31" name="Freeform 513"/>
          <p:cNvSpPr>
            <a:spLocks/>
          </p:cNvSpPr>
          <p:nvPr userDrawn="1"/>
        </p:nvSpPr>
        <p:spPr bwMode="auto">
          <a:xfrm>
            <a:off x="9328193" y="2448142"/>
            <a:ext cx="506412" cy="387350"/>
          </a:xfrm>
          <a:custGeom>
            <a:avLst/>
            <a:gdLst/>
            <a:ahLst/>
            <a:cxnLst>
              <a:cxn ang="0">
                <a:pos x="14" y="0"/>
              </a:cxn>
              <a:cxn ang="0">
                <a:pos x="2" y="8"/>
              </a:cxn>
              <a:cxn ang="0">
                <a:pos x="4" y="22"/>
              </a:cxn>
              <a:cxn ang="0">
                <a:pos x="101" y="331"/>
              </a:cxn>
              <a:cxn ang="0">
                <a:pos x="116" y="342"/>
              </a:cxn>
              <a:cxn ang="0">
                <a:pos x="128" y="329"/>
              </a:cxn>
              <a:cxn ang="0">
                <a:pos x="127" y="327"/>
              </a:cxn>
              <a:cxn ang="0">
                <a:pos x="40" y="27"/>
              </a:cxn>
              <a:cxn ang="0">
                <a:pos x="101" y="27"/>
              </a:cxn>
              <a:cxn ang="0">
                <a:pos x="174" y="184"/>
              </a:cxn>
              <a:cxn ang="0">
                <a:pos x="182" y="194"/>
              </a:cxn>
              <a:cxn ang="0">
                <a:pos x="194" y="193"/>
              </a:cxn>
              <a:cxn ang="0">
                <a:pos x="370" y="168"/>
              </a:cxn>
              <a:cxn ang="0">
                <a:pos x="401" y="264"/>
              </a:cxn>
              <a:cxn ang="0">
                <a:pos x="397" y="316"/>
              </a:cxn>
              <a:cxn ang="0">
                <a:pos x="362" y="316"/>
              </a:cxn>
              <a:cxn ang="0">
                <a:pos x="362" y="273"/>
              </a:cxn>
              <a:cxn ang="0">
                <a:pos x="349" y="259"/>
              </a:cxn>
              <a:cxn ang="0">
                <a:pos x="164" y="259"/>
              </a:cxn>
              <a:cxn ang="0">
                <a:pos x="150" y="273"/>
              </a:cxn>
              <a:cxn ang="0">
                <a:pos x="164" y="286"/>
              </a:cxn>
              <a:cxn ang="0">
                <a:pos x="335" y="286"/>
              </a:cxn>
              <a:cxn ang="0">
                <a:pos x="335" y="329"/>
              </a:cxn>
              <a:cxn ang="0">
                <a:pos x="349" y="342"/>
              </a:cxn>
              <a:cxn ang="0">
                <a:pos x="408" y="342"/>
              </a:cxn>
              <a:cxn ang="0">
                <a:pos x="421" y="332"/>
              </a:cxn>
              <a:cxn ang="0">
                <a:pos x="388" y="148"/>
              </a:cxn>
              <a:cxn ang="0">
                <a:pos x="258" y="138"/>
              </a:cxn>
              <a:cxn ang="0">
                <a:pos x="196" y="162"/>
              </a:cxn>
              <a:cxn ang="0">
                <a:pos x="115" y="4"/>
              </a:cxn>
              <a:cxn ang="0">
                <a:pos x="106" y="0"/>
              </a:cxn>
              <a:cxn ang="0">
                <a:pos x="14" y="0"/>
              </a:cxn>
            </a:cxnLst>
            <a:rect l="0" t="0" r="r" b="b"/>
            <a:pathLst>
              <a:path w="449" h="343">
                <a:moveTo>
                  <a:pt x="14" y="0"/>
                </a:moveTo>
                <a:cubicBezTo>
                  <a:pt x="9" y="0"/>
                  <a:pt x="4" y="3"/>
                  <a:pt x="2" y="8"/>
                </a:cubicBezTo>
                <a:cubicBezTo>
                  <a:pt x="0" y="13"/>
                  <a:pt x="1" y="18"/>
                  <a:pt x="4" y="22"/>
                </a:cubicBezTo>
                <a:cubicBezTo>
                  <a:pt x="69" y="98"/>
                  <a:pt x="101" y="328"/>
                  <a:pt x="101" y="331"/>
                </a:cubicBezTo>
                <a:cubicBezTo>
                  <a:pt x="102" y="338"/>
                  <a:pt x="109" y="343"/>
                  <a:pt x="116" y="342"/>
                </a:cubicBezTo>
                <a:cubicBezTo>
                  <a:pt x="123" y="341"/>
                  <a:pt x="128" y="336"/>
                  <a:pt x="128" y="329"/>
                </a:cubicBezTo>
                <a:cubicBezTo>
                  <a:pt x="128" y="328"/>
                  <a:pt x="128" y="328"/>
                  <a:pt x="127" y="327"/>
                </a:cubicBezTo>
                <a:cubicBezTo>
                  <a:pt x="126" y="318"/>
                  <a:pt x="100" y="122"/>
                  <a:pt x="40" y="27"/>
                </a:cubicBezTo>
                <a:cubicBezTo>
                  <a:pt x="65" y="27"/>
                  <a:pt x="94" y="27"/>
                  <a:pt x="101" y="27"/>
                </a:cubicBezTo>
                <a:cubicBezTo>
                  <a:pt x="129" y="55"/>
                  <a:pt x="160" y="120"/>
                  <a:pt x="174" y="184"/>
                </a:cubicBezTo>
                <a:cubicBezTo>
                  <a:pt x="175" y="188"/>
                  <a:pt x="178" y="192"/>
                  <a:pt x="182" y="194"/>
                </a:cubicBezTo>
                <a:cubicBezTo>
                  <a:pt x="185" y="195"/>
                  <a:pt x="190" y="195"/>
                  <a:pt x="194" y="193"/>
                </a:cubicBezTo>
                <a:cubicBezTo>
                  <a:pt x="229" y="174"/>
                  <a:pt x="330" y="132"/>
                  <a:pt x="370" y="168"/>
                </a:cubicBezTo>
                <a:cubicBezTo>
                  <a:pt x="395" y="190"/>
                  <a:pt x="401" y="230"/>
                  <a:pt x="401" y="264"/>
                </a:cubicBezTo>
                <a:cubicBezTo>
                  <a:pt x="401" y="285"/>
                  <a:pt x="399" y="304"/>
                  <a:pt x="397" y="316"/>
                </a:cubicBezTo>
                <a:cubicBezTo>
                  <a:pt x="386" y="316"/>
                  <a:pt x="374" y="316"/>
                  <a:pt x="362" y="316"/>
                </a:cubicBezTo>
                <a:cubicBezTo>
                  <a:pt x="362" y="300"/>
                  <a:pt x="362" y="273"/>
                  <a:pt x="362" y="273"/>
                </a:cubicBezTo>
                <a:cubicBezTo>
                  <a:pt x="362" y="265"/>
                  <a:pt x="356" y="259"/>
                  <a:pt x="349" y="259"/>
                </a:cubicBezTo>
                <a:cubicBezTo>
                  <a:pt x="164" y="259"/>
                  <a:pt x="164" y="259"/>
                  <a:pt x="164" y="259"/>
                </a:cubicBezTo>
                <a:cubicBezTo>
                  <a:pt x="156" y="259"/>
                  <a:pt x="150" y="265"/>
                  <a:pt x="150" y="273"/>
                </a:cubicBezTo>
                <a:cubicBezTo>
                  <a:pt x="150" y="280"/>
                  <a:pt x="156" y="286"/>
                  <a:pt x="164" y="286"/>
                </a:cubicBezTo>
                <a:cubicBezTo>
                  <a:pt x="164" y="286"/>
                  <a:pt x="312" y="286"/>
                  <a:pt x="335" y="286"/>
                </a:cubicBezTo>
                <a:cubicBezTo>
                  <a:pt x="335" y="301"/>
                  <a:pt x="335" y="329"/>
                  <a:pt x="335" y="329"/>
                </a:cubicBezTo>
                <a:cubicBezTo>
                  <a:pt x="335" y="336"/>
                  <a:pt x="341" y="342"/>
                  <a:pt x="349" y="342"/>
                </a:cubicBezTo>
                <a:cubicBezTo>
                  <a:pt x="408" y="342"/>
                  <a:pt x="408" y="342"/>
                  <a:pt x="408" y="342"/>
                </a:cubicBezTo>
                <a:cubicBezTo>
                  <a:pt x="414" y="342"/>
                  <a:pt x="420" y="338"/>
                  <a:pt x="421" y="332"/>
                </a:cubicBezTo>
                <a:cubicBezTo>
                  <a:pt x="422" y="327"/>
                  <a:pt x="449" y="202"/>
                  <a:pt x="388" y="148"/>
                </a:cubicBezTo>
                <a:cubicBezTo>
                  <a:pt x="361" y="124"/>
                  <a:pt x="317" y="121"/>
                  <a:pt x="258" y="138"/>
                </a:cubicBezTo>
                <a:cubicBezTo>
                  <a:pt x="233" y="146"/>
                  <a:pt x="210" y="155"/>
                  <a:pt x="196" y="162"/>
                </a:cubicBezTo>
                <a:cubicBezTo>
                  <a:pt x="178" y="95"/>
                  <a:pt x="146" y="32"/>
                  <a:pt x="115" y="4"/>
                </a:cubicBezTo>
                <a:cubicBezTo>
                  <a:pt x="113" y="1"/>
                  <a:pt x="109" y="0"/>
                  <a:pt x="106" y="0"/>
                </a:cubicBezTo>
                <a:lnTo>
                  <a:pt x="14" y="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2" name="Freeform 517"/>
          <p:cNvSpPr>
            <a:spLocks noEditPoints="1"/>
          </p:cNvSpPr>
          <p:nvPr userDrawn="1"/>
        </p:nvSpPr>
        <p:spPr bwMode="auto">
          <a:xfrm>
            <a:off x="9425030" y="1183087"/>
            <a:ext cx="312738" cy="477838"/>
          </a:xfrm>
          <a:custGeom>
            <a:avLst/>
            <a:gdLst/>
            <a:ahLst/>
            <a:cxnLst>
              <a:cxn ang="0">
                <a:pos x="141" y="1"/>
              </a:cxn>
              <a:cxn ang="0">
                <a:pos x="9" y="49"/>
              </a:cxn>
              <a:cxn ang="0">
                <a:pos x="0" y="62"/>
              </a:cxn>
              <a:cxn ang="0">
                <a:pos x="0" y="202"/>
              </a:cxn>
              <a:cxn ang="0">
                <a:pos x="9" y="214"/>
              </a:cxn>
              <a:cxn ang="0">
                <a:pos x="117" y="272"/>
              </a:cxn>
              <a:cxn ang="0">
                <a:pos x="117" y="387"/>
              </a:cxn>
              <a:cxn ang="0">
                <a:pos x="26" y="339"/>
              </a:cxn>
              <a:cxn ang="0">
                <a:pos x="26" y="266"/>
              </a:cxn>
              <a:cxn ang="0">
                <a:pos x="13" y="253"/>
              </a:cxn>
              <a:cxn ang="0">
                <a:pos x="0" y="266"/>
              </a:cxn>
              <a:cxn ang="0">
                <a:pos x="0" y="347"/>
              </a:cxn>
              <a:cxn ang="0">
                <a:pos x="7" y="359"/>
              </a:cxn>
              <a:cxn ang="0">
                <a:pos x="125" y="421"/>
              </a:cxn>
              <a:cxn ang="0">
                <a:pos x="138" y="420"/>
              </a:cxn>
              <a:cxn ang="0">
                <a:pos x="144" y="409"/>
              </a:cxn>
              <a:cxn ang="0">
                <a:pos x="144" y="264"/>
              </a:cxn>
              <a:cxn ang="0">
                <a:pos x="137" y="252"/>
              </a:cxn>
              <a:cxn ang="0">
                <a:pos x="26" y="194"/>
              </a:cxn>
              <a:cxn ang="0">
                <a:pos x="26" y="71"/>
              </a:cxn>
              <a:cxn ang="0">
                <a:pos x="132" y="33"/>
              </a:cxn>
              <a:cxn ang="0">
                <a:pos x="132" y="154"/>
              </a:cxn>
              <a:cxn ang="0">
                <a:pos x="139" y="165"/>
              </a:cxn>
              <a:cxn ang="0">
                <a:pos x="250" y="224"/>
              </a:cxn>
              <a:cxn ang="0">
                <a:pos x="250" y="342"/>
              </a:cxn>
              <a:cxn ang="0">
                <a:pos x="264" y="355"/>
              </a:cxn>
              <a:cxn ang="0">
                <a:pos x="277" y="342"/>
              </a:cxn>
              <a:cxn ang="0">
                <a:pos x="277" y="216"/>
              </a:cxn>
              <a:cxn ang="0">
                <a:pos x="272" y="206"/>
              </a:cxn>
              <a:cxn ang="0">
                <a:pos x="268" y="203"/>
              </a:cxn>
              <a:cxn ang="0">
                <a:pos x="159" y="146"/>
              </a:cxn>
              <a:cxn ang="0">
                <a:pos x="159" y="14"/>
              </a:cxn>
              <a:cxn ang="0">
                <a:pos x="153" y="3"/>
              </a:cxn>
              <a:cxn ang="0">
                <a:pos x="141" y="1"/>
              </a:cxn>
              <a:cxn ang="0">
                <a:pos x="261" y="229"/>
              </a:cxn>
              <a:cxn ang="0">
                <a:pos x="262" y="229"/>
              </a:cxn>
              <a:cxn ang="0">
                <a:pos x="261" y="229"/>
              </a:cxn>
            </a:cxnLst>
            <a:rect l="0" t="0" r="r" b="b"/>
            <a:pathLst>
              <a:path w="277" h="423">
                <a:moveTo>
                  <a:pt x="141" y="1"/>
                </a:moveTo>
                <a:cubicBezTo>
                  <a:pt x="9" y="49"/>
                  <a:pt x="9" y="49"/>
                  <a:pt x="9" y="49"/>
                </a:cubicBezTo>
                <a:cubicBezTo>
                  <a:pt x="3" y="51"/>
                  <a:pt x="0" y="56"/>
                  <a:pt x="0" y="62"/>
                </a:cubicBezTo>
                <a:cubicBezTo>
                  <a:pt x="0" y="202"/>
                  <a:pt x="0" y="202"/>
                  <a:pt x="0" y="202"/>
                </a:cubicBezTo>
                <a:cubicBezTo>
                  <a:pt x="0" y="208"/>
                  <a:pt x="4" y="212"/>
                  <a:pt x="9" y="214"/>
                </a:cubicBezTo>
                <a:cubicBezTo>
                  <a:pt x="12" y="216"/>
                  <a:pt x="105" y="265"/>
                  <a:pt x="117" y="272"/>
                </a:cubicBezTo>
                <a:cubicBezTo>
                  <a:pt x="117" y="284"/>
                  <a:pt x="117" y="357"/>
                  <a:pt x="117" y="387"/>
                </a:cubicBezTo>
                <a:cubicBezTo>
                  <a:pt x="92" y="374"/>
                  <a:pt x="37" y="345"/>
                  <a:pt x="26" y="339"/>
                </a:cubicBezTo>
                <a:cubicBezTo>
                  <a:pt x="26" y="326"/>
                  <a:pt x="26" y="266"/>
                  <a:pt x="26" y="266"/>
                </a:cubicBezTo>
                <a:cubicBezTo>
                  <a:pt x="26" y="259"/>
                  <a:pt x="20" y="253"/>
                  <a:pt x="13" y="253"/>
                </a:cubicBezTo>
                <a:cubicBezTo>
                  <a:pt x="6" y="253"/>
                  <a:pt x="0" y="259"/>
                  <a:pt x="0" y="266"/>
                </a:cubicBezTo>
                <a:cubicBezTo>
                  <a:pt x="0" y="347"/>
                  <a:pt x="0" y="347"/>
                  <a:pt x="0" y="347"/>
                </a:cubicBezTo>
                <a:cubicBezTo>
                  <a:pt x="0" y="352"/>
                  <a:pt x="3" y="357"/>
                  <a:pt x="7" y="359"/>
                </a:cubicBezTo>
                <a:cubicBezTo>
                  <a:pt x="125" y="421"/>
                  <a:pt x="125" y="421"/>
                  <a:pt x="125" y="421"/>
                </a:cubicBezTo>
                <a:cubicBezTo>
                  <a:pt x="129" y="423"/>
                  <a:pt x="134" y="423"/>
                  <a:pt x="138" y="420"/>
                </a:cubicBezTo>
                <a:cubicBezTo>
                  <a:pt x="142" y="418"/>
                  <a:pt x="144" y="413"/>
                  <a:pt x="144" y="409"/>
                </a:cubicBezTo>
                <a:cubicBezTo>
                  <a:pt x="144" y="264"/>
                  <a:pt x="144" y="264"/>
                  <a:pt x="144" y="264"/>
                </a:cubicBezTo>
                <a:cubicBezTo>
                  <a:pt x="144" y="259"/>
                  <a:pt x="141" y="254"/>
                  <a:pt x="137" y="252"/>
                </a:cubicBezTo>
                <a:cubicBezTo>
                  <a:pt x="137" y="252"/>
                  <a:pt x="39" y="200"/>
                  <a:pt x="26" y="194"/>
                </a:cubicBezTo>
                <a:cubicBezTo>
                  <a:pt x="26" y="180"/>
                  <a:pt x="26" y="86"/>
                  <a:pt x="26" y="71"/>
                </a:cubicBezTo>
                <a:cubicBezTo>
                  <a:pt x="40" y="66"/>
                  <a:pt x="108" y="42"/>
                  <a:pt x="132" y="33"/>
                </a:cubicBezTo>
                <a:cubicBezTo>
                  <a:pt x="132" y="61"/>
                  <a:pt x="132" y="154"/>
                  <a:pt x="132" y="154"/>
                </a:cubicBezTo>
                <a:cubicBezTo>
                  <a:pt x="132" y="159"/>
                  <a:pt x="135" y="163"/>
                  <a:pt x="139" y="165"/>
                </a:cubicBezTo>
                <a:cubicBezTo>
                  <a:pt x="139" y="165"/>
                  <a:pt x="238" y="217"/>
                  <a:pt x="250" y="224"/>
                </a:cubicBezTo>
                <a:cubicBezTo>
                  <a:pt x="250" y="238"/>
                  <a:pt x="250" y="342"/>
                  <a:pt x="250" y="342"/>
                </a:cubicBezTo>
                <a:cubicBezTo>
                  <a:pt x="250" y="349"/>
                  <a:pt x="256" y="355"/>
                  <a:pt x="264" y="355"/>
                </a:cubicBezTo>
                <a:cubicBezTo>
                  <a:pt x="271" y="355"/>
                  <a:pt x="277" y="349"/>
                  <a:pt x="277" y="342"/>
                </a:cubicBezTo>
                <a:cubicBezTo>
                  <a:pt x="277" y="216"/>
                  <a:pt x="277" y="216"/>
                  <a:pt x="277" y="216"/>
                </a:cubicBezTo>
                <a:cubicBezTo>
                  <a:pt x="277" y="212"/>
                  <a:pt x="275" y="208"/>
                  <a:pt x="272" y="206"/>
                </a:cubicBezTo>
                <a:cubicBezTo>
                  <a:pt x="271" y="205"/>
                  <a:pt x="270" y="204"/>
                  <a:pt x="268" y="203"/>
                </a:cubicBezTo>
                <a:cubicBezTo>
                  <a:pt x="265" y="202"/>
                  <a:pt x="171" y="152"/>
                  <a:pt x="159" y="146"/>
                </a:cubicBezTo>
                <a:cubicBezTo>
                  <a:pt x="159" y="131"/>
                  <a:pt x="159" y="14"/>
                  <a:pt x="159" y="14"/>
                </a:cubicBezTo>
                <a:cubicBezTo>
                  <a:pt x="159" y="10"/>
                  <a:pt x="157" y="6"/>
                  <a:pt x="153" y="3"/>
                </a:cubicBezTo>
                <a:cubicBezTo>
                  <a:pt x="150" y="1"/>
                  <a:pt x="145" y="0"/>
                  <a:pt x="141" y="1"/>
                </a:cubicBezTo>
                <a:close/>
                <a:moveTo>
                  <a:pt x="261" y="229"/>
                </a:moveTo>
                <a:cubicBezTo>
                  <a:pt x="261" y="229"/>
                  <a:pt x="261" y="229"/>
                  <a:pt x="262" y="229"/>
                </a:cubicBezTo>
                <a:cubicBezTo>
                  <a:pt x="261" y="229"/>
                  <a:pt x="261" y="229"/>
                  <a:pt x="261" y="22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3" name="Freeform 564"/>
          <p:cNvSpPr>
            <a:spLocks/>
          </p:cNvSpPr>
          <p:nvPr userDrawn="1"/>
        </p:nvSpPr>
        <p:spPr bwMode="auto">
          <a:xfrm>
            <a:off x="9382168" y="5161959"/>
            <a:ext cx="398462" cy="322263"/>
          </a:xfrm>
          <a:custGeom>
            <a:avLst/>
            <a:gdLst/>
            <a:ahLst/>
            <a:cxnLst>
              <a:cxn ang="0">
                <a:pos x="339" y="257"/>
              </a:cxn>
              <a:cxn ang="0">
                <a:pos x="26" y="257"/>
              </a:cxn>
              <a:cxn ang="0">
                <a:pos x="26" y="46"/>
              </a:cxn>
              <a:cxn ang="0">
                <a:pos x="71" y="91"/>
              </a:cxn>
              <a:cxn ang="0">
                <a:pos x="80" y="94"/>
              </a:cxn>
              <a:cxn ang="0">
                <a:pos x="89" y="91"/>
              </a:cxn>
              <a:cxn ang="0">
                <a:pos x="128" y="52"/>
              </a:cxn>
              <a:cxn ang="0">
                <a:pos x="239" y="163"/>
              </a:cxn>
              <a:cxn ang="0">
                <a:pos x="214" y="163"/>
              </a:cxn>
              <a:cxn ang="0">
                <a:pos x="200" y="177"/>
              </a:cxn>
              <a:cxn ang="0">
                <a:pos x="214" y="190"/>
              </a:cxn>
              <a:cxn ang="0">
                <a:pos x="268" y="190"/>
              </a:cxn>
              <a:cxn ang="0">
                <a:pos x="282" y="177"/>
              </a:cxn>
              <a:cxn ang="0">
                <a:pos x="282" y="122"/>
              </a:cxn>
              <a:cxn ang="0">
                <a:pos x="268" y="109"/>
              </a:cxn>
              <a:cxn ang="0">
                <a:pos x="255" y="122"/>
              </a:cxn>
              <a:cxn ang="0">
                <a:pos x="255" y="142"/>
              </a:cxn>
              <a:cxn ang="0">
                <a:pos x="137" y="24"/>
              </a:cxn>
              <a:cxn ang="0">
                <a:pos x="128" y="20"/>
              </a:cxn>
              <a:cxn ang="0">
                <a:pos x="118" y="24"/>
              </a:cxn>
              <a:cxn ang="0">
                <a:pos x="80" y="62"/>
              </a:cxn>
              <a:cxn ang="0">
                <a:pos x="23" y="5"/>
              </a:cxn>
              <a:cxn ang="0">
                <a:pos x="8" y="2"/>
              </a:cxn>
              <a:cxn ang="0">
                <a:pos x="0" y="14"/>
              </a:cxn>
              <a:cxn ang="0">
                <a:pos x="0" y="270"/>
              </a:cxn>
              <a:cxn ang="0">
                <a:pos x="13" y="284"/>
              </a:cxn>
              <a:cxn ang="0">
                <a:pos x="339" y="284"/>
              </a:cxn>
              <a:cxn ang="0">
                <a:pos x="353" y="270"/>
              </a:cxn>
              <a:cxn ang="0">
                <a:pos x="339" y="257"/>
              </a:cxn>
            </a:cxnLst>
            <a:rect l="0" t="0" r="r" b="b"/>
            <a:pathLst>
              <a:path w="353" h="284">
                <a:moveTo>
                  <a:pt x="339" y="257"/>
                </a:moveTo>
                <a:cubicBezTo>
                  <a:pt x="339" y="257"/>
                  <a:pt x="51" y="257"/>
                  <a:pt x="26" y="257"/>
                </a:cubicBezTo>
                <a:cubicBezTo>
                  <a:pt x="26" y="46"/>
                  <a:pt x="26" y="46"/>
                  <a:pt x="26" y="46"/>
                </a:cubicBezTo>
                <a:cubicBezTo>
                  <a:pt x="46" y="66"/>
                  <a:pt x="71" y="91"/>
                  <a:pt x="71" y="91"/>
                </a:cubicBezTo>
                <a:cubicBezTo>
                  <a:pt x="73" y="93"/>
                  <a:pt x="76" y="94"/>
                  <a:pt x="80" y="94"/>
                </a:cubicBezTo>
                <a:cubicBezTo>
                  <a:pt x="83" y="94"/>
                  <a:pt x="87" y="93"/>
                  <a:pt x="89" y="91"/>
                </a:cubicBezTo>
                <a:cubicBezTo>
                  <a:pt x="89" y="91"/>
                  <a:pt x="115" y="64"/>
                  <a:pt x="128" y="52"/>
                </a:cubicBezTo>
                <a:cubicBezTo>
                  <a:pt x="142" y="67"/>
                  <a:pt x="227" y="151"/>
                  <a:pt x="239" y="163"/>
                </a:cubicBezTo>
                <a:cubicBezTo>
                  <a:pt x="226" y="163"/>
                  <a:pt x="214" y="163"/>
                  <a:pt x="214" y="163"/>
                </a:cubicBezTo>
                <a:cubicBezTo>
                  <a:pt x="206" y="163"/>
                  <a:pt x="200" y="169"/>
                  <a:pt x="200" y="177"/>
                </a:cubicBezTo>
                <a:cubicBezTo>
                  <a:pt x="200" y="184"/>
                  <a:pt x="206" y="190"/>
                  <a:pt x="214" y="190"/>
                </a:cubicBezTo>
                <a:cubicBezTo>
                  <a:pt x="268" y="190"/>
                  <a:pt x="268" y="190"/>
                  <a:pt x="268" y="190"/>
                </a:cubicBezTo>
                <a:cubicBezTo>
                  <a:pt x="276" y="190"/>
                  <a:pt x="282" y="184"/>
                  <a:pt x="282" y="177"/>
                </a:cubicBezTo>
                <a:cubicBezTo>
                  <a:pt x="282" y="122"/>
                  <a:pt x="282" y="122"/>
                  <a:pt x="282" y="122"/>
                </a:cubicBezTo>
                <a:cubicBezTo>
                  <a:pt x="282" y="115"/>
                  <a:pt x="276" y="109"/>
                  <a:pt x="268" y="109"/>
                </a:cubicBezTo>
                <a:cubicBezTo>
                  <a:pt x="261" y="109"/>
                  <a:pt x="255" y="115"/>
                  <a:pt x="255" y="122"/>
                </a:cubicBezTo>
                <a:cubicBezTo>
                  <a:pt x="255" y="122"/>
                  <a:pt x="255" y="131"/>
                  <a:pt x="255" y="142"/>
                </a:cubicBezTo>
                <a:cubicBezTo>
                  <a:pt x="137" y="24"/>
                  <a:pt x="137" y="24"/>
                  <a:pt x="137" y="24"/>
                </a:cubicBezTo>
                <a:cubicBezTo>
                  <a:pt x="134" y="22"/>
                  <a:pt x="131" y="20"/>
                  <a:pt x="128" y="20"/>
                </a:cubicBezTo>
                <a:cubicBezTo>
                  <a:pt x="124" y="20"/>
                  <a:pt x="121" y="22"/>
                  <a:pt x="118" y="24"/>
                </a:cubicBezTo>
                <a:cubicBezTo>
                  <a:pt x="118" y="24"/>
                  <a:pt x="92" y="50"/>
                  <a:pt x="80" y="62"/>
                </a:cubicBezTo>
                <a:cubicBezTo>
                  <a:pt x="66" y="49"/>
                  <a:pt x="23" y="5"/>
                  <a:pt x="23" y="5"/>
                </a:cubicBezTo>
                <a:cubicBezTo>
                  <a:pt x="19" y="1"/>
                  <a:pt x="13" y="0"/>
                  <a:pt x="8" y="2"/>
                </a:cubicBezTo>
                <a:cubicBezTo>
                  <a:pt x="3" y="4"/>
                  <a:pt x="0" y="9"/>
                  <a:pt x="0" y="14"/>
                </a:cubicBezTo>
                <a:cubicBezTo>
                  <a:pt x="0" y="270"/>
                  <a:pt x="0" y="270"/>
                  <a:pt x="0" y="270"/>
                </a:cubicBezTo>
                <a:cubicBezTo>
                  <a:pt x="0" y="278"/>
                  <a:pt x="6" y="284"/>
                  <a:pt x="13" y="284"/>
                </a:cubicBezTo>
                <a:cubicBezTo>
                  <a:pt x="339" y="284"/>
                  <a:pt x="339" y="284"/>
                  <a:pt x="339" y="284"/>
                </a:cubicBezTo>
                <a:cubicBezTo>
                  <a:pt x="347" y="284"/>
                  <a:pt x="353" y="278"/>
                  <a:pt x="353" y="270"/>
                </a:cubicBezTo>
                <a:cubicBezTo>
                  <a:pt x="353" y="263"/>
                  <a:pt x="347" y="257"/>
                  <a:pt x="339" y="25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4" name="Freeform 584"/>
          <p:cNvSpPr>
            <a:spLocks/>
          </p:cNvSpPr>
          <p:nvPr userDrawn="1"/>
        </p:nvSpPr>
        <p:spPr bwMode="auto">
          <a:xfrm>
            <a:off x="9399630" y="3681867"/>
            <a:ext cx="363538" cy="509587"/>
          </a:xfrm>
          <a:custGeom>
            <a:avLst/>
            <a:gdLst/>
            <a:ahLst/>
            <a:cxnLst>
              <a:cxn ang="0">
                <a:pos x="311" y="117"/>
              </a:cxn>
              <a:cxn ang="0">
                <a:pos x="246" y="130"/>
              </a:cxn>
              <a:cxn ang="0">
                <a:pos x="209" y="151"/>
              </a:cxn>
              <a:cxn ang="0">
                <a:pos x="153" y="195"/>
              </a:cxn>
              <a:cxn ang="0">
                <a:pos x="151" y="320"/>
              </a:cxn>
              <a:cxn ang="0">
                <a:pos x="116" y="286"/>
              </a:cxn>
              <a:cxn ang="0">
                <a:pos x="100" y="271"/>
              </a:cxn>
              <a:cxn ang="0">
                <a:pos x="132" y="192"/>
              </a:cxn>
              <a:cxn ang="0">
                <a:pos x="148" y="170"/>
              </a:cxn>
              <a:cxn ang="0">
                <a:pos x="66" y="131"/>
              </a:cxn>
              <a:cxn ang="0">
                <a:pos x="74" y="280"/>
              </a:cxn>
              <a:cxn ang="0">
                <a:pos x="88" y="295"/>
              </a:cxn>
              <a:cxn ang="0">
                <a:pos x="147" y="356"/>
              </a:cxn>
              <a:cxn ang="0">
                <a:pos x="154" y="364"/>
              </a:cxn>
              <a:cxn ang="0">
                <a:pos x="155" y="365"/>
              </a:cxn>
              <a:cxn ang="0">
                <a:pos x="156" y="366"/>
              </a:cxn>
              <a:cxn ang="0">
                <a:pos x="157" y="366"/>
              </a:cxn>
              <a:cxn ang="0">
                <a:pos x="159" y="367"/>
              </a:cxn>
              <a:cxn ang="0">
                <a:pos x="159" y="367"/>
              </a:cxn>
              <a:cxn ang="0">
                <a:pos x="161" y="368"/>
              </a:cxn>
              <a:cxn ang="0">
                <a:pos x="162" y="368"/>
              </a:cxn>
              <a:cxn ang="0">
                <a:pos x="163" y="368"/>
              </a:cxn>
              <a:cxn ang="0">
                <a:pos x="164" y="368"/>
              </a:cxn>
              <a:cxn ang="0">
                <a:pos x="167" y="368"/>
              </a:cxn>
              <a:cxn ang="0">
                <a:pos x="168" y="367"/>
              </a:cxn>
              <a:cxn ang="0">
                <a:pos x="169" y="367"/>
              </a:cxn>
              <a:cxn ang="0">
                <a:pos x="171" y="366"/>
              </a:cxn>
              <a:cxn ang="0">
                <a:pos x="172" y="365"/>
              </a:cxn>
              <a:cxn ang="0">
                <a:pos x="173" y="365"/>
              </a:cxn>
              <a:cxn ang="0">
                <a:pos x="174" y="364"/>
              </a:cxn>
              <a:cxn ang="0">
                <a:pos x="174" y="364"/>
              </a:cxn>
              <a:cxn ang="0">
                <a:pos x="217" y="317"/>
              </a:cxn>
              <a:cxn ang="0">
                <a:pos x="247" y="290"/>
              </a:cxn>
              <a:cxn ang="0">
                <a:pos x="263" y="187"/>
              </a:cxn>
              <a:cxn ang="0">
                <a:pos x="237" y="184"/>
              </a:cxn>
              <a:cxn ang="0">
                <a:pos x="223" y="275"/>
              </a:cxn>
              <a:cxn ang="0">
                <a:pos x="177" y="320"/>
              </a:cxn>
              <a:cxn ang="0">
                <a:pos x="194" y="193"/>
              </a:cxn>
              <a:cxn ang="0">
                <a:pos x="252" y="157"/>
              </a:cxn>
              <a:cxn ang="0">
                <a:pos x="258" y="154"/>
              </a:cxn>
              <a:cxn ang="0">
                <a:pos x="286" y="257"/>
              </a:cxn>
              <a:cxn ang="0">
                <a:pos x="182" y="423"/>
              </a:cxn>
              <a:cxn ang="0">
                <a:pos x="161" y="426"/>
              </a:cxn>
              <a:cxn ang="0">
                <a:pos x="114" y="404"/>
              </a:cxn>
              <a:cxn ang="0">
                <a:pos x="26" y="100"/>
              </a:cxn>
              <a:cxn ang="0">
                <a:pos x="27" y="81"/>
              </a:cxn>
              <a:cxn ang="0">
                <a:pos x="84" y="47"/>
              </a:cxn>
              <a:cxn ang="0">
                <a:pos x="162" y="27"/>
              </a:cxn>
              <a:cxn ang="0">
                <a:pos x="284" y="72"/>
              </a:cxn>
              <a:cxn ang="0">
                <a:pos x="299" y="83"/>
              </a:cxn>
              <a:cxn ang="0">
                <a:pos x="318" y="64"/>
              </a:cxn>
              <a:cxn ang="0">
                <a:pos x="251" y="23"/>
              </a:cxn>
              <a:cxn ang="0">
                <a:pos x="162" y="0"/>
              </a:cxn>
              <a:cxn ang="0">
                <a:pos x="25" y="50"/>
              </a:cxn>
              <a:cxn ang="0">
                <a:pos x="6" y="64"/>
              </a:cxn>
              <a:cxn ang="0">
                <a:pos x="1" y="76"/>
              </a:cxn>
              <a:cxn ang="0">
                <a:pos x="12" y="261"/>
              </a:cxn>
              <a:cxn ang="0">
                <a:pos x="132" y="447"/>
              </a:cxn>
              <a:cxn ang="0">
                <a:pos x="162" y="453"/>
              </a:cxn>
              <a:cxn ang="0">
                <a:pos x="162" y="453"/>
              </a:cxn>
              <a:cxn ang="0">
                <a:pos x="228" y="424"/>
              </a:cxn>
              <a:cxn ang="0">
                <a:pos x="324" y="130"/>
              </a:cxn>
            </a:cxnLst>
            <a:rect l="0" t="0" r="r" b="b"/>
            <a:pathLst>
              <a:path w="324" h="453">
                <a:moveTo>
                  <a:pt x="320" y="121"/>
                </a:moveTo>
                <a:cubicBezTo>
                  <a:pt x="317" y="118"/>
                  <a:pt x="314" y="117"/>
                  <a:pt x="311" y="117"/>
                </a:cubicBezTo>
                <a:cubicBezTo>
                  <a:pt x="309" y="116"/>
                  <a:pt x="308" y="116"/>
                  <a:pt x="306" y="116"/>
                </a:cubicBezTo>
                <a:cubicBezTo>
                  <a:pt x="288" y="116"/>
                  <a:pt x="265" y="121"/>
                  <a:pt x="246" y="130"/>
                </a:cubicBezTo>
                <a:cubicBezTo>
                  <a:pt x="246" y="130"/>
                  <a:pt x="246" y="130"/>
                  <a:pt x="246" y="130"/>
                </a:cubicBezTo>
                <a:cubicBezTo>
                  <a:pt x="246" y="130"/>
                  <a:pt x="229" y="139"/>
                  <a:pt x="209" y="151"/>
                </a:cubicBezTo>
                <a:cubicBezTo>
                  <a:pt x="199" y="157"/>
                  <a:pt x="188" y="164"/>
                  <a:pt x="178" y="171"/>
                </a:cubicBezTo>
                <a:cubicBezTo>
                  <a:pt x="168" y="179"/>
                  <a:pt x="159" y="187"/>
                  <a:pt x="153" y="195"/>
                </a:cubicBezTo>
                <a:cubicBezTo>
                  <a:pt x="151" y="198"/>
                  <a:pt x="151" y="200"/>
                  <a:pt x="151" y="203"/>
                </a:cubicBezTo>
                <a:cubicBezTo>
                  <a:pt x="151" y="320"/>
                  <a:pt x="151" y="320"/>
                  <a:pt x="151" y="320"/>
                </a:cubicBezTo>
                <a:cubicBezTo>
                  <a:pt x="148" y="318"/>
                  <a:pt x="145" y="315"/>
                  <a:pt x="142" y="312"/>
                </a:cubicBezTo>
                <a:cubicBezTo>
                  <a:pt x="134" y="303"/>
                  <a:pt x="125" y="293"/>
                  <a:pt x="116" y="286"/>
                </a:cubicBezTo>
                <a:cubicBezTo>
                  <a:pt x="112" y="282"/>
                  <a:pt x="108" y="278"/>
                  <a:pt x="105" y="275"/>
                </a:cubicBezTo>
                <a:cubicBezTo>
                  <a:pt x="103" y="274"/>
                  <a:pt x="102" y="272"/>
                  <a:pt x="100" y="271"/>
                </a:cubicBezTo>
                <a:cubicBezTo>
                  <a:pt x="89" y="165"/>
                  <a:pt x="89" y="165"/>
                  <a:pt x="89" y="165"/>
                </a:cubicBezTo>
                <a:cubicBezTo>
                  <a:pt x="102" y="172"/>
                  <a:pt x="118" y="182"/>
                  <a:pt x="132" y="192"/>
                </a:cubicBezTo>
                <a:cubicBezTo>
                  <a:pt x="138" y="196"/>
                  <a:pt x="146" y="195"/>
                  <a:pt x="151" y="189"/>
                </a:cubicBezTo>
                <a:cubicBezTo>
                  <a:pt x="155" y="183"/>
                  <a:pt x="154" y="174"/>
                  <a:pt x="148" y="170"/>
                </a:cubicBezTo>
                <a:cubicBezTo>
                  <a:pt x="118" y="148"/>
                  <a:pt x="79" y="130"/>
                  <a:pt x="79" y="130"/>
                </a:cubicBezTo>
                <a:cubicBezTo>
                  <a:pt x="75" y="128"/>
                  <a:pt x="70" y="129"/>
                  <a:pt x="66" y="131"/>
                </a:cubicBezTo>
                <a:cubicBezTo>
                  <a:pt x="62" y="134"/>
                  <a:pt x="60" y="139"/>
                  <a:pt x="60" y="144"/>
                </a:cubicBezTo>
                <a:cubicBezTo>
                  <a:pt x="74" y="280"/>
                  <a:pt x="74" y="280"/>
                  <a:pt x="74" y="280"/>
                </a:cubicBezTo>
                <a:cubicBezTo>
                  <a:pt x="75" y="284"/>
                  <a:pt x="77" y="288"/>
                  <a:pt x="81" y="290"/>
                </a:cubicBezTo>
                <a:cubicBezTo>
                  <a:pt x="82" y="291"/>
                  <a:pt x="84" y="293"/>
                  <a:pt x="88" y="295"/>
                </a:cubicBezTo>
                <a:cubicBezTo>
                  <a:pt x="98" y="304"/>
                  <a:pt x="115" y="322"/>
                  <a:pt x="129" y="337"/>
                </a:cubicBezTo>
                <a:cubicBezTo>
                  <a:pt x="136" y="344"/>
                  <a:pt x="142" y="351"/>
                  <a:pt x="147" y="356"/>
                </a:cubicBezTo>
                <a:cubicBezTo>
                  <a:pt x="151" y="361"/>
                  <a:pt x="154" y="364"/>
                  <a:pt x="154" y="364"/>
                </a:cubicBezTo>
                <a:cubicBezTo>
                  <a:pt x="154" y="364"/>
                  <a:pt x="154" y="364"/>
                  <a:pt x="154" y="364"/>
                </a:cubicBezTo>
                <a:cubicBezTo>
                  <a:pt x="154" y="364"/>
                  <a:pt x="155" y="364"/>
                  <a:pt x="155" y="365"/>
                </a:cubicBezTo>
                <a:cubicBezTo>
                  <a:pt x="155" y="365"/>
                  <a:pt x="155" y="365"/>
                  <a:pt x="155" y="365"/>
                </a:cubicBezTo>
                <a:cubicBezTo>
                  <a:pt x="155" y="365"/>
                  <a:pt x="156" y="365"/>
                  <a:pt x="156" y="365"/>
                </a:cubicBezTo>
                <a:cubicBezTo>
                  <a:pt x="156" y="365"/>
                  <a:pt x="156" y="366"/>
                  <a:pt x="156" y="366"/>
                </a:cubicBezTo>
                <a:cubicBezTo>
                  <a:pt x="156" y="366"/>
                  <a:pt x="157" y="366"/>
                  <a:pt x="157" y="366"/>
                </a:cubicBezTo>
                <a:cubicBezTo>
                  <a:pt x="157" y="366"/>
                  <a:pt x="157" y="366"/>
                  <a:pt x="157" y="366"/>
                </a:cubicBezTo>
                <a:cubicBezTo>
                  <a:pt x="158" y="367"/>
                  <a:pt x="158" y="367"/>
                  <a:pt x="158" y="367"/>
                </a:cubicBezTo>
                <a:cubicBezTo>
                  <a:pt x="158" y="367"/>
                  <a:pt x="159" y="367"/>
                  <a:pt x="159" y="367"/>
                </a:cubicBezTo>
                <a:cubicBezTo>
                  <a:pt x="159" y="367"/>
                  <a:pt x="159" y="367"/>
                  <a:pt x="159" y="367"/>
                </a:cubicBezTo>
                <a:cubicBezTo>
                  <a:pt x="159" y="367"/>
                  <a:pt x="159" y="367"/>
                  <a:pt x="159" y="367"/>
                </a:cubicBezTo>
                <a:cubicBezTo>
                  <a:pt x="160" y="367"/>
                  <a:pt x="160" y="367"/>
                  <a:pt x="160" y="367"/>
                </a:cubicBezTo>
                <a:cubicBezTo>
                  <a:pt x="160" y="368"/>
                  <a:pt x="161" y="368"/>
                  <a:pt x="161" y="368"/>
                </a:cubicBezTo>
                <a:cubicBezTo>
                  <a:pt x="161" y="368"/>
                  <a:pt x="161" y="368"/>
                  <a:pt x="161" y="368"/>
                </a:cubicBezTo>
                <a:cubicBezTo>
                  <a:pt x="162" y="368"/>
                  <a:pt x="162" y="368"/>
                  <a:pt x="162" y="368"/>
                </a:cubicBezTo>
                <a:cubicBezTo>
                  <a:pt x="162" y="368"/>
                  <a:pt x="163" y="368"/>
                  <a:pt x="163" y="368"/>
                </a:cubicBezTo>
                <a:cubicBezTo>
                  <a:pt x="163" y="368"/>
                  <a:pt x="163" y="368"/>
                  <a:pt x="163" y="368"/>
                </a:cubicBezTo>
                <a:cubicBezTo>
                  <a:pt x="164" y="368"/>
                  <a:pt x="164" y="368"/>
                  <a:pt x="164" y="368"/>
                </a:cubicBezTo>
                <a:cubicBezTo>
                  <a:pt x="164" y="368"/>
                  <a:pt x="164" y="368"/>
                  <a:pt x="164" y="368"/>
                </a:cubicBezTo>
                <a:cubicBezTo>
                  <a:pt x="164" y="368"/>
                  <a:pt x="164" y="368"/>
                  <a:pt x="164" y="368"/>
                </a:cubicBezTo>
                <a:cubicBezTo>
                  <a:pt x="165" y="368"/>
                  <a:pt x="166" y="368"/>
                  <a:pt x="167" y="368"/>
                </a:cubicBezTo>
                <a:cubicBezTo>
                  <a:pt x="167" y="368"/>
                  <a:pt x="167" y="368"/>
                  <a:pt x="167" y="368"/>
                </a:cubicBezTo>
                <a:cubicBezTo>
                  <a:pt x="167" y="368"/>
                  <a:pt x="168" y="368"/>
                  <a:pt x="168" y="367"/>
                </a:cubicBezTo>
                <a:cubicBezTo>
                  <a:pt x="168" y="367"/>
                  <a:pt x="168" y="367"/>
                  <a:pt x="168" y="367"/>
                </a:cubicBezTo>
                <a:cubicBezTo>
                  <a:pt x="168" y="367"/>
                  <a:pt x="169" y="367"/>
                  <a:pt x="169" y="367"/>
                </a:cubicBezTo>
                <a:cubicBezTo>
                  <a:pt x="169" y="367"/>
                  <a:pt x="169" y="367"/>
                  <a:pt x="169" y="367"/>
                </a:cubicBezTo>
                <a:cubicBezTo>
                  <a:pt x="170" y="367"/>
                  <a:pt x="170" y="366"/>
                  <a:pt x="171" y="366"/>
                </a:cubicBezTo>
                <a:cubicBezTo>
                  <a:pt x="171" y="366"/>
                  <a:pt x="171" y="366"/>
                  <a:pt x="172" y="366"/>
                </a:cubicBezTo>
                <a:cubicBezTo>
                  <a:pt x="172" y="365"/>
                  <a:pt x="172" y="365"/>
                  <a:pt x="172" y="365"/>
                </a:cubicBezTo>
                <a:cubicBezTo>
                  <a:pt x="172" y="365"/>
                  <a:pt x="172" y="365"/>
                  <a:pt x="173" y="365"/>
                </a:cubicBezTo>
                <a:cubicBezTo>
                  <a:pt x="173" y="365"/>
                  <a:pt x="173" y="365"/>
                  <a:pt x="173" y="365"/>
                </a:cubicBezTo>
                <a:cubicBezTo>
                  <a:pt x="173" y="365"/>
                  <a:pt x="173" y="365"/>
                  <a:pt x="173" y="365"/>
                </a:cubicBezTo>
                <a:cubicBezTo>
                  <a:pt x="173" y="364"/>
                  <a:pt x="173" y="364"/>
                  <a:pt x="174" y="364"/>
                </a:cubicBezTo>
                <a:cubicBezTo>
                  <a:pt x="174" y="364"/>
                  <a:pt x="174" y="364"/>
                  <a:pt x="174" y="364"/>
                </a:cubicBezTo>
                <a:cubicBezTo>
                  <a:pt x="174" y="364"/>
                  <a:pt x="174" y="364"/>
                  <a:pt x="174" y="364"/>
                </a:cubicBezTo>
                <a:cubicBezTo>
                  <a:pt x="174" y="364"/>
                  <a:pt x="177" y="360"/>
                  <a:pt x="183" y="353"/>
                </a:cubicBezTo>
                <a:cubicBezTo>
                  <a:pt x="192" y="344"/>
                  <a:pt x="205" y="330"/>
                  <a:pt x="217" y="317"/>
                </a:cubicBezTo>
                <a:cubicBezTo>
                  <a:pt x="224" y="311"/>
                  <a:pt x="230" y="304"/>
                  <a:pt x="235" y="300"/>
                </a:cubicBezTo>
                <a:cubicBezTo>
                  <a:pt x="240" y="295"/>
                  <a:pt x="245" y="291"/>
                  <a:pt x="247" y="290"/>
                </a:cubicBezTo>
                <a:cubicBezTo>
                  <a:pt x="251" y="288"/>
                  <a:pt x="253" y="284"/>
                  <a:pt x="253" y="280"/>
                </a:cubicBezTo>
                <a:cubicBezTo>
                  <a:pt x="263" y="187"/>
                  <a:pt x="263" y="187"/>
                  <a:pt x="263" y="187"/>
                </a:cubicBezTo>
                <a:cubicBezTo>
                  <a:pt x="264" y="179"/>
                  <a:pt x="258" y="173"/>
                  <a:pt x="251" y="172"/>
                </a:cubicBezTo>
                <a:cubicBezTo>
                  <a:pt x="244" y="171"/>
                  <a:pt x="237" y="177"/>
                  <a:pt x="237" y="184"/>
                </a:cubicBezTo>
                <a:cubicBezTo>
                  <a:pt x="227" y="271"/>
                  <a:pt x="227" y="271"/>
                  <a:pt x="227" y="271"/>
                </a:cubicBezTo>
                <a:cubicBezTo>
                  <a:pt x="226" y="272"/>
                  <a:pt x="224" y="274"/>
                  <a:pt x="223" y="275"/>
                </a:cubicBezTo>
                <a:cubicBezTo>
                  <a:pt x="210" y="286"/>
                  <a:pt x="193" y="303"/>
                  <a:pt x="179" y="318"/>
                </a:cubicBezTo>
                <a:cubicBezTo>
                  <a:pt x="179" y="319"/>
                  <a:pt x="178" y="320"/>
                  <a:pt x="177" y="320"/>
                </a:cubicBezTo>
                <a:cubicBezTo>
                  <a:pt x="177" y="208"/>
                  <a:pt x="177" y="208"/>
                  <a:pt x="177" y="208"/>
                </a:cubicBezTo>
                <a:cubicBezTo>
                  <a:pt x="181" y="203"/>
                  <a:pt x="187" y="198"/>
                  <a:pt x="194" y="193"/>
                </a:cubicBezTo>
                <a:cubicBezTo>
                  <a:pt x="207" y="183"/>
                  <a:pt x="223" y="173"/>
                  <a:pt x="236" y="166"/>
                </a:cubicBezTo>
                <a:cubicBezTo>
                  <a:pt x="242" y="162"/>
                  <a:pt x="248" y="159"/>
                  <a:pt x="252" y="157"/>
                </a:cubicBezTo>
                <a:cubicBezTo>
                  <a:pt x="254" y="156"/>
                  <a:pt x="255" y="155"/>
                  <a:pt x="256" y="155"/>
                </a:cubicBezTo>
                <a:cubicBezTo>
                  <a:pt x="257" y="155"/>
                  <a:pt x="257" y="154"/>
                  <a:pt x="258" y="154"/>
                </a:cubicBezTo>
                <a:cubicBezTo>
                  <a:pt x="269" y="149"/>
                  <a:pt x="284" y="145"/>
                  <a:pt x="296" y="144"/>
                </a:cubicBezTo>
                <a:cubicBezTo>
                  <a:pt x="294" y="185"/>
                  <a:pt x="289" y="235"/>
                  <a:pt x="286" y="257"/>
                </a:cubicBezTo>
                <a:cubicBezTo>
                  <a:pt x="274" y="336"/>
                  <a:pt x="237" y="381"/>
                  <a:pt x="210" y="404"/>
                </a:cubicBezTo>
                <a:cubicBezTo>
                  <a:pt x="199" y="414"/>
                  <a:pt x="190" y="419"/>
                  <a:pt x="182" y="423"/>
                </a:cubicBezTo>
                <a:cubicBezTo>
                  <a:pt x="175" y="426"/>
                  <a:pt x="169" y="426"/>
                  <a:pt x="163" y="426"/>
                </a:cubicBezTo>
                <a:cubicBezTo>
                  <a:pt x="162" y="426"/>
                  <a:pt x="162" y="426"/>
                  <a:pt x="161" y="426"/>
                </a:cubicBezTo>
                <a:cubicBezTo>
                  <a:pt x="155" y="426"/>
                  <a:pt x="149" y="426"/>
                  <a:pt x="142" y="423"/>
                </a:cubicBezTo>
                <a:cubicBezTo>
                  <a:pt x="134" y="419"/>
                  <a:pt x="125" y="414"/>
                  <a:pt x="114" y="404"/>
                </a:cubicBezTo>
                <a:cubicBezTo>
                  <a:pt x="87" y="381"/>
                  <a:pt x="50" y="336"/>
                  <a:pt x="38" y="257"/>
                </a:cubicBezTo>
                <a:cubicBezTo>
                  <a:pt x="34" y="226"/>
                  <a:pt x="26" y="142"/>
                  <a:pt x="26" y="100"/>
                </a:cubicBezTo>
                <a:cubicBezTo>
                  <a:pt x="26" y="93"/>
                  <a:pt x="26" y="87"/>
                  <a:pt x="27" y="83"/>
                </a:cubicBezTo>
                <a:cubicBezTo>
                  <a:pt x="27" y="83"/>
                  <a:pt x="27" y="82"/>
                  <a:pt x="27" y="81"/>
                </a:cubicBezTo>
                <a:cubicBezTo>
                  <a:pt x="28" y="81"/>
                  <a:pt x="29" y="80"/>
                  <a:pt x="30" y="79"/>
                </a:cubicBezTo>
                <a:cubicBezTo>
                  <a:pt x="39" y="72"/>
                  <a:pt x="59" y="59"/>
                  <a:pt x="84" y="47"/>
                </a:cubicBezTo>
                <a:cubicBezTo>
                  <a:pt x="108" y="36"/>
                  <a:pt x="137" y="26"/>
                  <a:pt x="162" y="27"/>
                </a:cubicBezTo>
                <a:cubicBezTo>
                  <a:pt x="162" y="27"/>
                  <a:pt x="162" y="27"/>
                  <a:pt x="162" y="27"/>
                </a:cubicBezTo>
                <a:cubicBezTo>
                  <a:pt x="191" y="26"/>
                  <a:pt x="224" y="39"/>
                  <a:pt x="250" y="52"/>
                </a:cubicBezTo>
                <a:cubicBezTo>
                  <a:pt x="263" y="59"/>
                  <a:pt x="275" y="66"/>
                  <a:pt x="284" y="72"/>
                </a:cubicBezTo>
                <a:cubicBezTo>
                  <a:pt x="288" y="75"/>
                  <a:pt x="291" y="77"/>
                  <a:pt x="294" y="79"/>
                </a:cubicBezTo>
                <a:cubicBezTo>
                  <a:pt x="297" y="81"/>
                  <a:pt x="299" y="83"/>
                  <a:pt x="299" y="83"/>
                </a:cubicBezTo>
                <a:cubicBezTo>
                  <a:pt x="304" y="88"/>
                  <a:pt x="312" y="88"/>
                  <a:pt x="318" y="83"/>
                </a:cubicBezTo>
                <a:cubicBezTo>
                  <a:pt x="323" y="78"/>
                  <a:pt x="323" y="69"/>
                  <a:pt x="318" y="64"/>
                </a:cubicBezTo>
                <a:cubicBezTo>
                  <a:pt x="316" y="62"/>
                  <a:pt x="313" y="60"/>
                  <a:pt x="310" y="58"/>
                </a:cubicBezTo>
                <a:cubicBezTo>
                  <a:pt x="299" y="50"/>
                  <a:pt x="278" y="35"/>
                  <a:pt x="251" y="23"/>
                </a:cubicBezTo>
                <a:cubicBezTo>
                  <a:pt x="225" y="11"/>
                  <a:pt x="194" y="0"/>
                  <a:pt x="162" y="0"/>
                </a:cubicBezTo>
                <a:cubicBezTo>
                  <a:pt x="162" y="0"/>
                  <a:pt x="162" y="0"/>
                  <a:pt x="162" y="0"/>
                </a:cubicBezTo>
                <a:cubicBezTo>
                  <a:pt x="126" y="0"/>
                  <a:pt x="90" y="14"/>
                  <a:pt x="61" y="28"/>
                </a:cubicBezTo>
                <a:cubicBezTo>
                  <a:pt x="47" y="36"/>
                  <a:pt x="35" y="43"/>
                  <a:pt x="25" y="50"/>
                </a:cubicBezTo>
                <a:cubicBezTo>
                  <a:pt x="21" y="53"/>
                  <a:pt x="17" y="56"/>
                  <a:pt x="14" y="58"/>
                </a:cubicBezTo>
                <a:cubicBezTo>
                  <a:pt x="10" y="60"/>
                  <a:pt x="8" y="62"/>
                  <a:pt x="6" y="64"/>
                </a:cubicBezTo>
                <a:cubicBezTo>
                  <a:pt x="4" y="66"/>
                  <a:pt x="3" y="68"/>
                  <a:pt x="3" y="69"/>
                </a:cubicBezTo>
                <a:cubicBezTo>
                  <a:pt x="2" y="72"/>
                  <a:pt x="1" y="74"/>
                  <a:pt x="1" y="76"/>
                </a:cubicBezTo>
                <a:cubicBezTo>
                  <a:pt x="0" y="82"/>
                  <a:pt x="0" y="90"/>
                  <a:pt x="0" y="100"/>
                </a:cubicBezTo>
                <a:cubicBezTo>
                  <a:pt x="0" y="145"/>
                  <a:pt x="7" y="228"/>
                  <a:pt x="12" y="261"/>
                </a:cubicBezTo>
                <a:cubicBezTo>
                  <a:pt x="25" y="347"/>
                  <a:pt x="66" y="398"/>
                  <a:pt x="96" y="424"/>
                </a:cubicBezTo>
                <a:cubicBezTo>
                  <a:pt x="109" y="436"/>
                  <a:pt x="121" y="443"/>
                  <a:pt x="132" y="447"/>
                </a:cubicBezTo>
                <a:cubicBezTo>
                  <a:pt x="143" y="452"/>
                  <a:pt x="153" y="453"/>
                  <a:pt x="162" y="453"/>
                </a:cubicBezTo>
                <a:cubicBezTo>
                  <a:pt x="162" y="453"/>
                  <a:pt x="162" y="453"/>
                  <a:pt x="162" y="453"/>
                </a:cubicBezTo>
                <a:cubicBezTo>
                  <a:pt x="162" y="453"/>
                  <a:pt x="162" y="453"/>
                  <a:pt x="162" y="453"/>
                </a:cubicBezTo>
                <a:cubicBezTo>
                  <a:pt x="162" y="453"/>
                  <a:pt x="162" y="453"/>
                  <a:pt x="162" y="453"/>
                </a:cubicBezTo>
                <a:cubicBezTo>
                  <a:pt x="171" y="453"/>
                  <a:pt x="181" y="452"/>
                  <a:pt x="192" y="447"/>
                </a:cubicBezTo>
                <a:cubicBezTo>
                  <a:pt x="203" y="443"/>
                  <a:pt x="215" y="436"/>
                  <a:pt x="228" y="424"/>
                </a:cubicBezTo>
                <a:cubicBezTo>
                  <a:pt x="258" y="398"/>
                  <a:pt x="299" y="347"/>
                  <a:pt x="312" y="261"/>
                </a:cubicBezTo>
                <a:cubicBezTo>
                  <a:pt x="316" y="235"/>
                  <a:pt x="321" y="176"/>
                  <a:pt x="324" y="130"/>
                </a:cubicBezTo>
                <a:cubicBezTo>
                  <a:pt x="324" y="127"/>
                  <a:pt x="322" y="123"/>
                  <a:pt x="320" y="12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5" name="Freeform 592"/>
          <p:cNvSpPr>
            <a:spLocks/>
          </p:cNvSpPr>
          <p:nvPr userDrawn="1"/>
        </p:nvSpPr>
        <p:spPr bwMode="auto">
          <a:xfrm>
            <a:off x="9323431" y="3061602"/>
            <a:ext cx="515937" cy="373062"/>
          </a:xfrm>
          <a:custGeom>
            <a:avLst/>
            <a:gdLst/>
            <a:ahLst/>
            <a:cxnLst>
              <a:cxn ang="0">
                <a:pos x="445" y="331"/>
              </a:cxn>
              <a:cxn ang="0">
                <a:pos x="13" y="331"/>
              </a:cxn>
              <a:cxn ang="0">
                <a:pos x="0" y="317"/>
              </a:cxn>
              <a:cxn ang="0">
                <a:pos x="0" y="282"/>
              </a:cxn>
              <a:cxn ang="0">
                <a:pos x="4" y="272"/>
              </a:cxn>
              <a:cxn ang="0">
                <a:pos x="70" y="207"/>
              </a:cxn>
              <a:cxn ang="0">
                <a:pos x="70" y="13"/>
              </a:cxn>
              <a:cxn ang="0">
                <a:pos x="83" y="0"/>
              </a:cxn>
              <a:cxn ang="0">
                <a:pos x="375" y="0"/>
              </a:cxn>
              <a:cxn ang="0">
                <a:pos x="388" y="13"/>
              </a:cxn>
              <a:cxn ang="0">
                <a:pos x="388" y="188"/>
              </a:cxn>
              <a:cxn ang="0">
                <a:pos x="375" y="202"/>
              </a:cxn>
              <a:cxn ang="0">
                <a:pos x="361" y="188"/>
              </a:cxn>
              <a:cxn ang="0">
                <a:pos x="361" y="27"/>
              </a:cxn>
              <a:cxn ang="0">
                <a:pos x="97" y="27"/>
              </a:cxn>
              <a:cxn ang="0">
                <a:pos x="97" y="213"/>
              </a:cxn>
              <a:cxn ang="0">
                <a:pos x="93" y="222"/>
              </a:cxn>
              <a:cxn ang="0">
                <a:pos x="26" y="288"/>
              </a:cxn>
              <a:cxn ang="0">
                <a:pos x="26" y="304"/>
              </a:cxn>
              <a:cxn ang="0">
                <a:pos x="432" y="304"/>
              </a:cxn>
              <a:cxn ang="0">
                <a:pos x="432" y="288"/>
              </a:cxn>
              <a:cxn ang="0">
                <a:pos x="371" y="240"/>
              </a:cxn>
              <a:cxn ang="0">
                <a:pos x="139" y="240"/>
              </a:cxn>
              <a:cxn ang="0">
                <a:pos x="126" y="254"/>
              </a:cxn>
              <a:cxn ang="0">
                <a:pos x="363" y="254"/>
              </a:cxn>
              <a:cxn ang="0">
                <a:pos x="377" y="267"/>
              </a:cxn>
              <a:cxn ang="0">
                <a:pos x="363" y="280"/>
              </a:cxn>
              <a:cxn ang="0">
                <a:pos x="96" y="280"/>
              </a:cxn>
              <a:cxn ang="0">
                <a:pos x="83" y="272"/>
              </a:cxn>
              <a:cxn ang="0">
                <a:pos x="86" y="258"/>
              </a:cxn>
              <a:cxn ang="0">
                <a:pos x="124" y="217"/>
              </a:cxn>
              <a:cxn ang="0">
                <a:pos x="134" y="213"/>
              </a:cxn>
              <a:cxn ang="0">
                <a:pos x="376" y="213"/>
              </a:cxn>
              <a:cxn ang="0">
                <a:pos x="385" y="216"/>
              </a:cxn>
              <a:cxn ang="0">
                <a:pos x="454" y="272"/>
              </a:cxn>
              <a:cxn ang="0">
                <a:pos x="458" y="282"/>
              </a:cxn>
              <a:cxn ang="0">
                <a:pos x="458" y="317"/>
              </a:cxn>
              <a:cxn ang="0">
                <a:pos x="445" y="331"/>
              </a:cxn>
            </a:cxnLst>
            <a:rect l="0" t="0" r="r" b="b"/>
            <a:pathLst>
              <a:path w="458" h="331">
                <a:moveTo>
                  <a:pt x="445" y="331"/>
                </a:moveTo>
                <a:cubicBezTo>
                  <a:pt x="13" y="331"/>
                  <a:pt x="13" y="331"/>
                  <a:pt x="13" y="331"/>
                </a:cubicBezTo>
                <a:cubicBezTo>
                  <a:pt x="5" y="331"/>
                  <a:pt x="0" y="325"/>
                  <a:pt x="0" y="317"/>
                </a:cubicBezTo>
                <a:cubicBezTo>
                  <a:pt x="0" y="282"/>
                  <a:pt x="0" y="282"/>
                  <a:pt x="0" y="282"/>
                </a:cubicBezTo>
                <a:cubicBezTo>
                  <a:pt x="0" y="278"/>
                  <a:pt x="1" y="275"/>
                  <a:pt x="4" y="272"/>
                </a:cubicBezTo>
                <a:cubicBezTo>
                  <a:pt x="70" y="207"/>
                  <a:pt x="70" y="207"/>
                  <a:pt x="70" y="207"/>
                </a:cubicBezTo>
                <a:cubicBezTo>
                  <a:pt x="70" y="13"/>
                  <a:pt x="70" y="13"/>
                  <a:pt x="70" y="13"/>
                </a:cubicBezTo>
                <a:cubicBezTo>
                  <a:pt x="70" y="6"/>
                  <a:pt x="76" y="0"/>
                  <a:pt x="83" y="0"/>
                </a:cubicBezTo>
                <a:cubicBezTo>
                  <a:pt x="375" y="0"/>
                  <a:pt x="375" y="0"/>
                  <a:pt x="375" y="0"/>
                </a:cubicBezTo>
                <a:cubicBezTo>
                  <a:pt x="382" y="0"/>
                  <a:pt x="388" y="6"/>
                  <a:pt x="388" y="13"/>
                </a:cubicBezTo>
                <a:cubicBezTo>
                  <a:pt x="388" y="188"/>
                  <a:pt x="388" y="188"/>
                  <a:pt x="388" y="188"/>
                </a:cubicBezTo>
                <a:cubicBezTo>
                  <a:pt x="388" y="196"/>
                  <a:pt x="382" y="202"/>
                  <a:pt x="375" y="202"/>
                </a:cubicBezTo>
                <a:cubicBezTo>
                  <a:pt x="367" y="202"/>
                  <a:pt x="361" y="196"/>
                  <a:pt x="361" y="188"/>
                </a:cubicBezTo>
                <a:cubicBezTo>
                  <a:pt x="361" y="27"/>
                  <a:pt x="361" y="27"/>
                  <a:pt x="361" y="27"/>
                </a:cubicBezTo>
                <a:cubicBezTo>
                  <a:pt x="97" y="27"/>
                  <a:pt x="97" y="27"/>
                  <a:pt x="97" y="27"/>
                </a:cubicBezTo>
                <a:cubicBezTo>
                  <a:pt x="97" y="213"/>
                  <a:pt x="97" y="213"/>
                  <a:pt x="97" y="213"/>
                </a:cubicBezTo>
                <a:cubicBezTo>
                  <a:pt x="97" y="217"/>
                  <a:pt x="95" y="220"/>
                  <a:pt x="93" y="222"/>
                </a:cubicBezTo>
                <a:cubicBezTo>
                  <a:pt x="26" y="288"/>
                  <a:pt x="26" y="288"/>
                  <a:pt x="26" y="288"/>
                </a:cubicBezTo>
                <a:cubicBezTo>
                  <a:pt x="26" y="304"/>
                  <a:pt x="26" y="304"/>
                  <a:pt x="26" y="304"/>
                </a:cubicBezTo>
                <a:cubicBezTo>
                  <a:pt x="432" y="304"/>
                  <a:pt x="432" y="304"/>
                  <a:pt x="432" y="304"/>
                </a:cubicBezTo>
                <a:cubicBezTo>
                  <a:pt x="432" y="288"/>
                  <a:pt x="432" y="288"/>
                  <a:pt x="432" y="288"/>
                </a:cubicBezTo>
                <a:cubicBezTo>
                  <a:pt x="371" y="240"/>
                  <a:pt x="371" y="240"/>
                  <a:pt x="371" y="240"/>
                </a:cubicBezTo>
                <a:cubicBezTo>
                  <a:pt x="139" y="240"/>
                  <a:pt x="139" y="240"/>
                  <a:pt x="139" y="240"/>
                </a:cubicBezTo>
                <a:cubicBezTo>
                  <a:pt x="126" y="254"/>
                  <a:pt x="126" y="254"/>
                  <a:pt x="126" y="254"/>
                </a:cubicBezTo>
                <a:cubicBezTo>
                  <a:pt x="363" y="254"/>
                  <a:pt x="363" y="254"/>
                  <a:pt x="363" y="254"/>
                </a:cubicBezTo>
                <a:cubicBezTo>
                  <a:pt x="371" y="254"/>
                  <a:pt x="377" y="260"/>
                  <a:pt x="377" y="267"/>
                </a:cubicBezTo>
                <a:cubicBezTo>
                  <a:pt x="377" y="274"/>
                  <a:pt x="371" y="280"/>
                  <a:pt x="363" y="280"/>
                </a:cubicBezTo>
                <a:cubicBezTo>
                  <a:pt x="96" y="280"/>
                  <a:pt x="96" y="280"/>
                  <a:pt x="96" y="280"/>
                </a:cubicBezTo>
                <a:cubicBezTo>
                  <a:pt x="90" y="280"/>
                  <a:pt x="86" y="277"/>
                  <a:pt x="83" y="272"/>
                </a:cubicBezTo>
                <a:cubicBezTo>
                  <a:pt x="81" y="267"/>
                  <a:pt x="82" y="262"/>
                  <a:pt x="86" y="258"/>
                </a:cubicBezTo>
                <a:cubicBezTo>
                  <a:pt x="124" y="217"/>
                  <a:pt x="124" y="217"/>
                  <a:pt x="124" y="217"/>
                </a:cubicBezTo>
                <a:cubicBezTo>
                  <a:pt x="126" y="214"/>
                  <a:pt x="130" y="213"/>
                  <a:pt x="134" y="213"/>
                </a:cubicBezTo>
                <a:cubicBezTo>
                  <a:pt x="376" y="213"/>
                  <a:pt x="376" y="213"/>
                  <a:pt x="376" y="213"/>
                </a:cubicBezTo>
                <a:cubicBezTo>
                  <a:pt x="379" y="213"/>
                  <a:pt x="382" y="214"/>
                  <a:pt x="385" y="216"/>
                </a:cubicBezTo>
                <a:cubicBezTo>
                  <a:pt x="454" y="272"/>
                  <a:pt x="454" y="272"/>
                  <a:pt x="454" y="272"/>
                </a:cubicBezTo>
                <a:cubicBezTo>
                  <a:pt x="457" y="274"/>
                  <a:pt x="458" y="278"/>
                  <a:pt x="458" y="282"/>
                </a:cubicBezTo>
                <a:cubicBezTo>
                  <a:pt x="458" y="317"/>
                  <a:pt x="458" y="317"/>
                  <a:pt x="458" y="317"/>
                </a:cubicBezTo>
                <a:cubicBezTo>
                  <a:pt x="458" y="325"/>
                  <a:pt x="453" y="331"/>
                  <a:pt x="445" y="33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6" name="Freeform 644"/>
          <p:cNvSpPr>
            <a:spLocks/>
          </p:cNvSpPr>
          <p:nvPr userDrawn="1"/>
        </p:nvSpPr>
        <p:spPr bwMode="auto">
          <a:xfrm>
            <a:off x="9440112" y="1838229"/>
            <a:ext cx="282575" cy="331788"/>
          </a:xfrm>
          <a:custGeom>
            <a:avLst/>
            <a:gdLst/>
            <a:ahLst/>
            <a:cxnLst>
              <a:cxn ang="0">
                <a:pos x="218" y="89"/>
              </a:cxn>
              <a:cxn ang="0">
                <a:pos x="200" y="103"/>
              </a:cxn>
              <a:cxn ang="0">
                <a:pos x="195" y="116"/>
              </a:cxn>
              <a:cxn ang="0">
                <a:pos x="187" y="231"/>
              </a:cxn>
              <a:cxn ang="0">
                <a:pos x="83" y="247"/>
              </a:cxn>
              <a:cxn ang="0">
                <a:pos x="172" y="227"/>
              </a:cxn>
              <a:cxn ang="0">
                <a:pos x="184" y="223"/>
              </a:cxn>
              <a:cxn ang="0">
                <a:pos x="141" y="157"/>
              </a:cxn>
              <a:cxn ang="0">
                <a:pos x="130" y="157"/>
              </a:cxn>
              <a:cxn ang="0">
                <a:pos x="93" y="135"/>
              </a:cxn>
              <a:cxn ang="0">
                <a:pos x="130" y="152"/>
              </a:cxn>
              <a:cxn ang="0">
                <a:pos x="188" y="91"/>
              </a:cxn>
              <a:cxn ang="0">
                <a:pos x="185" y="87"/>
              </a:cxn>
              <a:cxn ang="0">
                <a:pos x="57" y="93"/>
              </a:cxn>
              <a:cxn ang="0">
                <a:pos x="48" y="101"/>
              </a:cxn>
              <a:cxn ang="0">
                <a:pos x="23" y="169"/>
              </a:cxn>
              <a:cxn ang="0">
                <a:pos x="34" y="233"/>
              </a:cxn>
              <a:cxn ang="0">
                <a:pos x="46" y="91"/>
              </a:cxn>
              <a:cxn ang="0">
                <a:pos x="112" y="59"/>
              </a:cxn>
              <a:cxn ang="0">
                <a:pos x="118" y="53"/>
              </a:cxn>
              <a:cxn ang="0">
                <a:pos x="107" y="31"/>
              </a:cxn>
              <a:cxn ang="0">
                <a:pos x="143" y="31"/>
              </a:cxn>
              <a:cxn ang="0">
                <a:pos x="132" y="53"/>
              </a:cxn>
              <a:cxn ang="0">
                <a:pos x="139" y="59"/>
              </a:cxn>
              <a:cxn ang="0">
                <a:pos x="194" y="82"/>
              </a:cxn>
              <a:cxn ang="0">
                <a:pos x="203" y="72"/>
              </a:cxn>
              <a:cxn ang="0">
                <a:pos x="157" y="31"/>
              </a:cxn>
              <a:cxn ang="0">
                <a:pos x="93" y="31"/>
              </a:cxn>
              <a:cxn ang="0">
                <a:pos x="36" y="81"/>
              </a:cxn>
              <a:cxn ang="0">
                <a:pos x="28" y="247"/>
              </a:cxn>
              <a:cxn ang="0">
                <a:pos x="33" y="250"/>
              </a:cxn>
              <a:cxn ang="0">
                <a:pos x="50" y="236"/>
              </a:cxn>
              <a:cxn ang="0">
                <a:pos x="55" y="223"/>
              </a:cxn>
              <a:cxn ang="0">
                <a:pos x="58" y="111"/>
              </a:cxn>
              <a:cxn ang="0">
                <a:pos x="125" y="81"/>
              </a:cxn>
              <a:cxn ang="0">
                <a:pos x="124" y="138"/>
              </a:cxn>
              <a:cxn ang="0">
                <a:pos x="70" y="110"/>
              </a:cxn>
              <a:cxn ang="0">
                <a:pos x="66" y="123"/>
              </a:cxn>
              <a:cxn ang="0">
                <a:pos x="117" y="186"/>
              </a:cxn>
              <a:cxn ang="0">
                <a:pos x="135" y="172"/>
              </a:cxn>
              <a:cxn ang="0">
                <a:pos x="131" y="187"/>
              </a:cxn>
              <a:cxn ang="0">
                <a:pos x="67" y="243"/>
              </a:cxn>
              <a:cxn ang="0">
                <a:pos x="68" y="254"/>
              </a:cxn>
              <a:cxn ang="0">
                <a:pos x="197" y="241"/>
              </a:cxn>
              <a:cxn ang="0">
                <a:pos x="210" y="112"/>
              </a:cxn>
              <a:cxn ang="0">
                <a:pos x="236" y="169"/>
              </a:cxn>
              <a:cxn ang="0">
                <a:pos x="125" y="280"/>
              </a:cxn>
              <a:cxn ang="0">
                <a:pos x="49" y="260"/>
              </a:cxn>
              <a:cxn ang="0">
                <a:pos x="50" y="269"/>
              </a:cxn>
              <a:cxn ang="0">
                <a:pos x="125" y="294"/>
              </a:cxn>
              <a:cxn ang="0">
                <a:pos x="249" y="169"/>
              </a:cxn>
            </a:cxnLst>
            <a:rect l="0" t="0" r="r" b="b"/>
            <a:pathLst>
              <a:path w="249" h="294">
                <a:moveTo>
                  <a:pt x="223" y="92"/>
                </a:moveTo>
                <a:cubicBezTo>
                  <a:pt x="221" y="90"/>
                  <a:pt x="220" y="89"/>
                  <a:pt x="218" y="89"/>
                </a:cubicBezTo>
                <a:cubicBezTo>
                  <a:pt x="216" y="89"/>
                  <a:pt x="214" y="90"/>
                  <a:pt x="212" y="91"/>
                </a:cubicBezTo>
                <a:cubicBezTo>
                  <a:pt x="200" y="103"/>
                  <a:pt x="200" y="103"/>
                  <a:pt x="200" y="103"/>
                </a:cubicBezTo>
                <a:cubicBezTo>
                  <a:pt x="196" y="106"/>
                  <a:pt x="196" y="106"/>
                  <a:pt x="196" y="106"/>
                </a:cubicBezTo>
                <a:cubicBezTo>
                  <a:pt x="193" y="109"/>
                  <a:pt x="193" y="113"/>
                  <a:pt x="195" y="116"/>
                </a:cubicBezTo>
                <a:cubicBezTo>
                  <a:pt x="207" y="131"/>
                  <a:pt x="213" y="150"/>
                  <a:pt x="213" y="169"/>
                </a:cubicBezTo>
                <a:cubicBezTo>
                  <a:pt x="213" y="192"/>
                  <a:pt x="204" y="214"/>
                  <a:pt x="187" y="231"/>
                </a:cubicBezTo>
                <a:cubicBezTo>
                  <a:pt x="170" y="249"/>
                  <a:pt x="147" y="257"/>
                  <a:pt x="125" y="257"/>
                </a:cubicBezTo>
                <a:cubicBezTo>
                  <a:pt x="110" y="257"/>
                  <a:pt x="96" y="254"/>
                  <a:pt x="83" y="247"/>
                </a:cubicBezTo>
                <a:cubicBezTo>
                  <a:pt x="128" y="202"/>
                  <a:pt x="128" y="202"/>
                  <a:pt x="128" y="202"/>
                </a:cubicBezTo>
                <a:cubicBezTo>
                  <a:pt x="172" y="227"/>
                  <a:pt x="172" y="227"/>
                  <a:pt x="172" y="227"/>
                </a:cubicBezTo>
                <a:cubicBezTo>
                  <a:pt x="175" y="229"/>
                  <a:pt x="178" y="229"/>
                  <a:pt x="181" y="226"/>
                </a:cubicBezTo>
                <a:cubicBezTo>
                  <a:pt x="184" y="223"/>
                  <a:pt x="184" y="223"/>
                  <a:pt x="184" y="223"/>
                </a:cubicBezTo>
                <a:cubicBezTo>
                  <a:pt x="186" y="220"/>
                  <a:pt x="186" y="217"/>
                  <a:pt x="184" y="214"/>
                </a:cubicBezTo>
                <a:cubicBezTo>
                  <a:pt x="141" y="157"/>
                  <a:pt x="141" y="157"/>
                  <a:pt x="141" y="157"/>
                </a:cubicBezTo>
                <a:cubicBezTo>
                  <a:pt x="140" y="156"/>
                  <a:pt x="138" y="155"/>
                  <a:pt x="136" y="155"/>
                </a:cubicBezTo>
                <a:cubicBezTo>
                  <a:pt x="134" y="154"/>
                  <a:pt x="132" y="155"/>
                  <a:pt x="130" y="157"/>
                </a:cubicBezTo>
                <a:cubicBezTo>
                  <a:pt x="119" y="169"/>
                  <a:pt x="119" y="169"/>
                  <a:pt x="119" y="169"/>
                </a:cubicBezTo>
                <a:cubicBezTo>
                  <a:pt x="93" y="135"/>
                  <a:pt x="93" y="135"/>
                  <a:pt x="93" y="135"/>
                </a:cubicBezTo>
                <a:cubicBezTo>
                  <a:pt x="122" y="153"/>
                  <a:pt x="122" y="153"/>
                  <a:pt x="122" y="153"/>
                </a:cubicBezTo>
                <a:cubicBezTo>
                  <a:pt x="124" y="155"/>
                  <a:pt x="128" y="154"/>
                  <a:pt x="130" y="152"/>
                </a:cubicBezTo>
                <a:cubicBezTo>
                  <a:pt x="186" y="98"/>
                  <a:pt x="186" y="98"/>
                  <a:pt x="186" y="98"/>
                </a:cubicBezTo>
                <a:cubicBezTo>
                  <a:pt x="187" y="96"/>
                  <a:pt x="188" y="94"/>
                  <a:pt x="188" y="91"/>
                </a:cubicBezTo>
                <a:cubicBezTo>
                  <a:pt x="187" y="90"/>
                  <a:pt x="186" y="88"/>
                  <a:pt x="185" y="87"/>
                </a:cubicBezTo>
                <a:cubicBezTo>
                  <a:pt x="185" y="87"/>
                  <a:pt x="185" y="87"/>
                  <a:pt x="185" y="87"/>
                </a:cubicBezTo>
                <a:cubicBezTo>
                  <a:pt x="167" y="74"/>
                  <a:pt x="146" y="67"/>
                  <a:pt x="125" y="67"/>
                </a:cubicBezTo>
                <a:cubicBezTo>
                  <a:pt x="100" y="67"/>
                  <a:pt x="76" y="76"/>
                  <a:pt x="57" y="93"/>
                </a:cubicBezTo>
                <a:cubicBezTo>
                  <a:pt x="57" y="93"/>
                  <a:pt x="57" y="93"/>
                  <a:pt x="57" y="93"/>
                </a:cubicBezTo>
                <a:cubicBezTo>
                  <a:pt x="48" y="101"/>
                  <a:pt x="48" y="101"/>
                  <a:pt x="48" y="101"/>
                </a:cubicBezTo>
                <a:cubicBezTo>
                  <a:pt x="48" y="102"/>
                  <a:pt x="48" y="102"/>
                  <a:pt x="48" y="102"/>
                </a:cubicBezTo>
                <a:cubicBezTo>
                  <a:pt x="31" y="121"/>
                  <a:pt x="23" y="145"/>
                  <a:pt x="23" y="169"/>
                </a:cubicBezTo>
                <a:cubicBezTo>
                  <a:pt x="23" y="189"/>
                  <a:pt x="29" y="209"/>
                  <a:pt x="40" y="226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0" y="214"/>
                  <a:pt x="14" y="191"/>
                  <a:pt x="14" y="169"/>
                </a:cubicBezTo>
                <a:cubicBezTo>
                  <a:pt x="14" y="141"/>
                  <a:pt x="25" y="112"/>
                  <a:pt x="46" y="91"/>
                </a:cubicBezTo>
                <a:cubicBezTo>
                  <a:pt x="64" y="72"/>
                  <a:pt x="87" y="62"/>
                  <a:pt x="111" y="59"/>
                </a:cubicBezTo>
                <a:cubicBezTo>
                  <a:pt x="112" y="59"/>
                  <a:pt x="112" y="59"/>
                  <a:pt x="112" y="59"/>
                </a:cubicBezTo>
                <a:cubicBezTo>
                  <a:pt x="113" y="58"/>
                  <a:pt x="113" y="58"/>
                  <a:pt x="113" y="58"/>
                </a:cubicBezTo>
                <a:cubicBezTo>
                  <a:pt x="116" y="58"/>
                  <a:pt x="118" y="56"/>
                  <a:pt x="118" y="53"/>
                </a:cubicBezTo>
                <a:cubicBezTo>
                  <a:pt x="118" y="50"/>
                  <a:pt x="117" y="48"/>
                  <a:pt x="115" y="46"/>
                </a:cubicBezTo>
                <a:cubicBezTo>
                  <a:pt x="110" y="43"/>
                  <a:pt x="107" y="37"/>
                  <a:pt x="107" y="31"/>
                </a:cubicBezTo>
                <a:cubicBezTo>
                  <a:pt x="107" y="21"/>
                  <a:pt x="115" y="14"/>
                  <a:pt x="125" y="13"/>
                </a:cubicBezTo>
                <a:cubicBezTo>
                  <a:pt x="135" y="14"/>
                  <a:pt x="143" y="21"/>
                  <a:pt x="143" y="31"/>
                </a:cubicBezTo>
                <a:cubicBezTo>
                  <a:pt x="143" y="37"/>
                  <a:pt x="139" y="43"/>
                  <a:pt x="135" y="46"/>
                </a:cubicBezTo>
                <a:cubicBezTo>
                  <a:pt x="132" y="48"/>
                  <a:pt x="131" y="51"/>
                  <a:pt x="132" y="53"/>
                </a:cubicBezTo>
                <a:cubicBezTo>
                  <a:pt x="132" y="56"/>
                  <a:pt x="135" y="58"/>
                  <a:pt x="137" y="59"/>
                </a:cubicBezTo>
                <a:cubicBezTo>
                  <a:pt x="139" y="59"/>
                  <a:pt x="139" y="59"/>
                  <a:pt x="139" y="59"/>
                </a:cubicBezTo>
                <a:cubicBezTo>
                  <a:pt x="140" y="59"/>
                  <a:pt x="140" y="59"/>
                  <a:pt x="140" y="59"/>
                </a:cubicBezTo>
                <a:cubicBezTo>
                  <a:pt x="159" y="62"/>
                  <a:pt x="178" y="70"/>
                  <a:pt x="194" y="82"/>
                </a:cubicBezTo>
                <a:cubicBezTo>
                  <a:pt x="197" y="85"/>
                  <a:pt x="201" y="84"/>
                  <a:pt x="204" y="81"/>
                </a:cubicBezTo>
                <a:cubicBezTo>
                  <a:pt x="206" y="78"/>
                  <a:pt x="206" y="74"/>
                  <a:pt x="203" y="72"/>
                </a:cubicBezTo>
                <a:cubicBezTo>
                  <a:pt x="187" y="59"/>
                  <a:pt x="170" y="51"/>
                  <a:pt x="152" y="47"/>
                </a:cubicBezTo>
                <a:cubicBezTo>
                  <a:pt x="155" y="43"/>
                  <a:pt x="157" y="37"/>
                  <a:pt x="157" y="31"/>
                </a:cubicBezTo>
                <a:cubicBezTo>
                  <a:pt x="157" y="14"/>
                  <a:pt x="142" y="0"/>
                  <a:pt x="125" y="0"/>
                </a:cubicBezTo>
                <a:cubicBezTo>
                  <a:pt x="107" y="0"/>
                  <a:pt x="93" y="14"/>
                  <a:pt x="93" y="31"/>
                </a:cubicBezTo>
                <a:cubicBezTo>
                  <a:pt x="93" y="37"/>
                  <a:pt x="95" y="43"/>
                  <a:pt x="97" y="47"/>
                </a:cubicBezTo>
                <a:cubicBezTo>
                  <a:pt x="75" y="52"/>
                  <a:pt x="54" y="63"/>
                  <a:pt x="36" y="81"/>
                </a:cubicBezTo>
                <a:cubicBezTo>
                  <a:pt x="12" y="105"/>
                  <a:pt x="0" y="137"/>
                  <a:pt x="0" y="169"/>
                </a:cubicBezTo>
                <a:cubicBezTo>
                  <a:pt x="0" y="197"/>
                  <a:pt x="9" y="225"/>
                  <a:pt x="28" y="247"/>
                </a:cubicBezTo>
                <a:cubicBezTo>
                  <a:pt x="29" y="249"/>
                  <a:pt x="31" y="250"/>
                  <a:pt x="33" y="250"/>
                </a:cubicBezTo>
                <a:cubicBezTo>
                  <a:pt x="33" y="250"/>
                  <a:pt x="33" y="250"/>
                  <a:pt x="33" y="250"/>
                </a:cubicBezTo>
                <a:cubicBezTo>
                  <a:pt x="35" y="250"/>
                  <a:pt x="36" y="249"/>
                  <a:pt x="38" y="248"/>
                </a:cubicBezTo>
                <a:cubicBezTo>
                  <a:pt x="50" y="236"/>
                  <a:pt x="50" y="236"/>
                  <a:pt x="50" y="236"/>
                </a:cubicBezTo>
                <a:cubicBezTo>
                  <a:pt x="54" y="233"/>
                  <a:pt x="54" y="233"/>
                  <a:pt x="54" y="233"/>
                </a:cubicBezTo>
                <a:cubicBezTo>
                  <a:pt x="57" y="230"/>
                  <a:pt x="57" y="226"/>
                  <a:pt x="55" y="223"/>
                </a:cubicBezTo>
                <a:cubicBezTo>
                  <a:pt x="43" y="207"/>
                  <a:pt x="37" y="188"/>
                  <a:pt x="37" y="169"/>
                </a:cubicBezTo>
                <a:cubicBezTo>
                  <a:pt x="37" y="148"/>
                  <a:pt x="44" y="128"/>
                  <a:pt x="58" y="111"/>
                </a:cubicBezTo>
                <a:cubicBezTo>
                  <a:pt x="66" y="103"/>
                  <a:pt x="66" y="103"/>
                  <a:pt x="66" y="103"/>
                </a:cubicBezTo>
                <a:cubicBezTo>
                  <a:pt x="83" y="88"/>
                  <a:pt x="104" y="81"/>
                  <a:pt x="125" y="81"/>
                </a:cubicBezTo>
                <a:cubicBezTo>
                  <a:pt x="140" y="81"/>
                  <a:pt x="156" y="85"/>
                  <a:pt x="170" y="94"/>
                </a:cubicBezTo>
                <a:cubicBezTo>
                  <a:pt x="124" y="138"/>
                  <a:pt x="124" y="138"/>
                  <a:pt x="124" y="138"/>
                </a:cubicBezTo>
                <a:cubicBezTo>
                  <a:pt x="78" y="109"/>
                  <a:pt x="78" y="109"/>
                  <a:pt x="78" y="109"/>
                </a:cubicBezTo>
                <a:cubicBezTo>
                  <a:pt x="76" y="108"/>
                  <a:pt x="72" y="108"/>
                  <a:pt x="70" y="110"/>
                </a:cubicBezTo>
                <a:cubicBezTo>
                  <a:pt x="67" y="113"/>
                  <a:pt x="67" y="113"/>
                  <a:pt x="67" y="113"/>
                </a:cubicBezTo>
                <a:cubicBezTo>
                  <a:pt x="64" y="116"/>
                  <a:pt x="64" y="120"/>
                  <a:pt x="66" y="123"/>
                </a:cubicBezTo>
                <a:cubicBezTo>
                  <a:pt x="112" y="183"/>
                  <a:pt x="112" y="183"/>
                  <a:pt x="112" y="183"/>
                </a:cubicBezTo>
                <a:cubicBezTo>
                  <a:pt x="114" y="185"/>
                  <a:pt x="115" y="186"/>
                  <a:pt x="117" y="186"/>
                </a:cubicBezTo>
                <a:cubicBezTo>
                  <a:pt x="119" y="186"/>
                  <a:pt x="121" y="185"/>
                  <a:pt x="123" y="184"/>
                </a:cubicBezTo>
                <a:cubicBezTo>
                  <a:pt x="135" y="172"/>
                  <a:pt x="135" y="172"/>
                  <a:pt x="135" y="172"/>
                </a:cubicBezTo>
                <a:cubicBezTo>
                  <a:pt x="159" y="204"/>
                  <a:pt x="159" y="204"/>
                  <a:pt x="159" y="204"/>
                </a:cubicBezTo>
                <a:cubicBezTo>
                  <a:pt x="131" y="187"/>
                  <a:pt x="131" y="187"/>
                  <a:pt x="131" y="187"/>
                </a:cubicBezTo>
                <a:cubicBezTo>
                  <a:pt x="128" y="185"/>
                  <a:pt x="125" y="186"/>
                  <a:pt x="122" y="188"/>
                </a:cubicBezTo>
                <a:cubicBezTo>
                  <a:pt x="67" y="243"/>
                  <a:pt x="67" y="243"/>
                  <a:pt x="67" y="243"/>
                </a:cubicBezTo>
                <a:cubicBezTo>
                  <a:pt x="65" y="245"/>
                  <a:pt x="65" y="247"/>
                  <a:pt x="65" y="249"/>
                </a:cubicBezTo>
                <a:cubicBezTo>
                  <a:pt x="65" y="251"/>
                  <a:pt x="66" y="253"/>
                  <a:pt x="68" y="254"/>
                </a:cubicBezTo>
                <a:cubicBezTo>
                  <a:pt x="85" y="265"/>
                  <a:pt x="105" y="271"/>
                  <a:pt x="125" y="271"/>
                </a:cubicBezTo>
                <a:cubicBezTo>
                  <a:pt x="151" y="271"/>
                  <a:pt x="177" y="261"/>
                  <a:pt x="197" y="241"/>
                </a:cubicBezTo>
                <a:cubicBezTo>
                  <a:pt x="217" y="221"/>
                  <a:pt x="227" y="195"/>
                  <a:pt x="227" y="169"/>
                </a:cubicBezTo>
                <a:cubicBezTo>
                  <a:pt x="227" y="149"/>
                  <a:pt x="221" y="129"/>
                  <a:pt x="210" y="112"/>
                </a:cubicBezTo>
                <a:cubicBezTo>
                  <a:pt x="216" y="106"/>
                  <a:pt x="216" y="106"/>
                  <a:pt x="216" y="106"/>
                </a:cubicBezTo>
                <a:cubicBezTo>
                  <a:pt x="229" y="125"/>
                  <a:pt x="236" y="147"/>
                  <a:pt x="236" y="169"/>
                </a:cubicBezTo>
                <a:cubicBezTo>
                  <a:pt x="236" y="197"/>
                  <a:pt x="225" y="226"/>
                  <a:pt x="203" y="247"/>
                </a:cubicBezTo>
                <a:cubicBezTo>
                  <a:pt x="181" y="269"/>
                  <a:pt x="153" y="280"/>
                  <a:pt x="125" y="280"/>
                </a:cubicBezTo>
                <a:cubicBezTo>
                  <a:pt x="101" y="280"/>
                  <a:pt x="78" y="273"/>
                  <a:pt x="59" y="258"/>
                </a:cubicBezTo>
                <a:cubicBezTo>
                  <a:pt x="56" y="256"/>
                  <a:pt x="51" y="257"/>
                  <a:pt x="49" y="260"/>
                </a:cubicBezTo>
                <a:cubicBezTo>
                  <a:pt x="47" y="263"/>
                  <a:pt x="47" y="267"/>
                  <a:pt x="50" y="269"/>
                </a:cubicBezTo>
                <a:cubicBezTo>
                  <a:pt x="50" y="269"/>
                  <a:pt x="50" y="269"/>
                  <a:pt x="50" y="269"/>
                </a:cubicBezTo>
                <a:cubicBezTo>
                  <a:pt x="72" y="286"/>
                  <a:pt x="99" y="294"/>
                  <a:pt x="125" y="294"/>
                </a:cubicBezTo>
                <a:cubicBezTo>
                  <a:pt x="125" y="294"/>
                  <a:pt x="125" y="294"/>
                  <a:pt x="125" y="294"/>
                </a:cubicBezTo>
                <a:cubicBezTo>
                  <a:pt x="157" y="294"/>
                  <a:pt x="189" y="282"/>
                  <a:pt x="213" y="257"/>
                </a:cubicBezTo>
                <a:cubicBezTo>
                  <a:pt x="237" y="233"/>
                  <a:pt x="249" y="201"/>
                  <a:pt x="249" y="169"/>
                </a:cubicBezTo>
                <a:cubicBezTo>
                  <a:pt x="249" y="142"/>
                  <a:pt x="241" y="114"/>
                  <a:pt x="223" y="9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7" name="Freeform 493"/>
          <p:cNvSpPr>
            <a:spLocks/>
          </p:cNvSpPr>
          <p:nvPr userDrawn="1"/>
        </p:nvSpPr>
        <p:spPr bwMode="auto">
          <a:xfrm>
            <a:off x="10006011" y="4403218"/>
            <a:ext cx="317500" cy="515937"/>
          </a:xfrm>
          <a:custGeom>
            <a:avLst/>
            <a:gdLst/>
            <a:ahLst/>
            <a:cxnLst>
              <a:cxn ang="0">
                <a:pos x="265" y="150"/>
              </a:cxn>
              <a:cxn ang="0">
                <a:pos x="275" y="105"/>
              </a:cxn>
              <a:cxn ang="0">
                <a:pos x="277" y="53"/>
              </a:cxn>
              <a:cxn ang="0">
                <a:pos x="260" y="17"/>
              </a:cxn>
              <a:cxn ang="0">
                <a:pos x="190" y="12"/>
              </a:cxn>
              <a:cxn ang="0">
                <a:pos x="58" y="19"/>
              </a:cxn>
              <a:cxn ang="0">
                <a:pos x="31" y="34"/>
              </a:cxn>
              <a:cxn ang="0">
                <a:pos x="0" y="80"/>
              </a:cxn>
              <a:cxn ang="0">
                <a:pos x="0" y="142"/>
              </a:cxn>
              <a:cxn ang="0">
                <a:pos x="11" y="174"/>
              </a:cxn>
              <a:cxn ang="0">
                <a:pos x="0" y="209"/>
              </a:cxn>
              <a:cxn ang="0">
                <a:pos x="43" y="240"/>
              </a:cxn>
              <a:cxn ang="0">
                <a:pos x="26" y="208"/>
              </a:cxn>
              <a:cxn ang="0">
                <a:pos x="49" y="173"/>
              </a:cxn>
              <a:cxn ang="0">
                <a:pos x="26" y="143"/>
              </a:cxn>
              <a:cxn ang="0">
                <a:pos x="38" y="125"/>
              </a:cxn>
              <a:cxn ang="0">
                <a:pos x="49" y="114"/>
              </a:cxn>
              <a:cxn ang="0">
                <a:pos x="48" y="103"/>
              </a:cxn>
              <a:cxn ang="0">
                <a:pos x="26" y="79"/>
              </a:cxn>
              <a:cxn ang="0">
                <a:pos x="38" y="60"/>
              </a:cxn>
              <a:cxn ang="0">
                <a:pos x="71" y="42"/>
              </a:cxn>
              <a:cxn ang="0">
                <a:pos x="106" y="27"/>
              </a:cxn>
              <a:cxn ang="0">
                <a:pos x="191" y="39"/>
              </a:cxn>
              <a:cxn ang="0">
                <a:pos x="231" y="35"/>
              </a:cxn>
              <a:cxn ang="0">
                <a:pos x="249" y="44"/>
              </a:cxn>
              <a:cxn ang="0">
                <a:pos x="236" y="71"/>
              </a:cxn>
              <a:cxn ang="0">
                <a:pos x="82" y="107"/>
              </a:cxn>
              <a:cxn ang="0">
                <a:pos x="238" y="98"/>
              </a:cxn>
              <a:cxn ang="0">
                <a:pos x="249" y="109"/>
              </a:cxn>
              <a:cxn ang="0">
                <a:pos x="236" y="137"/>
              </a:cxn>
              <a:cxn ang="0">
                <a:pos x="227" y="138"/>
              </a:cxn>
              <a:cxn ang="0">
                <a:pos x="96" y="155"/>
              </a:cxn>
              <a:cxn ang="0">
                <a:pos x="99" y="181"/>
              </a:cxn>
              <a:cxn ang="0">
                <a:pos x="231" y="165"/>
              </a:cxn>
              <a:cxn ang="0">
                <a:pos x="249" y="174"/>
              </a:cxn>
              <a:cxn ang="0">
                <a:pos x="251" y="188"/>
              </a:cxn>
              <a:cxn ang="0">
                <a:pos x="90" y="224"/>
              </a:cxn>
              <a:cxn ang="0">
                <a:pos x="58" y="247"/>
              </a:cxn>
              <a:cxn ang="0">
                <a:pos x="64" y="267"/>
              </a:cxn>
              <a:cxn ang="0">
                <a:pos x="54" y="278"/>
              </a:cxn>
              <a:cxn ang="0">
                <a:pos x="36" y="321"/>
              </a:cxn>
              <a:cxn ang="0">
                <a:pos x="91" y="394"/>
              </a:cxn>
              <a:cxn ang="0">
                <a:pos x="97" y="441"/>
              </a:cxn>
              <a:cxn ang="0">
                <a:pos x="139" y="459"/>
              </a:cxn>
              <a:cxn ang="0">
                <a:pos x="182" y="437"/>
              </a:cxn>
              <a:cxn ang="0">
                <a:pos x="231" y="360"/>
              </a:cxn>
              <a:cxn ang="0">
                <a:pos x="235" y="287"/>
              </a:cxn>
              <a:cxn ang="0">
                <a:pos x="186" y="278"/>
              </a:cxn>
              <a:cxn ang="0">
                <a:pos x="189" y="267"/>
              </a:cxn>
              <a:cxn ang="0">
                <a:pos x="163" y="262"/>
              </a:cxn>
              <a:cxn ang="0">
                <a:pos x="156" y="299"/>
              </a:cxn>
              <a:cxn ang="0">
                <a:pos x="212" y="304"/>
              </a:cxn>
              <a:cxn ang="0">
                <a:pos x="208" y="347"/>
              </a:cxn>
              <a:cxn ang="0">
                <a:pos x="160" y="383"/>
              </a:cxn>
              <a:cxn ang="0">
                <a:pos x="140" y="432"/>
              </a:cxn>
              <a:cxn ang="0">
                <a:pos x="121" y="428"/>
              </a:cxn>
              <a:cxn ang="0">
                <a:pos x="106" y="371"/>
              </a:cxn>
              <a:cxn ang="0">
                <a:pos x="63" y="321"/>
              </a:cxn>
              <a:cxn ang="0">
                <a:pos x="110" y="304"/>
              </a:cxn>
              <a:cxn ang="0">
                <a:pos x="124" y="291"/>
              </a:cxn>
              <a:cxn ang="0">
                <a:pos x="88" y="253"/>
              </a:cxn>
              <a:cxn ang="0">
                <a:pos x="240" y="227"/>
              </a:cxn>
              <a:cxn ang="0">
                <a:pos x="277" y="183"/>
              </a:cxn>
            </a:cxnLst>
            <a:rect l="0" t="0" r="r" b="b"/>
            <a:pathLst>
              <a:path w="280" h="459">
                <a:moveTo>
                  <a:pt x="275" y="170"/>
                </a:moveTo>
                <a:cubicBezTo>
                  <a:pt x="274" y="162"/>
                  <a:pt x="271" y="156"/>
                  <a:pt x="265" y="150"/>
                </a:cubicBezTo>
                <a:cubicBezTo>
                  <a:pt x="274" y="142"/>
                  <a:pt x="279" y="130"/>
                  <a:pt x="277" y="118"/>
                </a:cubicBezTo>
                <a:cubicBezTo>
                  <a:pt x="275" y="105"/>
                  <a:pt x="275" y="105"/>
                  <a:pt x="275" y="105"/>
                </a:cubicBezTo>
                <a:cubicBezTo>
                  <a:pt x="274" y="97"/>
                  <a:pt x="271" y="90"/>
                  <a:pt x="266" y="85"/>
                </a:cubicBezTo>
                <a:cubicBezTo>
                  <a:pt x="274" y="77"/>
                  <a:pt x="279" y="65"/>
                  <a:pt x="277" y="53"/>
                </a:cubicBezTo>
                <a:cubicBezTo>
                  <a:pt x="275" y="40"/>
                  <a:pt x="275" y="40"/>
                  <a:pt x="275" y="40"/>
                </a:cubicBezTo>
                <a:cubicBezTo>
                  <a:pt x="274" y="31"/>
                  <a:pt x="268" y="23"/>
                  <a:pt x="260" y="17"/>
                </a:cubicBezTo>
                <a:cubicBezTo>
                  <a:pt x="251" y="10"/>
                  <a:pt x="239" y="7"/>
                  <a:pt x="228" y="9"/>
                </a:cubicBezTo>
                <a:cubicBezTo>
                  <a:pt x="225" y="9"/>
                  <a:pt x="193" y="12"/>
                  <a:pt x="190" y="12"/>
                </a:cubicBezTo>
                <a:cubicBezTo>
                  <a:pt x="166" y="8"/>
                  <a:pt x="113" y="0"/>
                  <a:pt x="106" y="0"/>
                </a:cubicBezTo>
                <a:cubicBezTo>
                  <a:pt x="93" y="0"/>
                  <a:pt x="58" y="19"/>
                  <a:pt x="58" y="19"/>
                </a:cubicBezTo>
                <a:cubicBezTo>
                  <a:pt x="58" y="19"/>
                  <a:pt x="58" y="19"/>
                  <a:pt x="58" y="19"/>
                </a:cubicBezTo>
                <a:cubicBezTo>
                  <a:pt x="58" y="19"/>
                  <a:pt x="34" y="32"/>
                  <a:pt x="31" y="34"/>
                </a:cubicBezTo>
                <a:cubicBezTo>
                  <a:pt x="12" y="38"/>
                  <a:pt x="0" y="55"/>
                  <a:pt x="0" y="77"/>
                </a:cubicBezTo>
                <a:cubicBezTo>
                  <a:pt x="0" y="78"/>
                  <a:pt x="0" y="79"/>
                  <a:pt x="0" y="80"/>
                </a:cubicBezTo>
                <a:cubicBezTo>
                  <a:pt x="0" y="92"/>
                  <a:pt x="5" y="102"/>
                  <a:pt x="11" y="110"/>
                </a:cubicBezTo>
                <a:cubicBezTo>
                  <a:pt x="4" y="118"/>
                  <a:pt x="0" y="129"/>
                  <a:pt x="0" y="142"/>
                </a:cubicBezTo>
                <a:cubicBezTo>
                  <a:pt x="0" y="143"/>
                  <a:pt x="0" y="143"/>
                  <a:pt x="0" y="144"/>
                </a:cubicBezTo>
                <a:cubicBezTo>
                  <a:pt x="0" y="156"/>
                  <a:pt x="5" y="166"/>
                  <a:pt x="11" y="174"/>
                </a:cubicBezTo>
                <a:cubicBezTo>
                  <a:pt x="4" y="183"/>
                  <a:pt x="0" y="195"/>
                  <a:pt x="0" y="207"/>
                </a:cubicBezTo>
                <a:cubicBezTo>
                  <a:pt x="0" y="208"/>
                  <a:pt x="0" y="208"/>
                  <a:pt x="0" y="209"/>
                </a:cubicBezTo>
                <a:cubicBezTo>
                  <a:pt x="0" y="221"/>
                  <a:pt x="5" y="237"/>
                  <a:pt x="25" y="246"/>
                </a:cubicBezTo>
                <a:cubicBezTo>
                  <a:pt x="32" y="250"/>
                  <a:pt x="40" y="247"/>
                  <a:pt x="43" y="240"/>
                </a:cubicBezTo>
                <a:cubicBezTo>
                  <a:pt x="46" y="234"/>
                  <a:pt x="44" y="226"/>
                  <a:pt x="37" y="223"/>
                </a:cubicBezTo>
                <a:cubicBezTo>
                  <a:pt x="30" y="219"/>
                  <a:pt x="27" y="215"/>
                  <a:pt x="26" y="208"/>
                </a:cubicBezTo>
                <a:cubicBezTo>
                  <a:pt x="26" y="200"/>
                  <a:pt x="31" y="189"/>
                  <a:pt x="38" y="187"/>
                </a:cubicBezTo>
                <a:cubicBezTo>
                  <a:pt x="45" y="186"/>
                  <a:pt x="50" y="180"/>
                  <a:pt x="49" y="173"/>
                </a:cubicBezTo>
                <a:cubicBezTo>
                  <a:pt x="48" y="166"/>
                  <a:pt x="42" y="161"/>
                  <a:pt x="35" y="161"/>
                </a:cubicBezTo>
                <a:cubicBezTo>
                  <a:pt x="32" y="159"/>
                  <a:pt x="27" y="152"/>
                  <a:pt x="26" y="143"/>
                </a:cubicBezTo>
                <a:cubicBezTo>
                  <a:pt x="26" y="143"/>
                  <a:pt x="26" y="142"/>
                  <a:pt x="26" y="142"/>
                </a:cubicBezTo>
                <a:cubicBezTo>
                  <a:pt x="26" y="135"/>
                  <a:pt x="28" y="127"/>
                  <a:pt x="38" y="125"/>
                </a:cubicBezTo>
                <a:cubicBezTo>
                  <a:pt x="43" y="124"/>
                  <a:pt x="47" y="121"/>
                  <a:pt x="49" y="116"/>
                </a:cubicBezTo>
                <a:cubicBezTo>
                  <a:pt x="49" y="114"/>
                  <a:pt x="49" y="114"/>
                  <a:pt x="49" y="114"/>
                </a:cubicBezTo>
                <a:cubicBezTo>
                  <a:pt x="50" y="113"/>
                  <a:pt x="50" y="111"/>
                  <a:pt x="50" y="110"/>
                </a:cubicBezTo>
                <a:cubicBezTo>
                  <a:pt x="50" y="108"/>
                  <a:pt x="49" y="105"/>
                  <a:pt x="48" y="103"/>
                </a:cubicBezTo>
                <a:cubicBezTo>
                  <a:pt x="45" y="100"/>
                  <a:pt x="42" y="97"/>
                  <a:pt x="38" y="97"/>
                </a:cubicBezTo>
                <a:cubicBezTo>
                  <a:pt x="33" y="96"/>
                  <a:pt x="27" y="89"/>
                  <a:pt x="26" y="79"/>
                </a:cubicBezTo>
                <a:cubicBezTo>
                  <a:pt x="26" y="78"/>
                  <a:pt x="26" y="78"/>
                  <a:pt x="26" y="77"/>
                </a:cubicBezTo>
                <a:cubicBezTo>
                  <a:pt x="26" y="72"/>
                  <a:pt x="28" y="61"/>
                  <a:pt x="38" y="60"/>
                </a:cubicBezTo>
                <a:cubicBezTo>
                  <a:pt x="39" y="59"/>
                  <a:pt x="41" y="59"/>
                  <a:pt x="42" y="58"/>
                </a:cubicBezTo>
                <a:cubicBezTo>
                  <a:pt x="71" y="42"/>
                  <a:pt x="71" y="42"/>
                  <a:pt x="71" y="42"/>
                </a:cubicBezTo>
                <a:cubicBezTo>
                  <a:pt x="71" y="42"/>
                  <a:pt x="71" y="42"/>
                  <a:pt x="71" y="42"/>
                </a:cubicBezTo>
                <a:cubicBezTo>
                  <a:pt x="78" y="38"/>
                  <a:pt x="100" y="28"/>
                  <a:pt x="106" y="27"/>
                </a:cubicBezTo>
                <a:cubicBezTo>
                  <a:pt x="113" y="27"/>
                  <a:pt x="158" y="34"/>
                  <a:pt x="188" y="39"/>
                </a:cubicBezTo>
                <a:cubicBezTo>
                  <a:pt x="189" y="39"/>
                  <a:pt x="190" y="39"/>
                  <a:pt x="191" y="39"/>
                </a:cubicBezTo>
                <a:cubicBezTo>
                  <a:pt x="230" y="35"/>
                  <a:pt x="230" y="35"/>
                  <a:pt x="230" y="35"/>
                </a:cubicBezTo>
                <a:cubicBezTo>
                  <a:pt x="230" y="35"/>
                  <a:pt x="231" y="35"/>
                  <a:pt x="231" y="35"/>
                </a:cubicBezTo>
                <a:cubicBezTo>
                  <a:pt x="236" y="35"/>
                  <a:pt x="241" y="36"/>
                  <a:pt x="245" y="38"/>
                </a:cubicBezTo>
                <a:cubicBezTo>
                  <a:pt x="246" y="39"/>
                  <a:pt x="248" y="41"/>
                  <a:pt x="249" y="44"/>
                </a:cubicBezTo>
                <a:cubicBezTo>
                  <a:pt x="251" y="57"/>
                  <a:pt x="251" y="57"/>
                  <a:pt x="251" y="57"/>
                </a:cubicBezTo>
                <a:cubicBezTo>
                  <a:pt x="251" y="64"/>
                  <a:pt x="245" y="70"/>
                  <a:pt x="236" y="71"/>
                </a:cubicBezTo>
                <a:cubicBezTo>
                  <a:pt x="93" y="92"/>
                  <a:pt x="93" y="92"/>
                  <a:pt x="93" y="92"/>
                </a:cubicBezTo>
                <a:cubicBezTo>
                  <a:pt x="86" y="93"/>
                  <a:pt x="81" y="100"/>
                  <a:pt x="82" y="107"/>
                </a:cubicBezTo>
                <a:cubicBezTo>
                  <a:pt x="83" y="114"/>
                  <a:pt x="90" y="119"/>
                  <a:pt x="97" y="118"/>
                </a:cubicBezTo>
                <a:cubicBezTo>
                  <a:pt x="238" y="98"/>
                  <a:pt x="238" y="98"/>
                  <a:pt x="238" y="98"/>
                </a:cubicBezTo>
                <a:cubicBezTo>
                  <a:pt x="238" y="98"/>
                  <a:pt x="239" y="98"/>
                  <a:pt x="239" y="98"/>
                </a:cubicBezTo>
                <a:cubicBezTo>
                  <a:pt x="245" y="100"/>
                  <a:pt x="248" y="105"/>
                  <a:pt x="249" y="109"/>
                </a:cubicBezTo>
                <a:cubicBezTo>
                  <a:pt x="251" y="122"/>
                  <a:pt x="251" y="122"/>
                  <a:pt x="251" y="122"/>
                </a:cubicBezTo>
                <a:cubicBezTo>
                  <a:pt x="251" y="128"/>
                  <a:pt x="245" y="135"/>
                  <a:pt x="236" y="137"/>
                </a:cubicBezTo>
                <a:cubicBezTo>
                  <a:pt x="235" y="137"/>
                  <a:pt x="234" y="137"/>
                  <a:pt x="233" y="138"/>
                </a:cubicBezTo>
                <a:cubicBezTo>
                  <a:pt x="231" y="138"/>
                  <a:pt x="229" y="138"/>
                  <a:pt x="227" y="138"/>
                </a:cubicBezTo>
                <a:cubicBezTo>
                  <a:pt x="227" y="138"/>
                  <a:pt x="227" y="138"/>
                  <a:pt x="227" y="138"/>
                </a:cubicBezTo>
                <a:cubicBezTo>
                  <a:pt x="96" y="155"/>
                  <a:pt x="96" y="155"/>
                  <a:pt x="96" y="155"/>
                </a:cubicBezTo>
                <a:cubicBezTo>
                  <a:pt x="89" y="156"/>
                  <a:pt x="84" y="162"/>
                  <a:pt x="85" y="169"/>
                </a:cubicBezTo>
                <a:cubicBezTo>
                  <a:pt x="85" y="177"/>
                  <a:pt x="92" y="182"/>
                  <a:pt x="99" y="181"/>
                </a:cubicBezTo>
                <a:cubicBezTo>
                  <a:pt x="231" y="165"/>
                  <a:pt x="231" y="165"/>
                  <a:pt x="231" y="165"/>
                </a:cubicBezTo>
                <a:cubicBezTo>
                  <a:pt x="231" y="165"/>
                  <a:pt x="231" y="165"/>
                  <a:pt x="231" y="165"/>
                </a:cubicBezTo>
                <a:cubicBezTo>
                  <a:pt x="236" y="164"/>
                  <a:pt x="241" y="165"/>
                  <a:pt x="245" y="168"/>
                </a:cubicBezTo>
                <a:cubicBezTo>
                  <a:pt x="246" y="169"/>
                  <a:pt x="248" y="171"/>
                  <a:pt x="249" y="174"/>
                </a:cubicBezTo>
                <a:cubicBezTo>
                  <a:pt x="251" y="187"/>
                  <a:pt x="251" y="187"/>
                  <a:pt x="251" y="187"/>
                </a:cubicBezTo>
                <a:cubicBezTo>
                  <a:pt x="251" y="187"/>
                  <a:pt x="251" y="187"/>
                  <a:pt x="251" y="188"/>
                </a:cubicBezTo>
                <a:cubicBezTo>
                  <a:pt x="251" y="194"/>
                  <a:pt x="244" y="199"/>
                  <a:pt x="236" y="200"/>
                </a:cubicBezTo>
                <a:cubicBezTo>
                  <a:pt x="236" y="200"/>
                  <a:pt x="90" y="224"/>
                  <a:pt x="90" y="224"/>
                </a:cubicBezTo>
                <a:cubicBezTo>
                  <a:pt x="90" y="224"/>
                  <a:pt x="89" y="224"/>
                  <a:pt x="89" y="224"/>
                </a:cubicBezTo>
                <a:cubicBezTo>
                  <a:pt x="81" y="226"/>
                  <a:pt x="62" y="233"/>
                  <a:pt x="58" y="247"/>
                </a:cubicBezTo>
                <a:cubicBezTo>
                  <a:pt x="58" y="248"/>
                  <a:pt x="58" y="250"/>
                  <a:pt x="58" y="252"/>
                </a:cubicBezTo>
                <a:cubicBezTo>
                  <a:pt x="58" y="257"/>
                  <a:pt x="60" y="262"/>
                  <a:pt x="64" y="267"/>
                </a:cubicBezTo>
                <a:cubicBezTo>
                  <a:pt x="68" y="270"/>
                  <a:pt x="72" y="274"/>
                  <a:pt x="76" y="278"/>
                </a:cubicBezTo>
                <a:cubicBezTo>
                  <a:pt x="66" y="278"/>
                  <a:pt x="54" y="278"/>
                  <a:pt x="54" y="278"/>
                </a:cubicBezTo>
                <a:cubicBezTo>
                  <a:pt x="49" y="278"/>
                  <a:pt x="43" y="281"/>
                  <a:pt x="42" y="287"/>
                </a:cubicBezTo>
                <a:cubicBezTo>
                  <a:pt x="41" y="288"/>
                  <a:pt x="36" y="302"/>
                  <a:pt x="36" y="321"/>
                </a:cubicBezTo>
                <a:cubicBezTo>
                  <a:pt x="36" y="333"/>
                  <a:pt x="38" y="347"/>
                  <a:pt x="46" y="360"/>
                </a:cubicBezTo>
                <a:cubicBezTo>
                  <a:pt x="55" y="377"/>
                  <a:pt x="70" y="388"/>
                  <a:pt x="91" y="394"/>
                </a:cubicBezTo>
                <a:cubicBezTo>
                  <a:pt x="92" y="420"/>
                  <a:pt x="95" y="436"/>
                  <a:pt x="95" y="437"/>
                </a:cubicBezTo>
                <a:cubicBezTo>
                  <a:pt x="95" y="438"/>
                  <a:pt x="96" y="440"/>
                  <a:pt x="97" y="441"/>
                </a:cubicBezTo>
                <a:cubicBezTo>
                  <a:pt x="98" y="443"/>
                  <a:pt x="108" y="459"/>
                  <a:pt x="137" y="459"/>
                </a:cubicBezTo>
                <a:cubicBezTo>
                  <a:pt x="139" y="459"/>
                  <a:pt x="139" y="459"/>
                  <a:pt x="139" y="459"/>
                </a:cubicBezTo>
                <a:cubicBezTo>
                  <a:pt x="169" y="459"/>
                  <a:pt x="179" y="443"/>
                  <a:pt x="180" y="441"/>
                </a:cubicBezTo>
                <a:cubicBezTo>
                  <a:pt x="181" y="440"/>
                  <a:pt x="181" y="438"/>
                  <a:pt x="182" y="437"/>
                </a:cubicBezTo>
                <a:cubicBezTo>
                  <a:pt x="182" y="436"/>
                  <a:pt x="185" y="420"/>
                  <a:pt x="186" y="394"/>
                </a:cubicBezTo>
                <a:cubicBezTo>
                  <a:pt x="207" y="388"/>
                  <a:pt x="222" y="377"/>
                  <a:pt x="231" y="360"/>
                </a:cubicBezTo>
                <a:cubicBezTo>
                  <a:pt x="238" y="347"/>
                  <a:pt x="241" y="333"/>
                  <a:pt x="241" y="321"/>
                </a:cubicBezTo>
                <a:cubicBezTo>
                  <a:pt x="241" y="302"/>
                  <a:pt x="235" y="288"/>
                  <a:pt x="235" y="287"/>
                </a:cubicBezTo>
                <a:cubicBezTo>
                  <a:pt x="233" y="281"/>
                  <a:pt x="228" y="278"/>
                  <a:pt x="223" y="278"/>
                </a:cubicBezTo>
                <a:cubicBezTo>
                  <a:pt x="223" y="278"/>
                  <a:pt x="203" y="278"/>
                  <a:pt x="186" y="278"/>
                </a:cubicBezTo>
                <a:cubicBezTo>
                  <a:pt x="187" y="276"/>
                  <a:pt x="188" y="272"/>
                  <a:pt x="188" y="272"/>
                </a:cubicBezTo>
                <a:cubicBezTo>
                  <a:pt x="189" y="270"/>
                  <a:pt x="189" y="269"/>
                  <a:pt x="189" y="267"/>
                </a:cubicBezTo>
                <a:cubicBezTo>
                  <a:pt x="189" y="262"/>
                  <a:pt x="186" y="257"/>
                  <a:pt x="181" y="255"/>
                </a:cubicBezTo>
                <a:cubicBezTo>
                  <a:pt x="174" y="252"/>
                  <a:pt x="166" y="255"/>
                  <a:pt x="163" y="262"/>
                </a:cubicBezTo>
                <a:cubicBezTo>
                  <a:pt x="154" y="286"/>
                  <a:pt x="154" y="286"/>
                  <a:pt x="154" y="286"/>
                </a:cubicBezTo>
                <a:cubicBezTo>
                  <a:pt x="152" y="290"/>
                  <a:pt x="153" y="295"/>
                  <a:pt x="156" y="299"/>
                </a:cubicBezTo>
                <a:cubicBezTo>
                  <a:pt x="158" y="302"/>
                  <a:pt x="162" y="304"/>
                  <a:pt x="167" y="304"/>
                </a:cubicBezTo>
                <a:cubicBezTo>
                  <a:pt x="167" y="304"/>
                  <a:pt x="199" y="304"/>
                  <a:pt x="212" y="304"/>
                </a:cubicBezTo>
                <a:cubicBezTo>
                  <a:pt x="213" y="309"/>
                  <a:pt x="214" y="315"/>
                  <a:pt x="214" y="321"/>
                </a:cubicBezTo>
                <a:cubicBezTo>
                  <a:pt x="214" y="330"/>
                  <a:pt x="213" y="339"/>
                  <a:pt x="208" y="347"/>
                </a:cubicBezTo>
                <a:cubicBezTo>
                  <a:pt x="201" y="359"/>
                  <a:pt x="189" y="367"/>
                  <a:pt x="170" y="371"/>
                </a:cubicBezTo>
                <a:cubicBezTo>
                  <a:pt x="164" y="372"/>
                  <a:pt x="160" y="377"/>
                  <a:pt x="160" y="383"/>
                </a:cubicBezTo>
                <a:cubicBezTo>
                  <a:pt x="159" y="405"/>
                  <a:pt x="157" y="421"/>
                  <a:pt x="156" y="428"/>
                </a:cubicBezTo>
                <a:cubicBezTo>
                  <a:pt x="154" y="430"/>
                  <a:pt x="149" y="432"/>
                  <a:pt x="140" y="432"/>
                </a:cubicBezTo>
                <a:cubicBezTo>
                  <a:pt x="140" y="432"/>
                  <a:pt x="137" y="432"/>
                  <a:pt x="137" y="432"/>
                </a:cubicBezTo>
                <a:cubicBezTo>
                  <a:pt x="128" y="432"/>
                  <a:pt x="123" y="430"/>
                  <a:pt x="121" y="428"/>
                </a:cubicBezTo>
                <a:cubicBezTo>
                  <a:pt x="120" y="421"/>
                  <a:pt x="118" y="405"/>
                  <a:pt x="117" y="383"/>
                </a:cubicBezTo>
                <a:cubicBezTo>
                  <a:pt x="117" y="377"/>
                  <a:pt x="112" y="372"/>
                  <a:pt x="106" y="371"/>
                </a:cubicBezTo>
                <a:cubicBezTo>
                  <a:pt x="88" y="367"/>
                  <a:pt x="76" y="359"/>
                  <a:pt x="69" y="347"/>
                </a:cubicBezTo>
                <a:cubicBezTo>
                  <a:pt x="64" y="339"/>
                  <a:pt x="63" y="330"/>
                  <a:pt x="63" y="321"/>
                </a:cubicBezTo>
                <a:cubicBezTo>
                  <a:pt x="63" y="315"/>
                  <a:pt x="64" y="309"/>
                  <a:pt x="64" y="304"/>
                </a:cubicBezTo>
                <a:cubicBezTo>
                  <a:pt x="78" y="304"/>
                  <a:pt x="110" y="304"/>
                  <a:pt x="110" y="304"/>
                </a:cubicBezTo>
                <a:cubicBezTo>
                  <a:pt x="116" y="304"/>
                  <a:pt x="121" y="301"/>
                  <a:pt x="123" y="296"/>
                </a:cubicBezTo>
                <a:cubicBezTo>
                  <a:pt x="123" y="294"/>
                  <a:pt x="124" y="293"/>
                  <a:pt x="124" y="291"/>
                </a:cubicBezTo>
                <a:cubicBezTo>
                  <a:pt x="124" y="287"/>
                  <a:pt x="122" y="284"/>
                  <a:pt x="119" y="281"/>
                </a:cubicBezTo>
                <a:cubicBezTo>
                  <a:pt x="119" y="281"/>
                  <a:pt x="101" y="265"/>
                  <a:pt x="88" y="253"/>
                </a:cubicBezTo>
                <a:cubicBezTo>
                  <a:pt x="90" y="252"/>
                  <a:pt x="93" y="251"/>
                  <a:pt x="95" y="250"/>
                </a:cubicBezTo>
                <a:cubicBezTo>
                  <a:pt x="97" y="250"/>
                  <a:pt x="240" y="227"/>
                  <a:pt x="240" y="227"/>
                </a:cubicBezTo>
                <a:cubicBezTo>
                  <a:pt x="240" y="227"/>
                  <a:pt x="240" y="227"/>
                  <a:pt x="240" y="227"/>
                </a:cubicBezTo>
                <a:cubicBezTo>
                  <a:pt x="263" y="223"/>
                  <a:pt x="280" y="204"/>
                  <a:pt x="277" y="183"/>
                </a:cubicBezTo>
                <a:lnTo>
                  <a:pt x="275" y="170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8" name="Freeform 529"/>
          <p:cNvSpPr>
            <a:spLocks noEditPoints="1"/>
          </p:cNvSpPr>
          <p:nvPr userDrawn="1"/>
        </p:nvSpPr>
        <p:spPr bwMode="auto">
          <a:xfrm>
            <a:off x="9975055" y="2498942"/>
            <a:ext cx="379413" cy="285750"/>
          </a:xfrm>
          <a:custGeom>
            <a:avLst/>
            <a:gdLst/>
            <a:ahLst/>
            <a:cxnLst>
              <a:cxn ang="0">
                <a:pos x="315" y="4"/>
              </a:cxn>
              <a:cxn ang="0">
                <a:pos x="260" y="34"/>
              </a:cxn>
              <a:cxn ang="0">
                <a:pos x="201" y="2"/>
              </a:cxn>
              <a:cxn ang="0">
                <a:pos x="192" y="4"/>
              </a:cxn>
              <a:cxn ang="0">
                <a:pos x="137" y="34"/>
              </a:cxn>
              <a:cxn ang="0">
                <a:pos x="69" y="4"/>
              </a:cxn>
              <a:cxn ang="0">
                <a:pos x="65" y="8"/>
              </a:cxn>
              <a:cxn ang="0">
                <a:pos x="1" y="46"/>
              </a:cxn>
              <a:cxn ang="0">
                <a:pos x="4" y="120"/>
              </a:cxn>
              <a:cxn ang="0">
                <a:pos x="136" y="131"/>
              </a:cxn>
              <a:cxn ang="0">
                <a:pos x="260" y="131"/>
              </a:cxn>
              <a:cxn ang="0">
                <a:pos x="309" y="204"/>
              </a:cxn>
              <a:cxn ang="0">
                <a:pos x="209" y="201"/>
              </a:cxn>
              <a:cxn ang="0">
                <a:pos x="192" y="198"/>
              </a:cxn>
              <a:cxn ang="0">
                <a:pos x="137" y="227"/>
              </a:cxn>
              <a:cxn ang="0">
                <a:pos x="69" y="198"/>
              </a:cxn>
              <a:cxn ang="0">
                <a:pos x="65" y="202"/>
              </a:cxn>
              <a:cxn ang="0">
                <a:pos x="1" y="240"/>
              </a:cxn>
              <a:cxn ang="0">
                <a:pos x="75" y="228"/>
              </a:cxn>
              <a:cxn ang="0">
                <a:pos x="199" y="228"/>
              </a:cxn>
              <a:cxn ang="0">
                <a:pos x="332" y="216"/>
              </a:cxn>
              <a:cxn ang="0">
                <a:pos x="334" y="143"/>
              </a:cxn>
              <a:cxn ang="0">
                <a:pos x="270" y="105"/>
              </a:cxn>
              <a:cxn ang="0">
                <a:pos x="253" y="101"/>
              </a:cxn>
              <a:cxn ang="0">
                <a:pos x="198" y="130"/>
              </a:cxn>
              <a:cxn ang="0">
                <a:pos x="130" y="101"/>
              </a:cxn>
              <a:cxn ang="0">
                <a:pos x="126" y="105"/>
              </a:cxn>
              <a:cxn ang="0">
                <a:pos x="26" y="107"/>
              </a:cxn>
              <a:cxn ang="0">
                <a:pos x="75" y="34"/>
              </a:cxn>
              <a:cxn ang="0">
                <a:pos x="199" y="34"/>
              </a:cxn>
              <a:cxn ang="0">
                <a:pos x="332" y="22"/>
              </a:cxn>
              <a:cxn ang="0">
                <a:pos x="333" y="8"/>
              </a:cxn>
              <a:cxn ang="0">
                <a:pos x="330" y="24"/>
              </a:cxn>
              <a:cxn ang="0">
                <a:pos x="330" y="24"/>
              </a:cxn>
              <a:cxn ang="0">
                <a:pos x="330" y="218"/>
              </a:cxn>
            </a:cxnLst>
            <a:rect l="0" t="0" r="r" b="b"/>
            <a:pathLst>
              <a:path w="335" h="253">
                <a:moveTo>
                  <a:pt x="316" y="4"/>
                </a:moveTo>
                <a:cubicBezTo>
                  <a:pt x="315" y="4"/>
                  <a:pt x="315" y="4"/>
                  <a:pt x="315" y="4"/>
                </a:cubicBezTo>
                <a:cubicBezTo>
                  <a:pt x="314" y="5"/>
                  <a:pt x="312" y="6"/>
                  <a:pt x="311" y="8"/>
                </a:cubicBezTo>
                <a:cubicBezTo>
                  <a:pt x="301" y="24"/>
                  <a:pt x="281" y="34"/>
                  <a:pt x="260" y="34"/>
                </a:cubicBezTo>
                <a:cubicBezTo>
                  <a:pt x="239" y="34"/>
                  <a:pt x="220" y="24"/>
                  <a:pt x="209" y="8"/>
                </a:cubicBezTo>
                <a:cubicBezTo>
                  <a:pt x="207" y="5"/>
                  <a:pt x="205" y="3"/>
                  <a:pt x="201" y="2"/>
                </a:cubicBezTo>
                <a:cubicBezTo>
                  <a:pt x="198" y="2"/>
                  <a:pt x="195" y="2"/>
                  <a:pt x="192" y="4"/>
                </a:cubicBezTo>
                <a:cubicBezTo>
                  <a:pt x="192" y="4"/>
                  <a:pt x="192" y="4"/>
                  <a:pt x="192" y="4"/>
                </a:cubicBezTo>
                <a:cubicBezTo>
                  <a:pt x="190" y="5"/>
                  <a:pt x="189" y="6"/>
                  <a:pt x="188" y="8"/>
                </a:cubicBezTo>
                <a:cubicBezTo>
                  <a:pt x="178" y="24"/>
                  <a:pt x="158" y="34"/>
                  <a:pt x="137" y="34"/>
                </a:cubicBezTo>
                <a:cubicBezTo>
                  <a:pt x="116" y="34"/>
                  <a:pt x="96" y="24"/>
                  <a:pt x="86" y="8"/>
                </a:cubicBezTo>
                <a:cubicBezTo>
                  <a:pt x="82" y="2"/>
                  <a:pt x="74" y="0"/>
                  <a:pt x="69" y="4"/>
                </a:cubicBezTo>
                <a:cubicBezTo>
                  <a:pt x="68" y="4"/>
                  <a:pt x="68" y="4"/>
                  <a:pt x="68" y="4"/>
                </a:cubicBezTo>
                <a:cubicBezTo>
                  <a:pt x="67" y="5"/>
                  <a:pt x="66" y="6"/>
                  <a:pt x="65" y="8"/>
                </a:cubicBezTo>
                <a:cubicBezTo>
                  <a:pt x="54" y="24"/>
                  <a:pt x="35" y="34"/>
                  <a:pt x="14" y="34"/>
                </a:cubicBezTo>
                <a:cubicBezTo>
                  <a:pt x="7" y="34"/>
                  <a:pt x="1" y="39"/>
                  <a:pt x="1" y="46"/>
                </a:cubicBezTo>
                <a:cubicBezTo>
                  <a:pt x="1" y="46"/>
                  <a:pt x="0" y="112"/>
                  <a:pt x="0" y="112"/>
                </a:cubicBezTo>
                <a:cubicBezTo>
                  <a:pt x="0" y="115"/>
                  <a:pt x="1" y="118"/>
                  <a:pt x="4" y="120"/>
                </a:cubicBezTo>
                <a:cubicBezTo>
                  <a:pt x="19" y="142"/>
                  <a:pt x="46" y="156"/>
                  <a:pt x="75" y="156"/>
                </a:cubicBezTo>
                <a:cubicBezTo>
                  <a:pt x="98" y="156"/>
                  <a:pt x="121" y="147"/>
                  <a:pt x="136" y="131"/>
                </a:cubicBezTo>
                <a:cubicBezTo>
                  <a:pt x="152" y="147"/>
                  <a:pt x="174" y="156"/>
                  <a:pt x="198" y="156"/>
                </a:cubicBezTo>
                <a:cubicBezTo>
                  <a:pt x="221" y="156"/>
                  <a:pt x="244" y="147"/>
                  <a:pt x="260" y="131"/>
                </a:cubicBezTo>
                <a:cubicBezTo>
                  <a:pt x="272" y="144"/>
                  <a:pt x="290" y="152"/>
                  <a:pt x="309" y="155"/>
                </a:cubicBezTo>
                <a:cubicBezTo>
                  <a:pt x="309" y="169"/>
                  <a:pt x="309" y="198"/>
                  <a:pt x="309" y="204"/>
                </a:cubicBezTo>
                <a:cubicBezTo>
                  <a:pt x="298" y="218"/>
                  <a:pt x="280" y="227"/>
                  <a:pt x="260" y="227"/>
                </a:cubicBezTo>
                <a:cubicBezTo>
                  <a:pt x="239" y="227"/>
                  <a:pt x="220" y="217"/>
                  <a:pt x="209" y="201"/>
                </a:cubicBezTo>
                <a:cubicBezTo>
                  <a:pt x="206" y="196"/>
                  <a:pt x="198" y="194"/>
                  <a:pt x="192" y="198"/>
                </a:cubicBezTo>
                <a:cubicBezTo>
                  <a:pt x="192" y="198"/>
                  <a:pt x="192" y="198"/>
                  <a:pt x="192" y="198"/>
                </a:cubicBezTo>
                <a:cubicBezTo>
                  <a:pt x="190" y="199"/>
                  <a:pt x="189" y="200"/>
                  <a:pt x="188" y="202"/>
                </a:cubicBezTo>
                <a:cubicBezTo>
                  <a:pt x="178" y="217"/>
                  <a:pt x="158" y="227"/>
                  <a:pt x="137" y="227"/>
                </a:cubicBezTo>
                <a:cubicBezTo>
                  <a:pt x="116" y="227"/>
                  <a:pt x="96" y="217"/>
                  <a:pt x="86" y="201"/>
                </a:cubicBezTo>
                <a:cubicBezTo>
                  <a:pt x="82" y="196"/>
                  <a:pt x="75" y="194"/>
                  <a:pt x="69" y="198"/>
                </a:cubicBezTo>
                <a:cubicBezTo>
                  <a:pt x="69" y="198"/>
                  <a:pt x="69" y="198"/>
                  <a:pt x="69" y="198"/>
                </a:cubicBezTo>
                <a:cubicBezTo>
                  <a:pt x="67" y="199"/>
                  <a:pt x="66" y="200"/>
                  <a:pt x="65" y="202"/>
                </a:cubicBezTo>
                <a:cubicBezTo>
                  <a:pt x="54" y="217"/>
                  <a:pt x="35" y="227"/>
                  <a:pt x="14" y="227"/>
                </a:cubicBezTo>
                <a:cubicBezTo>
                  <a:pt x="7" y="227"/>
                  <a:pt x="1" y="233"/>
                  <a:pt x="1" y="240"/>
                </a:cubicBezTo>
                <a:cubicBezTo>
                  <a:pt x="1" y="247"/>
                  <a:pt x="7" y="253"/>
                  <a:pt x="14" y="253"/>
                </a:cubicBezTo>
                <a:cubicBezTo>
                  <a:pt x="37" y="253"/>
                  <a:pt x="60" y="244"/>
                  <a:pt x="75" y="228"/>
                </a:cubicBezTo>
                <a:cubicBezTo>
                  <a:pt x="91" y="244"/>
                  <a:pt x="113" y="253"/>
                  <a:pt x="137" y="253"/>
                </a:cubicBezTo>
                <a:cubicBezTo>
                  <a:pt x="161" y="253"/>
                  <a:pt x="183" y="244"/>
                  <a:pt x="199" y="228"/>
                </a:cubicBezTo>
                <a:cubicBezTo>
                  <a:pt x="214" y="244"/>
                  <a:pt x="237" y="253"/>
                  <a:pt x="260" y="253"/>
                </a:cubicBezTo>
                <a:cubicBezTo>
                  <a:pt x="290" y="253"/>
                  <a:pt x="317" y="239"/>
                  <a:pt x="332" y="216"/>
                </a:cubicBezTo>
                <a:cubicBezTo>
                  <a:pt x="334" y="214"/>
                  <a:pt x="335" y="211"/>
                  <a:pt x="335" y="208"/>
                </a:cubicBezTo>
                <a:cubicBezTo>
                  <a:pt x="335" y="208"/>
                  <a:pt x="334" y="143"/>
                  <a:pt x="334" y="143"/>
                </a:cubicBezTo>
                <a:cubicBezTo>
                  <a:pt x="334" y="136"/>
                  <a:pt x="328" y="130"/>
                  <a:pt x="321" y="130"/>
                </a:cubicBezTo>
                <a:cubicBezTo>
                  <a:pt x="300" y="130"/>
                  <a:pt x="281" y="121"/>
                  <a:pt x="270" y="105"/>
                </a:cubicBezTo>
                <a:cubicBezTo>
                  <a:pt x="267" y="99"/>
                  <a:pt x="259" y="97"/>
                  <a:pt x="253" y="101"/>
                </a:cubicBezTo>
                <a:cubicBezTo>
                  <a:pt x="253" y="101"/>
                  <a:pt x="253" y="101"/>
                  <a:pt x="253" y="101"/>
                </a:cubicBezTo>
                <a:cubicBezTo>
                  <a:pt x="251" y="102"/>
                  <a:pt x="250" y="103"/>
                  <a:pt x="249" y="105"/>
                </a:cubicBezTo>
                <a:cubicBezTo>
                  <a:pt x="238" y="121"/>
                  <a:pt x="219" y="130"/>
                  <a:pt x="198" y="130"/>
                </a:cubicBezTo>
                <a:cubicBezTo>
                  <a:pt x="177" y="130"/>
                  <a:pt x="157" y="121"/>
                  <a:pt x="147" y="105"/>
                </a:cubicBezTo>
                <a:cubicBezTo>
                  <a:pt x="143" y="99"/>
                  <a:pt x="136" y="97"/>
                  <a:pt x="130" y="101"/>
                </a:cubicBezTo>
                <a:cubicBezTo>
                  <a:pt x="130" y="101"/>
                  <a:pt x="130" y="101"/>
                  <a:pt x="130" y="101"/>
                </a:cubicBezTo>
                <a:cubicBezTo>
                  <a:pt x="128" y="102"/>
                  <a:pt x="127" y="103"/>
                  <a:pt x="126" y="105"/>
                </a:cubicBezTo>
                <a:cubicBezTo>
                  <a:pt x="115" y="121"/>
                  <a:pt x="96" y="130"/>
                  <a:pt x="75" y="130"/>
                </a:cubicBezTo>
                <a:cubicBezTo>
                  <a:pt x="55" y="130"/>
                  <a:pt x="36" y="122"/>
                  <a:pt x="26" y="107"/>
                </a:cubicBezTo>
                <a:cubicBezTo>
                  <a:pt x="26" y="101"/>
                  <a:pt x="26" y="72"/>
                  <a:pt x="26" y="58"/>
                </a:cubicBezTo>
                <a:cubicBezTo>
                  <a:pt x="45" y="55"/>
                  <a:pt x="62" y="47"/>
                  <a:pt x="75" y="34"/>
                </a:cubicBezTo>
                <a:cubicBezTo>
                  <a:pt x="91" y="50"/>
                  <a:pt x="113" y="59"/>
                  <a:pt x="137" y="59"/>
                </a:cubicBezTo>
                <a:cubicBezTo>
                  <a:pt x="161" y="59"/>
                  <a:pt x="183" y="50"/>
                  <a:pt x="199" y="34"/>
                </a:cubicBezTo>
                <a:cubicBezTo>
                  <a:pt x="214" y="50"/>
                  <a:pt x="237" y="59"/>
                  <a:pt x="260" y="59"/>
                </a:cubicBezTo>
                <a:cubicBezTo>
                  <a:pt x="290" y="59"/>
                  <a:pt x="317" y="45"/>
                  <a:pt x="332" y="22"/>
                </a:cubicBezTo>
                <a:cubicBezTo>
                  <a:pt x="334" y="20"/>
                  <a:pt x="335" y="17"/>
                  <a:pt x="335" y="15"/>
                </a:cubicBezTo>
                <a:cubicBezTo>
                  <a:pt x="335" y="13"/>
                  <a:pt x="334" y="10"/>
                  <a:pt x="333" y="8"/>
                </a:cubicBezTo>
                <a:cubicBezTo>
                  <a:pt x="329" y="2"/>
                  <a:pt x="322" y="0"/>
                  <a:pt x="316" y="4"/>
                </a:cubicBezTo>
                <a:close/>
                <a:moveTo>
                  <a:pt x="330" y="24"/>
                </a:moveTo>
                <a:cubicBezTo>
                  <a:pt x="330" y="24"/>
                  <a:pt x="330" y="24"/>
                  <a:pt x="329" y="25"/>
                </a:cubicBezTo>
                <a:cubicBezTo>
                  <a:pt x="330" y="24"/>
                  <a:pt x="330" y="24"/>
                  <a:pt x="330" y="24"/>
                </a:cubicBezTo>
                <a:close/>
                <a:moveTo>
                  <a:pt x="330" y="218"/>
                </a:moveTo>
                <a:cubicBezTo>
                  <a:pt x="330" y="218"/>
                  <a:pt x="330" y="218"/>
                  <a:pt x="330" y="218"/>
                </a:cubicBezTo>
                <a:cubicBezTo>
                  <a:pt x="330" y="218"/>
                  <a:pt x="330" y="218"/>
                  <a:pt x="330" y="21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9" name="Freeform 588"/>
          <p:cNvSpPr>
            <a:spLocks/>
          </p:cNvSpPr>
          <p:nvPr userDrawn="1"/>
        </p:nvSpPr>
        <p:spPr bwMode="auto">
          <a:xfrm>
            <a:off x="9934574" y="3740604"/>
            <a:ext cx="460375" cy="392113"/>
          </a:xfrm>
          <a:custGeom>
            <a:avLst/>
            <a:gdLst/>
            <a:ahLst/>
            <a:cxnLst>
              <a:cxn ang="0">
                <a:pos x="26" y="70"/>
              </a:cxn>
              <a:cxn ang="0">
                <a:pos x="6" y="162"/>
              </a:cxn>
              <a:cxn ang="0">
                <a:pos x="57" y="242"/>
              </a:cxn>
              <a:cxn ang="0">
                <a:pos x="150" y="262"/>
              </a:cxn>
              <a:cxn ang="0">
                <a:pos x="192" y="245"/>
              </a:cxn>
              <a:cxn ang="0">
                <a:pos x="197" y="227"/>
              </a:cxn>
              <a:cxn ang="0">
                <a:pos x="178" y="223"/>
              </a:cxn>
              <a:cxn ang="0">
                <a:pos x="145" y="235"/>
              </a:cxn>
              <a:cxn ang="0">
                <a:pos x="72" y="220"/>
              </a:cxn>
              <a:cxn ang="0">
                <a:pos x="32" y="157"/>
              </a:cxn>
              <a:cxn ang="0">
                <a:pos x="48" y="85"/>
              </a:cxn>
              <a:cxn ang="0">
                <a:pos x="183" y="60"/>
              </a:cxn>
              <a:cxn ang="0">
                <a:pos x="215" y="183"/>
              </a:cxn>
              <a:cxn ang="0">
                <a:pos x="217" y="198"/>
              </a:cxn>
              <a:cxn ang="0">
                <a:pos x="232" y="201"/>
              </a:cxn>
              <a:cxn ang="0">
                <a:pos x="248" y="202"/>
              </a:cxn>
              <a:cxn ang="0">
                <a:pos x="373" y="289"/>
              </a:cxn>
              <a:cxn ang="0">
                <a:pos x="377" y="312"/>
              </a:cxn>
              <a:cxn ang="0">
                <a:pos x="366" y="319"/>
              </a:cxn>
              <a:cxn ang="0">
                <a:pos x="353" y="317"/>
              </a:cxn>
              <a:cxn ang="0">
                <a:pos x="248" y="244"/>
              </a:cxn>
              <a:cxn ang="0">
                <a:pos x="230" y="247"/>
              </a:cxn>
              <a:cxn ang="0">
                <a:pos x="233" y="266"/>
              </a:cxn>
              <a:cxn ang="0">
                <a:pos x="338" y="339"/>
              </a:cxn>
              <a:cxn ang="0">
                <a:pos x="371" y="346"/>
              </a:cxn>
              <a:cxn ang="0">
                <a:pos x="399" y="327"/>
              </a:cxn>
              <a:cxn ang="0">
                <a:pos x="407" y="303"/>
              </a:cxn>
              <a:cxn ang="0">
                <a:pos x="388" y="267"/>
              </a:cxn>
              <a:cxn ang="0">
                <a:pos x="263" y="180"/>
              </a:cxn>
              <a:cxn ang="0">
                <a:pos x="246" y="174"/>
              </a:cxn>
              <a:cxn ang="0">
                <a:pos x="251" y="140"/>
              </a:cxn>
              <a:cxn ang="0">
                <a:pos x="247" y="109"/>
              </a:cxn>
              <a:cxn ang="0">
                <a:pos x="198" y="38"/>
              </a:cxn>
              <a:cxn ang="0">
                <a:pos x="26" y="70"/>
              </a:cxn>
            </a:cxnLst>
            <a:rect l="0" t="0" r="r" b="b"/>
            <a:pathLst>
              <a:path w="407" h="348">
                <a:moveTo>
                  <a:pt x="26" y="70"/>
                </a:moveTo>
                <a:cubicBezTo>
                  <a:pt x="7" y="97"/>
                  <a:pt x="0" y="130"/>
                  <a:pt x="6" y="162"/>
                </a:cubicBezTo>
                <a:cubicBezTo>
                  <a:pt x="12" y="195"/>
                  <a:pt x="30" y="223"/>
                  <a:pt x="57" y="242"/>
                </a:cubicBezTo>
                <a:cubicBezTo>
                  <a:pt x="84" y="260"/>
                  <a:pt x="117" y="267"/>
                  <a:pt x="150" y="262"/>
                </a:cubicBezTo>
                <a:cubicBezTo>
                  <a:pt x="165" y="259"/>
                  <a:pt x="179" y="253"/>
                  <a:pt x="192" y="245"/>
                </a:cubicBezTo>
                <a:cubicBezTo>
                  <a:pt x="199" y="241"/>
                  <a:pt x="201" y="233"/>
                  <a:pt x="197" y="227"/>
                </a:cubicBezTo>
                <a:cubicBezTo>
                  <a:pt x="193" y="221"/>
                  <a:pt x="185" y="219"/>
                  <a:pt x="178" y="223"/>
                </a:cubicBezTo>
                <a:cubicBezTo>
                  <a:pt x="168" y="229"/>
                  <a:pt x="157" y="233"/>
                  <a:pt x="145" y="235"/>
                </a:cubicBezTo>
                <a:cubicBezTo>
                  <a:pt x="119" y="240"/>
                  <a:pt x="94" y="234"/>
                  <a:pt x="72" y="220"/>
                </a:cubicBezTo>
                <a:cubicBezTo>
                  <a:pt x="51" y="205"/>
                  <a:pt x="37" y="183"/>
                  <a:pt x="32" y="157"/>
                </a:cubicBezTo>
                <a:cubicBezTo>
                  <a:pt x="28" y="132"/>
                  <a:pt x="33" y="106"/>
                  <a:pt x="48" y="85"/>
                </a:cubicBezTo>
                <a:cubicBezTo>
                  <a:pt x="78" y="41"/>
                  <a:pt x="139" y="30"/>
                  <a:pt x="183" y="60"/>
                </a:cubicBezTo>
                <a:cubicBezTo>
                  <a:pt x="222" y="87"/>
                  <a:pt x="236" y="140"/>
                  <a:pt x="215" y="183"/>
                </a:cubicBezTo>
                <a:cubicBezTo>
                  <a:pt x="212" y="188"/>
                  <a:pt x="213" y="194"/>
                  <a:pt x="217" y="198"/>
                </a:cubicBezTo>
                <a:cubicBezTo>
                  <a:pt x="221" y="202"/>
                  <a:pt x="227" y="203"/>
                  <a:pt x="232" y="201"/>
                </a:cubicBezTo>
                <a:cubicBezTo>
                  <a:pt x="237" y="198"/>
                  <a:pt x="243" y="199"/>
                  <a:pt x="248" y="202"/>
                </a:cubicBezTo>
                <a:cubicBezTo>
                  <a:pt x="373" y="289"/>
                  <a:pt x="373" y="289"/>
                  <a:pt x="373" y="289"/>
                </a:cubicBezTo>
                <a:cubicBezTo>
                  <a:pt x="380" y="294"/>
                  <a:pt x="382" y="305"/>
                  <a:pt x="377" y="312"/>
                </a:cubicBezTo>
                <a:cubicBezTo>
                  <a:pt x="374" y="316"/>
                  <a:pt x="371" y="319"/>
                  <a:pt x="366" y="319"/>
                </a:cubicBezTo>
                <a:cubicBezTo>
                  <a:pt x="362" y="320"/>
                  <a:pt x="357" y="319"/>
                  <a:pt x="353" y="317"/>
                </a:cubicBezTo>
                <a:cubicBezTo>
                  <a:pt x="248" y="244"/>
                  <a:pt x="248" y="244"/>
                  <a:pt x="248" y="244"/>
                </a:cubicBezTo>
                <a:cubicBezTo>
                  <a:pt x="242" y="240"/>
                  <a:pt x="234" y="241"/>
                  <a:pt x="230" y="247"/>
                </a:cubicBezTo>
                <a:cubicBezTo>
                  <a:pt x="226" y="253"/>
                  <a:pt x="227" y="262"/>
                  <a:pt x="233" y="266"/>
                </a:cubicBezTo>
                <a:cubicBezTo>
                  <a:pt x="338" y="339"/>
                  <a:pt x="338" y="339"/>
                  <a:pt x="338" y="339"/>
                </a:cubicBezTo>
                <a:cubicBezTo>
                  <a:pt x="348" y="345"/>
                  <a:pt x="359" y="348"/>
                  <a:pt x="371" y="346"/>
                </a:cubicBezTo>
                <a:cubicBezTo>
                  <a:pt x="382" y="344"/>
                  <a:pt x="392" y="337"/>
                  <a:pt x="399" y="327"/>
                </a:cubicBezTo>
                <a:cubicBezTo>
                  <a:pt x="404" y="320"/>
                  <a:pt x="407" y="311"/>
                  <a:pt x="407" y="303"/>
                </a:cubicBezTo>
                <a:cubicBezTo>
                  <a:pt x="407" y="289"/>
                  <a:pt x="400" y="275"/>
                  <a:pt x="388" y="267"/>
                </a:cubicBezTo>
                <a:cubicBezTo>
                  <a:pt x="263" y="180"/>
                  <a:pt x="263" y="180"/>
                  <a:pt x="263" y="180"/>
                </a:cubicBezTo>
                <a:cubicBezTo>
                  <a:pt x="258" y="177"/>
                  <a:pt x="252" y="175"/>
                  <a:pt x="246" y="174"/>
                </a:cubicBezTo>
                <a:cubicBezTo>
                  <a:pt x="250" y="163"/>
                  <a:pt x="251" y="151"/>
                  <a:pt x="251" y="140"/>
                </a:cubicBezTo>
                <a:cubicBezTo>
                  <a:pt x="251" y="130"/>
                  <a:pt x="250" y="119"/>
                  <a:pt x="247" y="109"/>
                </a:cubicBezTo>
                <a:cubicBezTo>
                  <a:pt x="240" y="80"/>
                  <a:pt x="222" y="55"/>
                  <a:pt x="198" y="38"/>
                </a:cubicBezTo>
                <a:cubicBezTo>
                  <a:pt x="142" y="0"/>
                  <a:pt x="65" y="14"/>
                  <a:pt x="26" y="7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0" name="Freeform 608"/>
          <p:cNvSpPr>
            <a:spLocks/>
          </p:cNvSpPr>
          <p:nvPr userDrawn="1"/>
        </p:nvSpPr>
        <p:spPr bwMode="auto">
          <a:xfrm>
            <a:off x="9982199" y="5066709"/>
            <a:ext cx="365125" cy="512763"/>
          </a:xfrm>
          <a:custGeom>
            <a:avLst/>
            <a:gdLst/>
            <a:ahLst/>
            <a:cxnLst>
              <a:cxn ang="0">
                <a:pos x="163" y="454"/>
              </a:cxn>
              <a:cxn ang="0">
                <a:pos x="13" y="261"/>
              </a:cxn>
              <a:cxn ang="0">
                <a:pos x="2" y="77"/>
              </a:cxn>
              <a:cxn ang="0">
                <a:pos x="15" y="58"/>
              </a:cxn>
              <a:cxn ang="0">
                <a:pos x="62" y="29"/>
              </a:cxn>
              <a:cxn ang="0">
                <a:pos x="252" y="24"/>
              </a:cxn>
              <a:cxn ang="0">
                <a:pos x="318" y="83"/>
              </a:cxn>
              <a:cxn ang="0">
                <a:pos x="295" y="80"/>
              </a:cxn>
              <a:cxn ang="0">
                <a:pos x="163" y="27"/>
              </a:cxn>
              <a:cxn ang="0">
                <a:pos x="31" y="80"/>
              </a:cxn>
              <a:cxn ang="0">
                <a:pos x="28" y="84"/>
              </a:cxn>
              <a:cxn ang="0">
                <a:pos x="115" y="405"/>
              </a:cxn>
              <a:cxn ang="0">
                <a:pos x="162" y="427"/>
              </a:cxn>
              <a:cxn ang="0">
                <a:pos x="211" y="405"/>
              </a:cxn>
              <a:cxn ang="0">
                <a:pos x="296" y="165"/>
              </a:cxn>
              <a:cxn ang="0">
                <a:pos x="264" y="216"/>
              </a:cxn>
              <a:cxn ang="0">
                <a:pos x="253" y="319"/>
              </a:cxn>
              <a:cxn ang="0">
                <a:pos x="72" y="320"/>
              </a:cxn>
              <a:cxn ang="0">
                <a:pos x="58" y="225"/>
              </a:cxn>
              <a:cxn ang="0">
                <a:pos x="93" y="177"/>
              </a:cxn>
              <a:cxn ang="0">
                <a:pos x="94" y="134"/>
              </a:cxn>
              <a:cxn ang="0">
                <a:pos x="162" y="78"/>
              </a:cxn>
              <a:cxn ang="0">
                <a:pos x="229" y="127"/>
              </a:cxn>
              <a:cxn ang="0">
                <a:pos x="229" y="197"/>
              </a:cxn>
              <a:cxn ang="0">
                <a:pos x="205" y="212"/>
              </a:cxn>
              <a:cxn ang="0">
                <a:pos x="177" y="183"/>
              </a:cxn>
              <a:cxn ang="0">
                <a:pos x="173" y="139"/>
              </a:cxn>
              <a:cxn ang="0">
                <a:pos x="153" y="140"/>
              </a:cxn>
              <a:cxn ang="0">
                <a:pos x="149" y="191"/>
              </a:cxn>
              <a:cxn ang="0">
                <a:pos x="168" y="223"/>
              </a:cxn>
              <a:cxn ang="0">
                <a:pos x="195" y="241"/>
              </a:cxn>
              <a:cxn ang="0">
                <a:pos x="185" y="285"/>
              </a:cxn>
              <a:cxn ang="0">
                <a:pos x="145" y="288"/>
              </a:cxn>
              <a:cxn ang="0">
                <a:pos x="139" y="244"/>
              </a:cxn>
              <a:cxn ang="0">
                <a:pos x="153" y="261"/>
              </a:cxn>
              <a:cxn ang="0">
                <a:pos x="167" y="264"/>
              </a:cxn>
              <a:cxn ang="0">
                <a:pos x="172" y="257"/>
              </a:cxn>
              <a:cxn ang="0">
                <a:pos x="162" y="249"/>
              </a:cxn>
              <a:cxn ang="0">
                <a:pos x="144" y="239"/>
              </a:cxn>
              <a:cxn ang="0">
                <a:pos x="141" y="217"/>
              </a:cxn>
              <a:cxn ang="0">
                <a:pos x="126" y="209"/>
              </a:cxn>
              <a:cxn ang="0">
                <a:pos x="122" y="153"/>
              </a:cxn>
              <a:cxn ang="0">
                <a:pos x="144" y="113"/>
              </a:cxn>
              <a:cxn ang="0">
                <a:pos x="204" y="153"/>
              </a:cxn>
              <a:cxn ang="0">
                <a:pos x="204" y="186"/>
              </a:cxn>
              <a:cxn ang="0">
                <a:pos x="206" y="183"/>
              </a:cxn>
              <a:cxn ang="0">
                <a:pos x="201" y="128"/>
              </a:cxn>
              <a:cxn ang="0">
                <a:pos x="134" y="115"/>
              </a:cxn>
              <a:cxn ang="0">
                <a:pos x="119" y="147"/>
              </a:cxn>
              <a:cxn ang="0">
                <a:pos x="114" y="197"/>
              </a:cxn>
              <a:cxn ang="0">
                <a:pos x="97" y="205"/>
              </a:cxn>
              <a:cxn ang="0">
                <a:pos x="84" y="287"/>
              </a:cxn>
              <a:cxn ang="0">
                <a:pos x="106" y="309"/>
              </a:cxn>
              <a:cxn ang="0">
                <a:pos x="238" y="287"/>
              </a:cxn>
              <a:cxn ang="0">
                <a:pos x="242" y="189"/>
              </a:cxn>
              <a:cxn ang="0">
                <a:pos x="313" y="117"/>
              </a:cxn>
              <a:cxn ang="0">
                <a:pos x="313" y="261"/>
              </a:cxn>
              <a:cxn ang="0">
                <a:pos x="193" y="448"/>
              </a:cxn>
            </a:cxnLst>
            <a:rect l="0" t="0" r="r" b="b"/>
            <a:pathLst>
              <a:path w="325" h="454">
                <a:moveTo>
                  <a:pt x="163" y="454"/>
                </a:move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54" y="454"/>
                  <a:pt x="144" y="452"/>
                  <a:pt x="133" y="448"/>
                </a:cubicBezTo>
                <a:cubicBezTo>
                  <a:pt x="133" y="448"/>
                  <a:pt x="133" y="448"/>
                  <a:pt x="133" y="448"/>
                </a:cubicBezTo>
                <a:cubicBezTo>
                  <a:pt x="122" y="443"/>
                  <a:pt x="110" y="436"/>
                  <a:pt x="97" y="425"/>
                </a:cubicBezTo>
                <a:cubicBezTo>
                  <a:pt x="97" y="425"/>
                  <a:pt x="97" y="425"/>
                  <a:pt x="97" y="425"/>
                </a:cubicBezTo>
                <a:cubicBezTo>
                  <a:pt x="67" y="399"/>
                  <a:pt x="26" y="348"/>
                  <a:pt x="13" y="261"/>
                </a:cubicBezTo>
                <a:cubicBezTo>
                  <a:pt x="13" y="261"/>
                  <a:pt x="13" y="261"/>
                  <a:pt x="13" y="261"/>
                </a:cubicBezTo>
                <a:cubicBezTo>
                  <a:pt x="8" y="229"/>
                  <a:pt x="0" y="145"/>
                  <a:pt x="0" y="101"/>
                </a:cubicBezTo>
                <a:cubicBezTo>
                  <a:pt x="0" y="101"/>
                  <a:pt x="0" y="101"/>
                  <a:pt x="0" y="101"/>
                </a:cubicBezTo>
                <a:cubicBezTo>
                  <a:pt x="0" y="91"/>
                  <a:pt x="1" y="83"/>
                  <a:pt x="2" y="77"/>
                </a:cubicBezTo>
                <a:cubicBezTo>
                  <a:pt x="2" y="77"/>
                  <a:pt x="2" y="77"/>
                  <a:pt x="2" y="77"/>
                </a:cubicBezTo>
                <a:cubicBezTo>
                  <a:pt x="2" y="74"/>
                  <a:pt x="3" y="72"/>
                  <a:pt x="4" y="70"/>
                </a:cubicBezTo>
                <a:cubicBezTo>
                  <a:pt x="4" y="70"/>
                  <a:pt x="4" y="70"/>
                  <a:pt x="4" y="70"/>
                </a:cubicBezTo>
                <a:cubicBezTo>
                  <a:pt x="4" y="68"/>
                  <a:pt x="5" y="67"/>
                  <a:pt x="7" y="65"/>
                </a:cubicBezTo>
                <a:cubicBezTo>
                  <a:pt x="7" y="65"/>
                  <a:pt x="7" y="65"/>
                  <a:pt x="7" y="65"/>
                </a:cubicBezTo>
                <a:cubicBezTo>
                  <a:pt x="9" y="63"/>
                  <a:pt x="11" y="61"/>
                  <a:pt x="15" y="58"/>
                </a:cubicBezTo>
                <a:cubicBezTo>
                  <a:pt x="15" y="58"/>
                  <a:pt x="15" y="58"/>
                  <a:pt x="15" y="58"/>
                </a:cubicBezTo>
                <a:cubicBezTo>
                  <a:pt x="18" y="56"/>
                  <a:pt x="22" y="53"/>
                  <a:pt x="26" y="50"/>
                </a:cubicBezTo>
                <a:cubicBezTo>
                  <a:pt x="26" y="50"/>
                  <a:pt x="26" y="50"/>
                  <a:pt x="26" y="50"/>
                </a:cubicBezTo>
                <a:cubicBezTo>
                  <a:pt x="36" y="44"/>
                  <a:pt x="48" y="36"/>
                  <a:pt x="62" y="29"/>
                </a:cubicBezTo>
                <a:cubicBezTo>
                  <a:pt x="62" y="29"/>
                  <a:pt x="62" y="29"/>
                  <a:pt x="62" y="29"/>
                </a:cubicBezTo>
                <a:cubicBezTo>
                  <a:pt x="91" y="14"/>
                  <a:pt x="127" y="1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63" y="0"/>
                  <a:pt x="163" y="0"/>
                  <a:pt x="163" y="0"/>
                </a:cubicBezTo>
                <a:cubicBezTo>
                  <a:pt x="195" y="0"/>
                  <a:pt x="226" y="11"/>
                  <a:pt x="252" y="24"/>
                </a:cubicBezTo>
                <a:cubicBezTo>
                  <a:pt x="252" y="24"/>
                  <a:pt x="252" y="24"/>
                  <a:pt x="252" y="24"/>
                </a:cubicBezTo>
                <a:cubicBezTo>
                  <a:pt x="279" y="36"/>
                  <a:pt x="300" y="50"/>
                  <a:pt x="311" y="58"/>
                </a:cubicBezTo>
                <a:cubicBezTo>
                  <a:pt x="311" y="58"/>
                  <a:pt x="311" y="58"/>
                  <a:pt x="311" y="58"/>
                </a:cubicBezTo>
                <a:cubicBezTo>
                  <a:pt x="314" y="61"/>
                  <a:pt x="317" y="63"/>
                  <a:pt x="318" y="65"/>
                </a:cubicBezTo>
                <a:cubicBezTo>
                  <a:pt x="318" y="65"/>
                  <a:pt x="318" y="65"/>
                  <a:pt x="318" y="65"/>
                </a:cubicBezTo>
                <a:cubicBezTo>
                  <a:pt x="324" y="70"/>
                  <a:pt x="324" y="78"/>
                  <a:pt x="318" y="83"/>
                </a:cubicBezTo>
                <a:cubicBezTo>
                  <a:pt x="318" y="83"/>
                  <a:pt x="318" y="83"/>
                  <a:pt x="318" y="83"/>
                </a:cubicBezTo>
                <a:cubicBezTo>
                  <a:pt x="313" y="89"/>
                  <a:pt x="305" y="89"/>
                  <a:pt x="300" y="83"/>
                </a:cubicBezTo>
                <a:cubicBezTo>
                  <a:pt x="300" y="83"/>
                  <a:pt x="300" y="83"/>
                  <a:pt x="300" y="83"/>
                </a:cubicBezTo>
                <a:cubicBezTo>
                  <a:pt x="300" y="83"/>
                  <a:pt x="298" y="82"/>
                  <a:pt x="295" y="80"/>
                </a:cubicBezTo>
                <a:cubicBezTo>
                  <a:pt x="295" y="80"/>
                  <a:pt x="295" y="80"/>
                  <a:pt x="295" y="80"/>
                </a:cubicBezTo>
                <a:cubicBezTo>
                  <a:pt x="292" y="78"/>
                  <a:pt x="289" y="75"/>
                  <a:pt x="285" y="72"/>
                </a:cubicBezTo>
                <a:cubicBezTo>
                  <a:pt x="285" y="72"/>
                  <a:pt x="285" y="72"/>
                  <a:pt x="285" y="72"/>
                </a:cubicBezTo>
                <a:cubicBezTo>
                  <a:pt x="276" y="66"/>
                  <a:pt x="264" y="59"/>
                  <a:pt x="251" y="53"/>
                </a:cubicBezTo>
                <a:cubicBezTo>
                  <a:pt x="251" y="53"/>
                  <a:pt x="251" y="53"/>
                  <a:pt x="251" y="53"/>
                </a:cubicBezTo>
                <a:cubicBezTo>
                  <a:pt x="225" y="39"/>
                  <a:pt x="192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63" y="27"/>
                  <a:pt x="163" y="27"/>
                  <a:pt x="163" y="27"/>
                </a:cubicBezTo>
                <a:cubicBezTo>
                  <a:pt x="137" y="27"/>
                  <a:pt x="109" y="36"/>
                  <a:pt x="85" y="48"/>
                </a:cubicBezTo>
                <a:cubicBezTo>
                  <a:pt x="85" y="48"/>
                  <a:pt x="85" y="48"/>
                  <a:pt x="85" y="48"/>
                </a:cubicBezTo>
                <a:cubicBezTo>
                  <a:pt x="60" y="59"/>
                  <a:pt x="40" y="73"/>
                  <a:pt x="31" y="80"/>
                </a:cubicBezTo>
                <a:cubicBezTo>
                  <a:pt x="31" y="80"/>
                  <a:pt x="31" y="80"/>
                  <a:pt x="31" y="80"/>
                </a:cubicBezTo>
                <a:cubicBezTo>
                  <a:pt x="30" y="80"/>
                  <a:pt x="29" y="81"/>
                  <a:pt x="28" y="82"/>
                </a:cubicBezTo>
                <a:cubicBezTo>
                  <a:pt x="28" y="82"/>
                  <a:pt x="28" y="82"/>
                  <a:pt x="28" y="82"/>
                </a:cubicBezTo>
                <a:cubicBezTo>
                  <a:pt x="28" y="82"/>
                  <a:pt x="28" y="83"/>
                  <a:pt x="28" y="84"/>
                </a:cubicBezTo>
                <a:cubicBezTo>
                  <a:pt x="28" y="84"/>
                  <a:pt x="28" y="84"/>
                  <a:pt x="28" y="84"/>
                </a:cubicBezTo>
                <a:cubicBezTo>
                  <a:pt x="27" y="88"/>
                  <a:pt x="27" y="94"/>
                  <a:pt x="27" y="101"/>
                </a:cubicBezTo>
                <a:cubicBezTo>
                  <a:pt x="27" y="101"/>
                  <a:pt x="27" y="101"/>
                  <a:pt x="27" y="101"/>
                </a:cubicBezTo>
                <a:cubicBezTo>
                  <a:pt x="27" y="143"/>
                  <a:pt x="34" y="227"/>
                  <a:pt x="39" y="257"/>
                </a:cubicBezTo>
                <a:cubicBezTo>
                  <a:pt x="39" y="257"/>
                  <a:pt x="39" y="257"/>
                  <a:pt x="39" y="257"/>
                </a:cubicBezTo>
                <a:cubicBezTo>
                  <a:pt x="51" y="337"/>
                  <a:pt x="88" y="382"/>
                  <a:pt x="115" y="405"/>
                </a:cubicBezTo>
                <a:cubicBezTo>
                  <a:pt x="115" y="405"/>
                  <a:pt x="115" y="405"/>
                  <a:pt x="115" y="405"/>
                </a:cubicBezTo>
                <a:cubicBezTo>
                  <a:pt x="126" y="415"/>
                  <a:pt x="135" y="420"/>
                  <a:pt x="143" y="423"/>
                </a:cubicBezTo>
                <a:cubicBezTo>
                  <a:pt x="143" y="423"/>
                  <a:pt x="143" y="423"/>
                  <a:pt x="143" y="423"/>
                </a:cubicBezTo>
                <a:cubicBezTo>
                  <a:pt x="150" y="426"/>
                  <a:pt x="156" y="427"/>
                  <a:pt x="162" y="427"/>
                </a:cubicBezTo>
                <a:cubicBezTo>
                  <a:pt x="162" y="427"/>
                  <a:pt x="162" y="427"/>
                  <a:pt x="162" y="427"/>
                </a:cubicBezTo>
                <a:cubicBezTo>
                  <a:pt x="162" y="427"/>
                  <a:pt x="163" y="427"/>
                  <a:pt x="164" y="427"/>
                </a:cubicBezTo>
                <a:cubicBezTo>
                  <a:pt x="164" y="427"/>
                  <a:pt x="164" y="427"/>
                  <a:pt x="164" y="427"/>
                </a:cubicBezTo>
                <a:cubicBezTo>
                  <a:pt x="170" y="427"/>
                  <a:pt x="176" y="426"/>
                  <a:pt x="183" y="423"/>
                </a:cubicBezTo>
                <a:cubicBezTo>
                  <a:pt x="183" y="423"/>
                  <a:pt x="183" y="423"/>
                  <a:pt x="183" y="423"/>
                </a:cubicBezTo>
                <a:cubicBezTo>
                  <a:pt x="191" y="420"/>
                  <a:pt x="200" y="415"/>
                  <a:pt x="211" y="405"/>
                </a:cubicBezTo>
                <a:cubicBezTo>
                  <a:pt x="211" y="405"/>
                  <a:pt x="211" y="405"/>
                  <a:pt x="211" y="405"/>
                </a:cubicBezTo>
                <a:cubicBezTo>
                  <a:pt x="238" y="382"/>
                  <a:pt x="275" y="337"/>
                  <a:pt x="287" y="257"/>
                </a:cubicBezTo>
                <a:cubicBezTo>
                  <a:pt x="287" y="257"/>
                  <a:pt x="287" y="257"/>
                  <a:pt x="287" y="257"/>
                </a:cubicBezTo>
                <a:cubicBezTo>
                  <a:pt x="289" y="239"/>
                  <a:pt x="293" y="201"/>
                  <a:pt x="296" y="165"/>
                </a:cubicBezTo>
                <a:cubicBezTo>
                  <a:pt x="296" y="165"/>
                  <a:pt x="296" y="165"/>
                  <a:pt x="296" y="165"/>
                </a:cubicBezTo>
                <a:cubicBezTo>
                  <a:pt x="288" y="173"/>
                  <a:pt x="280" y="180"/>
                  <a:pt x="276" y="184"/>
                </a:cubicBezTo>
                <a:cubicBezTo>
                  <a:pt x="276" y="184"/>
                  <a:pt x="276" y="184"/>
                  <a:pt x="276" y="184"/>
                </a:cubicBezTo>
                <a:cubicBezTo>
                  <a:pt x="271" y="189"/>
                  <a:pt x="269" y="193"/>
                  <a:pt x="267" y="198"/>
                </a:cubicBezTo>
                <a:cubicBezTo>
                  <a:pt x="267" y="198"/>
                  <a:pt x="267" y="198"/>
                  <a:pt x="267" y="198"/>
                </a:cubicBezTo>
                <a:cubicBezTo>
                  <a:pt x="265" y="203"/>
                  <a:pt x="264" y="208"/>
                  <a:pt x="264" y="216"/>
                </a:cubicBezTo>
                <a:cubicBezTo>
                  <a:pt x="264" y="216"/>
                  <a:pt x="264" y="216"/>
                  <a:pt x="264" y="216"/>
                </a:cubicBezTo>
                <a:cubicBezTo>
                  <a:pt x="264" y="233"/>
                  <a:pt x="264" y="270"/>
                  <a:pt x="264" y="287"/>
                </a:cubicBezTo>
                <a:cubicBezTo>
                  <a:pt x="264" y="287"/>
                  <a:pt x="264" y="287"/>
                  <a:pt x="264" y="287"/>
                </a:cubicBezTo>
                <a:cubicBezTo>
                  <a:pt x="264" y="299"/>
                  <a:pt x="260" y="310"/>
                  <a:pt x="253" y="319"/>
                </a:cubicBezTo>
                <a:cubicBezTo>
                  <a:pt x="253" y="319"/>
                  <a:pt x="253" y="319"/>
                  <a:pt x="253" y="319"/>
                </a:cubicBezTo>
                <a:cubicBezTo>
                  <a:pt x="245" y="329"/>
                  <a:pt x="233" y="335"/>
                  <a:pt x="219" y="335"/>
                </a:cubicBezTo>
                <a:cubicBezTo>
                  <a:pt x="219" y="335"/>
                  <a:pt x="219" y="335"/>
                  <a:pt x="219" y="335"/>
                </a:cubicBezTo>
                <a:cubicBezTo>
                  <a:pt x="205" y="335"/>
                  <a:pt x="121" y="335"/>
                  <a:pt x="106" y="335"/>
                </a:cubicBezTo>
                <a:cubicBezTo>
                  <a:pt x="106" y="335"/>
                  <a:pt x="106" y="335"/>
                  <a:pt x="106" y="335"/>
                </a:cubicBezTo>
                <a:cubicBezTo>
                  <a:pt x="92" y="335"/>
                  <a:pt x="81" y="329"/>
                  <a:pt x="72" y="320"/>
                </a:cubicBezTo>
                <a:cubicBezTo>
                  <a:pt x="72" y="320"/>
                  <a:pt x="72" y="320"/>
                  <a:pt x="72" y="320"/>
                </a:cubicBezTo>
                <a:cubicBezTo>
                  <a:pt x="64" y="311"/>
                  <a:pt x="58" y="300"/>
                  <a:pt x="58" y="287"/>
                </a:cubicBezTo>
                <a:cubicBezTo>
                  <a:pt x="58" y="287"/>
                  <a:pt x="58" y="287"/>
                  <a:pt x="58" y="287"/>
                </a:cubicBezTo>
                <a:cubicBezTo>
                  <a:pt x="58" y="274"/>
                  <a:pt x="58" y="241"/>
                  <a:pt x="58" y="225"/>
                </a:cubicBezTo>
                <a:cubicBezTo>
                  <a:pt x="58" y="225"/>
                  <a:pt x="58" y="225"/>
                  <a:pt x="58" y="225"/>
                </a:cubicBezTo>
                <a:cubicBezTo>
                  <a:pt x="58" y="213"/>
                  <a:pt x="61" y="202"/>
                  <a:pt x="68" y="193"/>
                </a:cubicBezTo>
                <a:cubicBezTo>
                  <a:pt x="68" y="193"/>
                  <a:pt x="68" y="193"/>
                  <a:pt x="68" y="193"/>
                </a:cubicBezTo>
                <a:cubicBezTo>
                  <a:pt x="74" y="186"/>
                  <a:pt x="82" y="180"/>
                  <a:pt x="93" y="179"/>
                </a:cubicBezTo>
                <a:cubicBezTo>
                  <a:pt x="93" y="179"/>
                  <a:pt x="93" y="179"/>
                  <a:pt x="93" y="179"/>
                </a:cubicBezTo>
                <a:cubicBezTo>
                  <a:pt x="93" y="178"/>
                  <a:pt x="93" y="178"/>
                  <a:pt x="93" y="177"/>
                </a:cubicBezTo>
                <a:cubicBezTo>
                  <a:pt x="93" y="177"/>
                  <a:pt x="93" y="177"/>
                  <a:pt x="93" y="177"/>
                </a:cubicBezTo>
                <a:cubicBezTo>
                  <a:pt x="93" y="170"/>
                  <a:pt x="93" y="161"/>
                  <a:pt x="93" y="147"/>
                </a:cubicBezTo>
                <a:cubicBezTo>
                  <a:pt x="93" y="147"/>
                  <a:pt x="93" y="147"/>
                  <a:pt x="93" y="147"/>
                </a:cubicBezTo>
                <a:cubicBezTo>
                  <a:pt x="93" y="143"/>
                  <a:pt x="93" y="139"/>
                  <a:pt x="94" y="134"/>
                </a:cubicBezTo>
                <a:cubicBezTo>
                  <a:pt x="94" y="134"/>
                  <a:pt x="94" y="134"/>
                  <a:pt x="94" y="134"/>
                </a:cubicBezTo>
                <a:cubicBezTo>
                  <a:pt x="96" y="129"/>
                  <a:pt x="98" y="123"/>
                  <a:pt x="100" y="118"/>
                </a:cubicBezTo>
                <a:cubicBezTo>
                  <a:pt x="100" y="118"/>
                  <a:pt x="100" y="118"/>
                  <a:pt x="100" y="118"/>
                </a:cubicBezTo>
                <a:cubicBezTo>
                  <a:pt x="106" y="106"/>
                  <a:pt x="114" y="94"/>
                  <a:pt x="129" y="87"/>
                </a:cubicBezTo>
                <a:cubicBezTo>
                  <a:pt x="129" y="87"/>
                  <a:pt x="129" y="87"/>
                  <a:pt x="129" y="87"/>
                </a:cubicBezTo>
                <a:cubicBezTo>
                  <a:pt x="138" y="81"/>
                  <a:pt x="149" y="78"/>
                  <a:pt x="162" y="78"/>
                </a:cubicBezTo>
                <a:cubicBezTo>
                  <a:pt x="162" y="78"/>
                  <a:pt x="162" y="78"/>
                  <a:pt x="162" y="78"/>
                </a:cubicBezTo>
                <a:cubicBezTo>
                  <a:pt x="182" y="78"/>
                  <a:pt x="198" y="85"/>
                  <a:pt x="209" y="94"/>
                </a:cubicBezTo>
                <a:cubicBezTo>
                  <a:pt x="209" y="94"/>
                  <a:pt x="209" y="94"/>
                  <a:pt x="209" y="94"/>
                </a:cubicBezTo>
                <a:cubicBezTo>
                  <a:pt x="220" y="104"/>
                  <a:pt x="226" y="116"/>
                  <a:pt x="229" y="127"/>
                </a:cubicBezTo>
                <a:cubicBezTo>
                  <a:pt x="229" y="127"/>
                  <a:pt x="229" y="127"/>
                  <a:pt x="229" y="127"/>
                </a:cubicBezTo>
                <a:cubicBezTo>
                  <a:pt x="232" y="134"/>
                  <a:pt x="233" y="141"/>
                  <a:pt x="233" y="147"/>
                </a:cubicBezTo>
                <a:cubicBezTo>
                  <a:pt x="233" y="147"/>
                  <a:pt x="233" y="147"/>
                  <a:pt x="233" y="147"/>
                </a:cubicBezTo>
                <a:cubicBezTo>
                  <a:pt x="233" y="160"/>
                  <a:pt x="233" y="175"/>
                  <a:pt x="233" y="183"/>
                </a:cubicBezTo>
                <a:cubicBezTo>
                  <a:pt x="233" y="183"/>
                  <a:pt x="233" y="183"/>
                  <a:pt x="233" y="183"/>
                </a:cubicBezTo>
                <a:cubicBezTo>
                  <a:pt x="233" y="187"/>
                  <a:pt x="232" y="192"/>
                  <a:pt x="229" y="197"/>
                </a:cubicBezTo>
                <a:cubicBezTo>
                  <a:pt x="229" y="197"/>
                  <a:pt x="229" y="197"/>
                  <a:pt x="229" y="197"/>
                </a:cubicBezTo>
                <a:cubicBezTo>
                  <a:pt x="227" y="202"/>
                  <a:pt x="223" y="207"/>
                  <a:pt x="217" y="210"/>
                </a:cubicBezTo>
                <a:cubicBezTo>
                  <a:pt x="217" y="210"/>
                  <a:pt x="217" y="210"/>
                  <a:pt x="217" y="210"/>
                </a:cubicBezTo>
                <a:cubicBezTo>
                  <a:pt x="213" y="212"/>
                  <a:pt x="209" y="212"/>
                  <a:pt x="205" y="212"/>
                </a:cubicBezTo>
                <a:cubicBezTo>
                  <a:pt x="205" y="212"/>
                  <a:pt x="205" y="212"/>
                  <a:pt x="205" y="212"/>
                </a:cubicBezTo>
                <a:cubicBezTo>
                  <a:pt x="200" y="212"/>
                  <a:pt x="196" y="212"/>
                  <a:pt x="192" y="210"/>
                </a:cubicBezTo>
                <a:cubicBezTo>
                  <a:pt x="192" y="210"/>
                  <a:pt x="192" y="210"/>
                  <a:pt x="192" y="210"/>
                </a:cubicBezTo>
                <a:cubicBezTo>
                  <a:pt x="188" y="208"/>
                  <a:pt x="185" y="205"/>
                  <a:pt x="183" y="202"/>
                </a:cubicBezTo>
                <a:cubicBezTo>
                  <a:pt x="183" y="202"/>
                  <a:pt x="183" y="202"/>
                  <a:pt x="183" y="202"/>
                </a:cubicBezTo>
                <a:cubicBezTo>
                  <a:pt x="178" y="196"/>
                  <a:pt x="177" y="189"/>
                  <a:pt x="177" y="183"/>
                </a:cubicBezTo>
                <a:cubicBezTo>
                  <a:pt x="177" y="183"/>
                  <a:pt x="177" y="183"/>
                  <a:pt x="177" y="183"/>
                </a:cubicBezTo>
                <a:cubicBezTo>
                  <a:pt x="177" y="177"/>
                  <a:pt x="177" y="171"/>
                  <a:pt x="177" y="153"/>
                </a:cubicBezTo>
                <a:cubicBezTo>
                  <a:pt x="177" y="153"/>
                  <a:pt x="177" y="153"/>
                  <a:pt x="177" y="153"/>
                </a:cubicBezTo>
                <a:cubicBezTo>
                  <a:pt x="177" y="147"/>
                  <a:pt x="175" y="142"/>
                  <a:pt x="173" y="139"/>
                </a:cubicBezTo>
                <a:cubicBezTo>
                  <a:pt x="173" y="139"/>
                  <a:pt x="173" y="139"/>
                  <a:pt x="173" y="139"/>
                </a:cubicBezTo>
                <a:cubicBezTo>
                  <a:pt x="170" y="136"/>
                  <a:pt x="168" y="135"/>
                  <a:pt x="162" y="135"/>
                </a:cubicBezTo>
                <a:cubicBezTo>
                  <a:pt x="162" y="135"/>
                  <a:pt x="162" y="135"/>
                  <a:pt x="162" y="135"/>
                </a:cubicBezTo>
                <a:cubicBezTo>
                  <a:pt x="160" y="135"/>
                  <a:pt x="158" y="135"/>
                  <a:pt x="157" y="136"/>
                </a:cubicBezTo>
                <a:cubicBezTo>
                  <a:pt x="157" y="136"/>
                  <a:pt x="157" y="136"/>
                  <a:pt x="157" y="136"/>
                </a:cubicBezTo>
                <a:cubicBezTo>
                  <a:pt x="155" y="137"/>
                  <a:pt x="154" y="138"/>
                  <a:pt x="153" y="140"/>
                </a:cubicBezTo>
                <a:cubicBezTo>
                  <a:pt x="153" y="140"/>
                  <a:pt x="153" y="140"/>
                  <a:pt x="153" y="140"/>
                </a:cubicBezTo>
                <a:cubicBezTo>
                  <a:pt x="150" y="143"/>
                  <a:pt x="148" y="148"/>
                  <a:pt x="149" y="153"/>
                </a:cubicBezTo>
                <a:cubicBezTo>
                  <a:pt x="149" y="153"/>
                  <a:pt x="149" y="153"/>
                  <a:pt x="149" y="153"/>
                </a:cubicBezTo>
                <a:cubicBezTo>
                  <a:pt x="149" y="167"/>
                  <a:pt x="149" y="182"/>
                  <a:pt x="149" y="191"/>
                </a:cubicBezTo>
                <a:cubicBezTo>
                  <a:pt x="149" y="191"/>
                  <a:pt x="149" y="191"/>
                  <a:pt x="149" y="191"/>
                </a:cubicBezTo>
                <a:cubicBezTo>
                  <a:pt x="153" y="191"/>
                  <a:pt x="157" y="193"/>
                  <a:pt x="161" y="197"/>
                </a:cubicBezTo>
                <a:cubicBezTo>
                  <a:pt x="161" y="197"/>
                  <a:pt x="161" y="197"/>
                  <a:pt x="161" y="197"/>
                </a:cubicBezTo>
                <a:cubicBezTo>
                  <a:pt x="165" y="201"/>
                  <a:pt x="168" y="207"/>
                  <a:pt x="168" y="213"/>
                </a:cubicBezTo>
                <a:cubicBezTo>
                  <a:pt x="168" y="213"/>
                  <a:pt x="168" y="213"/>
                  <a:pt x="168" y="213"/>
                </a:cubicBezTo>
                <a:cubicBezTo>
                  <a:pt x="168" y="220"/>
                  <a:pt x="168" y="218"/>
                  <a:pt x="168" y="223"/>
                </a:cubicBezTo>
                <a:cubicBezTo>
                  <a:pt x="168" y="223"/>
                  <a:pt x="168" y="223"/>
                  <a:pt x="168" y="223"/>
                </a:cubicBezTo>
                <a:cubicBezTo>
                  <a:pt x="171" y="223"/>
                  <a:pt x="175" y="224"/>
                  <a:pt x="179" y="226"/>
                </a:cubicBezTo>
                <a:cubicBezTo>
                  <a:pt x="179" y="226"/>
                  <a:pt x="179" y="226"/>
                  <a:pt x="179" y="226"/>
                </a:cubicBezTo>
                <a:cubicBezTo>
                  <a:pt x="185" y="229"/>
                  <a:pt x="191" y="234"/>
                  <a:pt x="195" y="241"/>
                </a:cubicBezTo>
                <a:cubicBezTo>
                  <a:pt x="195" y="241"/>
                  <a:pt x="195" y="241"/>
                  <a:pt x="195" y="241"/>
                </a:cubicBezTo>
                <a:cubicBezTo>
                  <a:pt x="197" y="246"/>
                  <a:pt x="198" y="251"/>
                  <a:pt x="198" y="257"/>
                </a:cubicBezTo>
                <a:cubicBezTo>
                  <a:pt x="198" y="257"/>
                  <a:pt x="198" y="257"/>
                  <a:pt x="198" y="257"/>
                </a:cubicBezTo>
                <a:cubicBezTo>
                  <a:pt x="198" y="263"/>
                  <a:pt x="197" y="269"/>
                  <a:pt x="194" y="273"/>
                </a:cubicBezTo>
                <a:cubicBezTo>
                  <a:pt x="194" y="273"/>
                  <a:pt x="194" y="273"/>
                  <a:pt x="194" y="273"/>
                </a:cubicBezTo>
                <a:cubicBezTo>
                  <a:pt x="192" y="278"/>
                  <a:pt x="189" y="282"/>
                  <a:pt x="185" y="285"/>
                </a:cubicBezTo>
                <a:cubicBezTo>
                  <a:pt x="185" y="285"/>
                  <a:pt x="185" y="285"/>
                  <a:pt x="185" y="285"/>
                </a:cubicBezTo>
                <a:cubicBezTo>
                  <a:pt x="177" y="290"/>
                  <a:pt x="169" y="292"/>
                  <a:pt x="162" y="292"/>
                </a:cubicBezTo>
                <a:cubicBezTo>
                  <a:pt x="162" y="292"/>
                  <a:pt x="162" y="292"/>
                  <a:pt x="162" y="292"/>
                </a:cubicBezTo>
                <a:cubicBezTo>
                  <a:pt x="157" y="292"/>
                  <a:pt x="151" y="291"/>
                  <a:pt x="145" y="288"/>
                </a:cubicBezTo>
                <a:cubicBezTo>
                  <a:pt x="145" y="288"/>
                  <a:pt x="145" y="288"/>
                  <a:pt x="145" y="288"/>
                </a:cubicBezTo>
                <a:cubicBezTo>
                  <a:pt x="140" y="286"/>
                  <a:pt x="134" y="281"/>
                  <a:pt x="130" y="274"/>
                </a:cubicBezTo>
                <a:cubicBezTo>
                  <a:pt x="130" y="274"/>
                  <a:pt x="130" y="274"/>
                  <a:pt x="130" y="274"/>
                </a:cubicBezTo>
                <a:cubicBezTo>
                  <a:pt x="127" y="269"/>
                  <a:pt x="126" y="263"/>
                  <a:pt x="126" y="257"/>
                </a:cubicBezTo>
                <a:cubicBezTo>
                  <a:pt x="126" y="257"/>
                  <a:pt x="126" y="257"/>
                  <a:pt x="126" y="257"/>
                </a:cubicBezTo>
                <a:cubicBezTo>
                  <a:pt x="126" y="250"/>
                  <a:pt x="132" y="244"/>
                  <a:pt x="139" y="244"/>
                </a:cubicBezTo>
                <a:cubicBezTo>
                  <a:pt x="139" y="244"/>
                  <a:pt x="139" y="244"/>
                  <a:pt x="139" y="244"/>
                </a:cubicBezTo>
                <a:cubicBezTo>
                  <a:pt x="146" y="244"/>
                  <a:pt x="152" y="250"/>
                  <a:pt x="152" y="257"/>
                </a:cubicBezTo>
                <a:cubicBezTo>
                  <a:pt x="152" y="257"/>
                  <a:pt x="152" y="257"/>
                  <a:pt x="152" y="257"/>
                </a:cubicBezTo>
                <a:cubicBezTo>
                  <a:pt x="152" y="259"/>
                  <a:pt x="153" y="260"/>
                  <a:pt x="153" y="261"/>
                </a:cubicBezTo>
                <a:cubicBezTo>
                  <a:pt x="153" y="261"/>
                  <a:pt x="153" y="261"/>
                  <a:pt x="153" y="261"/>
                </a:cubicBezTo>
                <a:cubicBezTo>
                  <a:pt x="154" y="262"/>
                  <a:pt x="154" y="263"/>
                  <a:pt x="155" y="263"/>
                </a:cubicBezTo>
                <a:cubicBezTo>
                  <a:pt x="155" y="263"/>
                  <a:pt x="155" y="263"/>
                  <a:pt x="155" y="263"/>
                </a:cubicBezTo>
                <a:cubicBezTo>
                  <a:pt x="157" y="265"/>
                  <a:pt x="161" y="266"/>
                  <a:pt x="162" y="266"/>
                </a:cubicBezTo>
                <a:cubicBezTo>
                  <a:pt x="162" y="266"/>
                  <a:pt x="162" y="266"/>
                  <a:pt x="162" y="266"/>
                </a:cubicBezTo>
                <a:cubicBezTo>
                  <a:pt x="163" y="266"/>
                  <a:pt x="166" y="265"/>
                  <a:pt x="167" y="264"/>
                </a:cubicBezTo>
                <a:cubicBezTo>
                  <a:pt x="167" y="264"/>
                  <a:pt x="167" y="264"/>
                  <a:pt x="167" y="264"/>
                </a:cubicBezTo>
                <a:cubicBezTo>
                  <a:pt x="169" y="263"/>
                  <a:pt x="170" y="262"/>
                  <a:pt x="171" y="261"/>
                </a:cubicBezTo>
                <a:cubicBezTo>
                  <a:pt x="171" y="261"/>
                  <a:pt x="171" y="261"/>
                  <a:pt x="171" y="261"/>
                </a:cubicBezTo>
                <a:cubicBezTo>
                  <a:pt x="171" y="260"/>
                  <a:pt x="172" y="259"/>
                  <a:pt x="172" y="257"/>
                </a:cubicBezTo>
                <a:cubicBezTo>
                  <a:pt x="172" y="257"/>
                  <a:pt x="172" y="257"/>
                  <a:pt x="172" y="257"/>
                </a:cubicBezTo>
                <a:cubicBezTo>
                  <a:pt x="172" y="255"/>
                  <a:pt x="171" y="254"/>
                  <a:pt x="171" y="253"/>
                </a:cubicBezTo>
                <a:cubicBezTo>
                  <a:pt x="171" y="253"/>
                  <a:pt x="171" y="253"/>
                  <a:pt x="171" y="253"/>
                </a:cubicBezTo>
                <a:cubicBezTo>
                  <a:pt x="170" y="252"/>
                  <a:pt x="170" y="252"/>
                  <a:pt x="169" y="251"/>
                </a:cubicBezTo>
                <a:cubicBezTo>
                  <a:pt x="169" y="251"/>
                  <a:pt x="169" y="251"/>
                  <a:pt x="169" y="251"/>
                </a:cubicBezTo>
                <a:cubicBezTo>
                  <a:pt x="168" y="250"/>
                  <a:pt x="164" y="249"/>
                  <a:pt x="162" y="249"/>
                </a:cubicBezTo>
                <a:cubicBezTo>
                  <a:pt x="162" y="249"/>
                  <a:pt x="162" y="249"/>
                  <a:pt x="162" y="249"/>
                </a:cubicBezTo>
                <a:cubicBezTo>
                  <a:pt x="159" y="249"/>
                  <a:pt x="156" y="249"/>
                  <a:pt x="152" y="247"/>
                </a:cubicBezTo>
                <a:cubicBezTo>
                  <a:pt x="152" y="247"/>
                  <a:pt x="152" y="247"/>
                  <a:pt x="152" y="247"/>
                </a:cubicBezTo>
                <a:cubicBezTo>
                  <a:pt x="149" y="245"/>
                  <a:pt x="145" y="242"/>
                  <a:pt x="144" y="239"/>
                </a:cubicBezTo>
                <a:cubicBezTo>
                  <a:pt x="144" y="239"/>
                  <a:pt x="144" y="239"/>
                  <a:pt x="144" y="239"/>
                </a:cubicBezTo>
                <a:cubicBezTo>
                  <a:pt x="143" y="236"/>
                  <a:pt x="142" y="234"/>
                  <a:pt x="142" y="232"/>
                </a:cubicBezTo>
                <a:cubicBezTo>
                  <a:pt x="142" y="232"/>
                  <a:pt x="142" y="232"/>
                  <a:pt x="142" y="232"/>
                </a:cubicBezTo>
                <a:cubicBezTo>
                  <a:pt x="141" y="230"/>
                  <a:pt x="141" y="227"/>
                  <a:pt x="141" y="225"/>
                </a:cubicBezTo>
                <a:cubicBezTo>
                  <a:pt x="141" y="225"/>
                  <a:pt x="141" y="225"/>
                  <a:pt x="141" y="225"/>
                </a:cubicBezTo>
                <a:cubicBezTo>
                  <a:pt x="141" y="219"/>
                  <a:pt x="141" y="220"/>
                  <a:pt x="141" y="217"/>
                </a:cubicBezTo>
                <a:cubicBezTo>
                  <a:pt x="141" y="217"/>
                  <a:pt x="141" y="217"/>
                  <a:pt x="141" y="217"/>
                </a:cubicBezTo>
                <a:cubicBezTo>
                  <a:pt x="139" y="217"/>
                  <a:pt x="138" y="216"/>
                  <a:pt x="136" y="216"/>
                </a:cubicBezTo>
                <a:cubicBezTo>
                  <a:pt x="136" y="216"/>
                  <a:pt x="136" y="216"/>
                  <a:pt x="136" y="216"/>
                </a:cubicBezTo>
                <a:cubicBezTo>
                  <a:pt x="132" y="215"/>
                  <a:pt x="129" y="212"/>
                  <a:pt x="126" y="209"/>
                </a:cubicBezTo>
                <a:cubicBezTo>
                  <a:pt x="126" y="209"/>
                  <a:pt x="126" y="209"/>
                  <a:pt x="126" y="209"/>
                </a:cubicBezTo>
                <a:cubicBezTo>
                  <a:pt x="124" y="207"/>
                  <a:pt x="123" y="204"/>
                  <a:pt x="123" y="202"/>
                </a:cubicBezTo>
                <a:cubicBezTo>
                  <a:pt x="123" y="202"/>
                  <a:pt x="123" y="202"/>
                  <a:pt x="123" y="202"/>
                </a:cubicBezTo>
                <a:cubicBezTo>
                  <a:pt x="122" y="199"/>
                  <a:pt x="122" y="196"/>
                  <a:pt x="122" y="194"/>
                </a:cubicBezTo>
                <a:cubicBezTo>
                  <a:pt x="122" y="194"/>
                  <a:pt x="122" y="194"/>
                  <a:pt x="122" y="194"/>
                </a:cubicBezTo>
                <a:cubicBezTo>
                  <a:pt x="122" y="186"/>
                  <a:pt x="122" y="168"/>
                  <a:pt x="122" y="153"/>
                </a:cubicBezTo>
                <a:cubicBezTo>
                  <a:pt x="122" y="153"/>
                  <a:pt x="122" y="153"/>
                  <a:pt x="122" y="153"/>
                </a:cubicBezTo>
                <a:cubicBezTo>
                  <a:pt x="122" y="146"/>
                  <a:pt x="124" y="138"/>
                  <a:pt x="127" y="131"/>
                </a:cubicBezTo>
                <a:cubicBezTo>
                  <a:pt x="127" y="131"/>
                  <a:pt x="127" y="131"/>
                  <a:pt x="127" y="131"/>
                </a:cubicBezTo>
                <a:cubicBezTo>
                  <a:pt x="131" y="123"/>
                  <a:pt x="136" y="117"/>
                  <a:pt x="144" y="113"/>
                </a:cubicBezTo>
                <a:cubicBezTo>
                  <a:pt x="144" y="113"/>
                  <a:pt x="144" y="113"/>
                  <a:pt x="144" y="113"/>
                </a:cubicBezTo>
                <a:cubicBezTo>
                  <a:pt x="150" y="110"/>
                  <a:pt x="156" y="108"/>
                  <a:pt x="162" y="108"/>
                </a:cubicBezTo>
                <a:cubicBezTo>
                  <a:pt x="162" y="108"/>
                  <a:pt x="162" y="108"/>
                  <a:pt x="162" y="108"/>
                </a:cubicBezTo>
                <a:cubicBezTo>
                  <a:pt x="175" y="108"/>
                  <a:pt x="186" y="114"/>
                  <a:pt x="193" y="122"/>
                </a:cubicBezTo>
                <a:cubicBezTo>
                  <a:pt x="193" y="122"/>
                  <a:pt x="193" y="122"/>
                  <a:pt x="193" y="122"/>
                </a:cubicBezTo>
                <a:cubicBezTo>
                  <a:pt x="200" y="131"/>
                  <a:pt x="204" y="142"/>
                  <a:pt x="204" y="153"/>
                </a:cubicBezTo>
                <a:cubicBezTo>
                  <a:pt x="204" y="153"/>
                  <a:pt x="204" y="153"/>
                  <a:pt x="204" y="153"/>
                </a:cubicBezTo>
                <a:cubicBezTo>
                  <a:pt x="204" y="171"/>
                  <a:pt x="204" y="177"/>
                  <a:pt x="204" y="183"/>
                </a:cubicBezTo>
                <a:cubicBezTo>
                  <a:pt x="204" y="183"/>
                  <a:pt x="204" y="183"/>
                  <a:pt x="204" y="183"/>
                </a:cubicBezTo>
                <a:cubicBezTo>
                  <a:pt x="204" y="184"/>
                  <a:pt x="204" y="185"/>
                  <a:pt x="204" y="186"/>
                </a:cubicBezTo>
                <a:cubicBezTo>
                  <a:pt x="204" y="186"/>
                  <a:pt x="204" y="186"/>
                  <a:pt x="204" y="186"/>
                </a:cubicBezTo>
                <a:cubicBezTo>
                  <a:pt x="204" y="186"/>
                  <a:pt x="204" y="186"/>
                  <a:pt x="205" y="186"/>
                </a:cubicBezTo>
                <a:cubicBezTo>
                  <a:pt x="205" y="186"/>
                  <a:pt x="205" y="186"/>
                  <a:pt x="205" y="186"/>
                </a:cubicBezTo>
                <a:cubicBezTo>
                  <a:pt x="205" y="186"/>
                  <a:pt x="205" y="186"/>
                  <a:pt x="205" y="186"/>
                </a:cubicBezTo>
                <a:cubicBezTo>
                  <a:pt x="205" y="186"/>
                  <a:pt x="205" y="186"/>
                  <a:pt x="205" y="186"/>
                </a:cubicBezTo>
                <a:cubicBezTo>
                  <a:pt x="206" y="185"/>
                  <a:pt x="206" y="184"/>
                  <a:pt x="206" y="183"/>
                </a:cubicBezTo>
                <a:cubicBezTo>
                  <a:pt x="206" y="183"/>
                  <a:pt x="206" y="183"/>
                  <a:pt x="206" y="183"/>
                </a:cubicBezTo>
                <a:cubicBezTo>
                  <a:pt x="206" y="175"/>
                  <a:pt x="206" y="160"/>
                  <a:pt x="206" y="147"/>
                </a:cubicBezTo>
                <a:cubicBezTo>
                  <a:pt x="206" y="147"/>
                  <a:pt x="206" y="147"/>
                  <a:pt x="206" y="147"/>
                </a:cubicBezTo>
                <a:cubicBezTo>
                  <a:pt x="206" y="143"/>
                  <a:pt x="205" y="135"/>
                  <a:pt x="201" y="128"/>
                </a:cubicBezTo>
                <a:cubicBezTo>
                  <a:pt x="201" y="128"/>
                  <a:pt x="201" y="128"/>
                  <a:pt x="201" y="128"/>
                </a:cubicBezTo>
                <a:cubicBezTo>
                  <a:pt x="197" y="120"/>
                  <a:pt x="192" y="114"/>
                  <a:pt x="184" y="110"/>
                </a:cubicBezTo>
                <a:cubicBezTo>
                  <a:pt x="184" y="110"/>
                  <a:pt x="184" y="110"/>
                  <a:pt x="184" y="110"/>
                </a:cubicBezTo>
                <a:cubicBezTo>
                  <a:pt x="178" y="107"/>
                  <a:pt x="172" y="105"/>
                  <a:pt x="162" y="105"/>
                </a:cubicBezTo>
                <a:cubicBezTo>
                  <a:pt x="162" y="105"/>
                  <a:pt x="162" y="105"/>
                  <a:pt x="162" y="105"/>
                </a:cubicBezTo>
                <a:cubicBezTo>
                  <a:pt x="149" y="105"/>
                  <a:pt x="141" y="109"/>
                  <a:pt x="134" y="115"/>
                </a:cubicBezTo>
                <a:cubicBezTo>
                  <a:pt x="134" y="115"/>
                  <a:pt x="134" y="115"/>
                  <a:pt x="134" y="115"/>
                </a:cubicBezTo>
                <a:cubicBezTo>
                  <a:pt x="128" y="121"/>
                  <a:pt x="124" y="129"/>
                  <a:pt x="121" y="137"/>
                </a:cubicBezTo>
                <a:cubicBezTo>
                  <a:pt x="121" y="137"/>
                  <a:pt x="121" y="137"/>
                  <a:pt x="121" y="137"/>
                </a:cubicBezTo>
                <a:cubicBezTo>
                  <a:pt x="120" y="141"/>
                  <a:pt x="119" y="146"/>
                  <a:pt x="119" y="147"/>
                </a:cubicBezTo>
                <a:cubicBezTo>
                  <a:pt x="119" y="147"/>
                  <a:pt x="119" y="147"/>
                  <a:pt x="119" y="147"/>
                </a:cubicBezTo>
                <a:cubicBezTo>
                  <a:pt x="119" y="161"/>
                  <a:pt x="119" y="170"/>
                  <a:pt x="119" y="177"/>
                </a:cubicBezTo>
                <a:cubicBezTo>
                  <a:pt x="119" y="177"/>
                  <a:pt x="119" y="177"/>
                  <a:pt x="119" y="177"/>
                </a:cubicBezTo>
                <a:cubicBezTo>
                  <a:pt x="119" y="181"/>
                  <a:pt x="119" y="184"/>
                  <a:pt x="118" y="187"/>
                </a:cubicBezTo>
                <a:cubicBezTo>
                  <a:pt x="118" y="187"/>
                  <a:pt x="118" y="187"/>
                  <a:pt x="118" y="187"/>
                </a:cubicBezTo>
                <a:cubicBezTo>
                  <a:pt x="118" y="191"/>
                  <a:pt x="117" y="194"/>
                  <a:pt x="114" y="197"/>
                </a:cubicBezTo>
                <a:cubicBezTo>
                  <a:pt x="114" y="197"/>
                  <a:pt x="114" y="197"/>
                  <a:pt x="114" y="197"/>
                </a:cubicBezTo>
                <a:cubicBezTo>
                  <a:pt x="112" y="200"/>
                  <a:pt x="110" y="202"/>
                  <a:pt x="107" y="203"/>
                </a:cubicBezTo>
                <a:cubicBezTo>
                  <a:pt x="107" y="203"/>
                  <a:pt x="107" y="203"/>
                  <a:pt x="107" y="203"/>
                </a:cubicBezTo>
                <a:cubicBezTo>
                  <a:pt x="104" y="204"/>
                  <a:pt x="100" y="205"/>
                  <a:pt x="97" y="205"/>
                </a:cubicBezTo>
                <a:cubicBezTo>
                  <a:pt x="97" y="205"/>
                  <a:pt x="97" y="205"/>
                  <a:pt x="97" y="205"/>
                </a:cubicBezTo>
                <a:cubicBezTo>
                  <a:pt x="94" y="205"/>
                  <a:pt x="92" y="206"/>
                  <a:pt x="89" y="210"/>
                </a:cubicBezTo>
                <a:cubicBezTo>
                  <a:pt x="89" y="210"/>
                  <a:pt x="89" y="210"/>
                  <a:pt x="89" y="210"/>
                </a:cubicBezTo>
                <a:cubicBezTo>
                  <a:pt x="86" y="213"/>
                  <a:pt x="84" y="218"/>
                  <a:pt x="84" y="225"/>
                </a:cubicBezTo>
                <a:cubicBezTo>
                  <a:pt x="84" y="225"/>
                  <a:pt x="84" y="225"/>
                  <a:pt x="84" y="225"/>
                </a:cubicBezTo>
                <a:cubicBezTo>
                  <a:pt x="84" y="241"/>
                  <a:pt x="84" y="274"/>
                  <a:pt x="84" y="287"/>
                </a:cubicBezTo>
                <a:cubicBezTo>
                  <a:pt x="84" y="287"/>
                  <a:pt x="84" y="287"/>
                  <a:pt x="84" y="287"/>
                </a:cubicBezTo>
                <a:cubicBezTo>
                  <a:pt x="84" y="291"/>
                  <a:pt x="87" y="297"/>
                  <a:pt x="91" y="301"/>
                </a:cubicBezTo>
                <a:cubicBezTo>
                  <a:pt x="91" y="301"/>
                  <a:pt x="91" y="301"/>
                  <a:pt x="91" y="301"/>
                </a:cubicBezTo>
                <a:cubicBezTo>
                  <a:pt x="96" y="306"/>
                  <a:pt x="102" y="309"/>
                  <a:pt x="106" y="309"/>
                </a:cubicBezTo>
                <a:cubicBezTo>
                  <a:pt x="106" y="309"/>
                  <a:pt x="106" y="309"/>
                  <a:pt x="106" y="309"/>
                </a:cubicBezTo>
                <a:cubicBezTo>
                  <a:pt x="121" y="309"/>
                  <a:pt x="205" y="309"/>
                  <a:pt x="219" y="309"/>
                </a:cubicBezTo>
                <a:cubicBezTo>
                  <a:pt x="219" y="309"/>
                  <a:pt x="219" y="309"/>
                  <a:pt x="219" y="309"/>
                </a:cubicBezTo>
                <a:cubicBezTo>
                  <a:pt x="225" y="309"/>
                  <a:pt x="229" y="306"/>
                  <a:pt x="232" y="302"/>
                </a:cubicBezTo>
                <a:cubicBezTo>
                  <a:pt x="232" y="302"/>
                  <a:pt x="232" y="302"/>
                  <a:pt x="232" y="302"/>
                </a:cubicBezTo>
                <a:cubicBezTo>
                  <a:pt x="236" y="298"/>
                  <a:pt x="238" y="292"/>
                  <a:pt x="238" y="287"/>
                </a:cubicBezTo>
                <a:cubicBezTo>
                  <a:pt x="238" y="287"/>
                  <a:pt x="238" y="287"/>
                  <a:pt x="238" y="287"/>
                </a:cubicBezTo>
                <a:cubicBezTo>
                  <a:pt x="238" y="270"/>
                  <a:pt x="238" y="233"/>
                  <a:pt x="238" y="216"/>
                </a:cubicBezTo>
                <a:cubicBezTo>
                  <a:pt x="238" y="216"/>
                  <a:pt x="238" y="216"/>
                  <a:pt x="238" y="216"/>
                </a:cubicBezTo>
                <a:cubicBezTo>
                  <a:pt x="238" y="207"/>
                  <a:pt x="239" y="198"/>
                  <a:pt x="242" y="189"/>
                </a:cubicBezTo>
                <a:cubicBezTo>
                  <a:pt x="242" y="189"/>
                  <a:pt x="242" y="189"/>
                  <a:pt x="242" y="189"/>
                </a:cubicBezTo>
                <a:cubicBezTo>
                  <a:pt x="245" y="180"/>
                  <a:pt x="250" y="172"/>
                  <a:pt x="257" y="165"/>
                </a:cubicBezTo>
                <a:cubicBezTo>
                  <a:pt x="257" y="165"/>
                  <a:pt x="257" y="165"/>
                  <a:pt x="257" y="165"/>
                </a:cubicBezTo>
                <a:cubicBezTo>
                  <a:pt x="266" y="157"/>
                  <a:pt x="288" y="134"/>
                  <a:pt x="302" y="121"/>
                </a:cubicBezTo>
                <a:cubicBezTo>
                  <a:pt x="302" y="121"/>
                  <a:pt x="302" y="121"/>
                  <a:pt x="302" y="121"/>
                </a:cubicBezTo>
                <a:cubicBezTo>
                  <a:pt x="305" y="118"/>
                  <a:pt x="309" y="117"/>
                  <a:pt x="313" y="117"/>
                </a:cubicBezTo>
                <a:cubicBezTo>
                  <a:pt x="313" y="117"/>
                  <a:pt x="313" y="117"/>
                  <a:pt x="313" y="117"/>
                </a:cubicBezTo>
                <a:cubicBezTo>
                  <a:pt x="313" y="117"/>
                  <a:pt x="313" y="117"/>
                  <a:pt x="313" y="117"/>
                </a:cubicBezTo>
                <a:cubicBezTo>
                  <a:pt x="320" y="118"/>
                  <a:pt x="325" y="124"/>
                  <a:pt x="324" y="131"/>
                </a:cubicBezTo>
                <a:cubicBezTo>
                  <a:pt x="324" y="131"/>
                  <a:pt x="324" y="131"/>
                  <a:pt x="324" y="131"/>
                </a:cubicBezTo>
                <a:cubicBezTo>
                  <a:pt x="322" y="176"/>
                  <a:pt x="317" y="235"/>
                  <a:pt x="313" y="261"/>
                </a:cubicBezTo>
                <a:cubicBezTo>
                  <a:pt x="313" y="261"/>
                  <a:pt x="313" y="261"/>
                  <a:pt x="313" y="261"/>
                </a:cubicBezTo>
                <a:cubicBezTo>
                  <a:pt x="300" y="348"/>
                  <a:pt x="259" y="399"/>
                  <a:pt x="228" y="425"/>
                </a:cubicBezTo>
                <a:cubicBezTo>
                  <a:pt x="228" y="425"/>
                  <a:pt x="228" y="425"/>
                  <a:pt x="228" y="425"/>
                </a:cubicBezTo>
                <a:cubicBezTo>
                  <a:pt x="216" y="436"/>
                  <a:pt x="204" y="443"/>
                  <a:pt x="193" y="448"/>
                </a:cubicBezTo>
                <a:cubicBezTo>
                  <a:pt x="193" y="448"/>
                  <a:pt x="193" y="448"/>
                  <a:pt x="193" y="448"/>
                </a:cubicBezTo>
                <a:cubicBezTo>
                  <a:pt x="182" y="452"/>
                  <a:pt x="172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ubicBezTo>
                  <a:pt x="163" y="454"/>
                  <a:pt x="163" y="454"/>
                  <a:pt x="163" y="45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1" name="Freeform 628"/>
          <p:cNvSpPr>
            <a:spLocks/>
          </p:cNvSpPr>
          <p:nvPr userDrawn="1"/>
        </p:nvSpPr>
        <p:spPr bwMode="auto">
          <a:xfrm>
            <a:off x="9925049" y="3066365"/>
            <a:ext cx="479425" cy="363537"/>
          </a:xfrm>
          <a:custGeom>
            <a:avLst/>
            <a:gdLst/>
            <a:ahLst/>
            <a:cxnLst>
              <a:cxn ang="0">
                <a:pos x="417" y="7"/>
              </a:cxn>
              <a:cxn ang="0">
                <a:pos x="397" y="0"/>
              </a:cxn>
              <a:cxn ang="0">
                <a:pos x="143" y="0"/>
              </a:cxn>
              <a:cxn ang="0">
                <a:pos x="114" y="28"/>
              </a:cxn>
              <a:cxn ang="0">
                <a:pos x="114" y="158"/>
              </a:cxn>
              <a:cxn ang="0">
                <a:pos x="128" y="171"/>
              </a:cxn>
              <a:cxn ang="0">
                <a:pos x="202" y="171"/>
              </a:cxn>
              <a:cxn ang="0">
                <a:pos x="204" y="176"/>
              </a:cxn>
              <a:cxn ang="0">
                <a:pos x="204" y="292"/>
              </a:cxn>
              <a:cxn ang="0">
                <a:pos x="202" y="296"/>
              </a:cxn>
              <a:cxn ang="0">
                <a:pos x="29" y="296"/>
              </a:cxn>
              <a:cxn ang="0">
                <a:pos x="27" y="292"/>
              </a:cxn>
              <a:cxn ang="0">
                <a:pos x="27" y="176"/>
              </a:cxn>
              <a:cxn ang="0">
                <a:pos x="29" y="171"/>
              </a:cxn>
              <a:cxn ang="0">
                <a:pos x="77" y="171"/>
              </a:cxn>
              <a:cxn ang="0">
                <a:pos x="90" y="158"/>
              </a:cxn>
              <a:cxn ang="0">
                <a:pos x="77" y="145"/>
              </a:cxn>
              <a:cxn ang="0">
                <a:pos x="28" y="145"/>
              </a:cxn>
              <a:cxn ang="0">
                <a:pos x="0" y="176"/>
              </a:cxn>
              <a:cxn ang="0">
                <a:pos x="0" y="292"/>
              </a:cxn>
              <a:cxn ang="0">
                <a:pos x="28" y="323"/>
              </a:cxn>
              <a:cxn ang="0">
                <a:pos x="203" y="323"/>
              </a:cxn>
              <a:cxn ang="0">
                <a:pos x="231" y="292"/>
              </a:cxn>
              <a:cxn ang="0">
                <a:pos x="231" y="176"/>
              </a:cxn>
              <a:cxn ang="0">
                <a:pos x="203" y="145"/>
              </a:cxn>
              <a:cxn ang="0">
                <a:pos x="141" y="145"/>
              </a:cxn>
              <a:cxn ang="0">
                <a:pos x="141" y="28"/>
              </a:cxn>
              <a:cxn ang="0">
                <a:pos x="143" y="26"/>
              </a:cxn>
              <a:cxn ang="0">
                <a:pos x="397" y="26"/>
              </a:cxn>
              <a:cxn ang="0">
                <a:pos x="400" y="28"/>
              </a:cxn>
              <a:cxn ang="0">
                <a:pos x="400" y="223"/>
              </a:cxn>
              <a:cxn ang="0">
                <a:pos x="397" y="224"/>
              </a:cxn>
              <a:cxn ang="0">
                <a:pos x="292" y="224"/>
              </a:cxn>
              <a:cxn ang="0">
                <a:pos x="304" y="212"/>
              </a:cxn>
              <a:cxn ang="0">
                <a:pos x="304" y="195"/>
              </a:cxn>
              <a:cxn ang="0">
                <a:pos x="287" y="195"/>
              </a:cxn>
              <a:cxn ang="0">
                <a:pos x="252" y="230"/>
              </a:cxn>
              <a:cxn ang="0">
                <a:pos x="252" y="247"/>
              </a:cxn>
              <a:cxn ang="0">
                <a:pos x="287" y="283"/>
              </a:cxn>
              <a:cxn ang="0">
                <a:pos x="304" y="283"/>
              </a:cxn>
              <a:cxn ang="0">
                <a:pos x="304" y="266"/>
              </a:cxn>
              <a:cxn ang="0">
                <a:pos x="290" y="252"/>
              </a:cxn>
              <a:cxn ang="0">
                <a:pos x="290" y="251"/>
              </a:cxn>
              <a:cxn ang="0">
                <a:pos x="397" y="251"/>
              </a:cxn>
              <a:cxn ang="0">
                <a:pos x="426" y="223"/>
              </a:cxn>
              <a:cxn ang="0">
                <a:pos x="426" y="28"/>
              </a:cxn>
              <a:cxn ang="0">
                <a:pos x="417" y="7"/>
              </a:cxn>
            </a:cxnLst>
            <a:rect l="0" t="0" r="r" b="b"/>
            <a:pathLst>
              <a:path w="426" h="323">
                <a:moveTo>
                  <a:pt x="417" y="7"/>
                </a:moveTo>
                <a:cubicBezTo>
                  <a:pt x="412" y="2"/>
                  <a:pt x="405" y="0"/>
                  <a:pt x="397" y="0"/>
                </a:cubicBezTo>
                <a:cubicBezTo>
                  <a:pt x="143" y="0"/>
                  <a:pt x="143" y="0"/>
                  <a:pt x="143" y="0"/>
                </a:cubicBezTo>
                <a:cubicBezTo>
                  <a:pt x="127" y="0"/>
                  <a:pt x="114" y="12"/>
                  <a:pt x="114" y="28"/>
                </a:cubicBezTo>
                <a:cubicBezTo>
                  <a:pt x="114" y="158"/>
                  <a:pt x="114" y="158"/>
                  <a:pt x="114" y="158"/>
                </a:cubicBezTo>
                <a:cubicBezTo>
                  <a:pt x="114" y="165"/>
                  <a:pt x="120" y="171"/>
                  <a:pt x="128" y="171"/>
                </a:cubicBezTo>
                <a:cubicBezTo>
                  <a:pt x="128" y="171"/>
                  <a:pt x="202" y="171"/>
                  <a:pt x="202" y="171"/>
                </a:cubicBezTo>
                <a:cubicBezTo>
                  <a:pt x="203" y="172"/>
                  <a:pt x="204" y="173"/>
                  <a:pt x="204" y="176"/>
                </a:cubicBezTo>
                <a:cubicBezTo>
                  <a:pt x="204" y="292"/>
                  <a:pt x="204" y="292"/>
                  <a:pt x="204" y="292"/>
                </a:cubicBezTo>
                <a:cubicBezTo>
                  <a:pt x="204" y="295"/>
                  <a:pt x="203" y="296"/>
                  <a:pt x="202" y="296"/>
                </a:cubicBezTo>
                <a:cubicBezTo>
                  <a:pt x="202" y="296"/>
                  <a:pt x="29" y="296"/>
                  <a:pt x="29" y="296"/>
                </a:cubicBezTo>
                <a:cubicBezTo>
                  <a:pt x="28" y="296"/>
                  <a:pt x="27" y="295"/>
                  <a:pt x="27" y="292"/>
                </a:cubicBezTo>
                <a:cubicBezTo>
                  <a:pt x="27" y="176"/>
                  <a:pt x="27" y="176"/>
                  <a:pt x="27" y="176"/>
                </a:cubicBezTo>
                <a:cubicBezTo>
                  <a:pt x="27" y="173"/>
                  <a:pt x="28" y="172"/>
                  <a:pt x="29" y="171"/>
                </a:cubicBezTo>
                <a:cubicBezTo>
                  <a:pt x="29" y="171"/>
                  <a:pt x="77" y="171"/>
                  <a:pt x="77" y="171"/>
                </a:cubicBezTo>
                <a:cubicBezTo>
                  <a:pt x="84" y="171"/>
                  <a:pt x="90" y="165"/>
                  <a:pt x="90" y="158"/>
                </a:cubicBezTo>
                <a:cubicBezTo>
                  <a:pt x="90" y="151"/>
                  <a:pt x="84" y="145"/>
                  <a:pt x="77" y="145"/>
                </a:cubicBezTo>
                <a:cubicBezTo>
                  <a:pt x="28" y="145"/>
                  <a:pt x="28" y="145"/>
                  <a:pt x="28" y="145"/>
                </a:cubicBezTo>
                <a:cubicBezTo>
                  <a:pt x="13" y="145"/>
                  <a:pt x="0" y="159"/>
                  <a:pt x="0" y="176"/>
                </a:cubicBezTo>
                <a:cubicBezTo>
                  <a:pt x="0" y="292"/>
                  <a:pt x="0" y="292"/>
                  <a:pt x="0" y="292"/>
                </a:cubicBezTo>
                <a:cubicBezTo>
                  <a:pt x="0" y="309"/>
                  <a:pt x="13" y="323"/>
                  <a:pt x="28" y="323"/>
                </a:cubicBezTo>
                <a:cubicBezTo>
                  <a:pt x="203" y="323"/>
                  <a:pt x="203" y="323"/>
                  <a:pt x="203" y="323"/>
                </a:cubicBezTo>
                <a:cubicBezTo>
                  <a:pt x="218" y="323"/>
                  <a:pt x="231" y="309"/>
                  <a:pt x="231" y="292"/>
                </a:cubicBezTo>
                <a:cubicBezTo>
                  <a:pt x="231" y="176"/>
                  <a:pt x="231" y="176"/>
                  <a:pt x="231" y="176"/>
                </a:cubicBezTo>
                <a:cubicBezTo>
                  <a:pt x="231" y="159"/>
                  <a:pt x="218" y="145"/>
                  <a:pt x="203" y="145"/>
                </a:cubicBezTo>
                <a:cubicBezTo>
                  <a:pt x="203" y="145"/>
                  <a:pt x="159" y="145"/>
                  <a:pt x="141" y="145"/>
                </a:cubicBezTo>
                <a:cubicBezTo>
                  <a:pt x="141" y="123"/>
                  <a:pt x="141" y="28"/>
                  <a:pt x="141" y="28"/>
                </a:cubicBezTo>
                <a:cubicBezTo>
                  <a:pt x="141" y="27"/>
                  <a:pt x="142" y="26"/>
                  <a:pt x="143" y="26"/>
                </a:cubicBezTo>
                <a:cubicBezTo>
                  <a:pt x="397" y="26"/>
                  <a:pt x="397" y="26"/>
                  <a:pt x="397" y="26"/>
                </a:cubicBezTo>
                <a:cubicBezTo>
                  <a:pt x="399" y="26"/>
                  <a:pt x="400" y="27"/>
                  <a:pt x="400" y="28"/>
                </a:cubicBezTo>
                <a:cubicBezTo>
                  <a:pt x="400" y="223"/>
                  <a:pt x="400" y="223"/>
                  <a:pt x="400" y="223"/>
                </a:cubicBezTo>
                <a:cubicBezTo>
                  <a:pt x="400" y="223"/>
                  <a:pt x="399" y="224"/>
                  <a:pt x="397" y="224"/>
                </a:cubicBezTo>
                <a:cubicBezTo>
                  <a:pt x="292" y="224"/>
                  <a:pt x="292" y="224"/>
                  <a:pt x="292" y="224"/>
                </a:cubicBezTo>
                <a:cubicBezTo>
                  <a:pt x="304" y="212"/>
                  <a:pt x="304" y="212"/>
                  <a:pt x="304" y="212"/>
                </a:cubicBezTo>
                <a:cubicBezTo>
                  <a:pt x="309" y="207"/>
                  <a:pt x="309" y="199"/>
                  <a:pt x="304" y="195"/>
                </a:cubicBezTo>
                <a:cubicBezTo>
                  <a:pt x="300" y="190"/>
                  <a:pt x="292" y="190"/>
                  <a:pt x="287" y="195"/>
                </a:cubicBezTo>
                <a:cubicBezTo>
                  <a:pt x="252" y="230"/>
                  <a:pt x="252" y="230"/>
                  <a:pt x="252" y="230"/>
                </a:cubicBezTo>
                <a:cubicBezTo>
                  <a:pt x="247" y="235"/>
                  <a:pt x="247" y="243"/>
                  <a:pt x="252" y="247"/>
                </a:cubicBezTo>
                <a:cubicBezTo>
                  <a:pt x="287" y="283"/>
                  <a:pt x="287" y="283"/>
                  <a:pt x="287" y="283"/>
                </a:cubicBezTo>
                <a:cubicBezTo>
                  <a:pt x="292" y="288"/>
                  <a:pt x="300" y="288"/>
                  <a:pt x="304" y="283"/>
                </a:cubicBezTo>
                <a:cubicBezTo>
                  <a:pt x="309" y="278"/>
                  <a:pt x="309" y="270"/>
                  <a:pt x="304" y="266"/>
                </a:cubicBezTo>
                <a:cubicBezTo>
                  <a:pt x="290" y="252"/>
                  <a:pt x="290" y="252"/>
                  <a:pt x="290" y="252"/>
                </a:cubicBezTo>
                <a:cubicBezTo>
                  <a:pt x="290" y="251"/>
                  <a:pt x="290" y="251"/>
                  <a:pt x="290" y="251"/>
                </a:cubicBezTo>
                <a:cubicBezTo>
                  <a:pt x="397" y="251"/>
                  <a:pt x="397" y="251"/>
                  <a:pt x="397" y="251"/>
                </a:cubicBezTo>
                <a:cubicBezTo>
                  <a:pt x="413" y="251"/>
                  <a:pt x="426" y="238"/>
                  <a:pt x="426" y="223"/>
                </a:cubicBezTo>
                <a:cubicBezTo>
                  <a:pt x="426" y="28"/>
                  <a:pt x="426" y="28"/>
                  <a:pt x="426" y="28"/>
                </a:cubicBezTo>
                <a:cubicBezTo>
                  <a:pt x="426" y="20"/>
                  <a:pt x="423" y="13"/>
                  <a:pt x="417" y="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2" name="Freeform 648"/>
          <p:cNvSpPr>
            <a:spLocks/>
          </p:cNvSpPr>
          <p:nvPr userDrawn="1"/>
        </p:nvSpPr>
        <p:spPr bwMode="auto">
          <a:xfrm>
            <a:off x="10011567" y="1263256"/>
            <a:ext cx="306388" cy="317500"/>
          </a:xfrm>
          <a:custGeom>
            <a:avLst/>
            <a:gdLst/>
            <a:ahLst/>
            <a:cxnLst>
              <a:cxn ang="0">
                <a:pos x="174" y="9"/>
              </a:cxn>
              <a:cxn ang="0">
                <a:pos x="0" y="9"/>
              </a:cxn>
              <a:cxn ang="0">
                <a:pos x="0" y="280"/>
              </a:cxn>
              <a:cxn ang="0">
                <a:pos x="271" y="280"/>
              </a:cxn>
              <a:cxn ang="0">
                <a:pos x="271" y="0"/>
              </a:cxn>
              <a:cxn ang="0">
                <a:pos x="126" y="214"/>
              </a:cxn>
              <a:cxn ang="0">
                <a:pos x="76" y="132"/>
              </a:cxn>
            </a:cxnLst>
            <a:rect l="0" t="0" r="r" b="b"/>
            <a:pathLst>
              <a:path w="271" h="280">
                <a:moveTo>
                  <a:pt x="174" y="9"/>
                </a:moveTo>
                <a:cubicBezTo>
                  <a:pt x="0" y="9"/>
                  <a:pt x="0" y="9"/>
                  <a:pt x="0" y="9"/>
                </a:cubicBezTo>
                <a:cubicBezTo>
                  <a:pt x="0" y="280"/>
                  <a:pt x="0" y="280"/>
                  <a:pt x="0" y="280"/>
                </a:cubicBezTo>
                <a:cubicBezTo>
                  <a:pt x="271" y="280"/>
                  <a:pt x="271" y="280"/>
                  <a:pt x="271" y="280"/>
                </a:cubicBezTo>
                <a:cubicBezTo>
                  <a:pt x="271" y="0"/>
                  <a:pt x="271" y="0"/>
                  <a:pt x="271" y="0"/>
                </a:cubicBezTo>
                <a:cubicBezTo>
                  <a:pt x="126" y="214"/>
                  <a:pt x="126" y="214"/>
                  <a:pt x="126" y="214"/>
                </a:cubicBezTo>
                <a:cubicBezTo>
                  <a:pt x="126" y="214"/>
                  <a:pt x="104" y="146"/>
                  <a:pt x="76" y="132"/>
                </a:cubicBez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3" name="Freeform 652"/>
          <p:cNvSpPr>
            <a:spLocks/>
          </p:cNvSpPr>
          <p:nvPr userDrawn="1"/>
        </p:nvSpPr>
        <p:spPr bwMode="auto">
          <a:xfrm>
            <a:off x="9954417" y="1888236"/>
            <a:ext cx="420688" cy="231775"/>
          </a:xfrm>
          <a:custGeom>
            <a:avLst/>
            <a:gdLst/>
            <a:ahLst/>
            <a:cxnLst>
              <a:cxn ang="0">
                <a:pos x="46" y="10"/>
              </a:cxn>
              <a:cxn ang="0">
                <a:pos x="0" y="96"/>
              </a:cxn>
              <a:cxn ang="0">
                <a:pos x="29" y="171"/>
              </a:cxn>
              <a:cxn ang="0">
                <a:pos x="39" y="176"/>
              </a:cxn>
              <a:cxn ang="0">
                <a:pos x="49" y="176"/>
              </a:cxn>
              <a:cxn ang="0">
                <a:pos x="87" y="204"/>
              </a:cxn>
              <a:cxn ang="0">
                <a:pos x="127" y="164"/>
              </a:cxn>
              <a:cxn ang="0">
                <a:pos x="127" y="148"/>
              </a:cxn>
              <a:cxn ang="0">
                <a:pos x="115" y="136"/>
              </a:cxn>
              <a:cxn ang="0">
                <a:pos x="103" y="148"/>
              </a:cxn>
              <a:cxn ang="0">
                <a:pos x="103" y="165"/>
              </a:cxn>
              <a:cxn ang="0">
                <a:pos x="87" y="181"/>
              </a:cxn>
              <a:cxn ang="0">
                <a:pos x="71" y="164"/>
              </a:cxn>
              <a:cxn ang="0">
                <a:pos x="67" y="156"/>
              </a:cxn>
              <a:cxn ang="0">
                <a:pos x="59" y="153"/>
              </a:cxn>
              <a:cxn ang="0">
                <a:pos x="46" y="153"/>
              </a:cxn>
              <a:cxn ang="0">
                <a:pos x="24" y="96"/>
              </a:cxn>
              <a:cxn ang="0">
                <a:pos x="57" y="32"/>
              </a:cxn>
              <a:cxn ang="0">
                <a:pos x="224" y="32"/>
              </a:cxn>
              <a:cxn ang="0">
                <a:pos x="281" y="88"/>
              </a:cxn>
              <a:cxn ang="0">
                <a:pos x="284" y="90"/>
              </a:cxn>
              <a:cxn ang="0">
                <a:pos x="307" y="98"/>
              </a:cxn>
              <a:cxn ang="0">
                <a:pos x="341" y="110"/>
              </a:cxn>
              <a:cxn ang="0">
                <a:pos x="351" y="128"/>
              </a:cxn>
              <a:cxn ang="0">
                <a:pos x="350" y="131"/>
              </a:cxn>
              <a:cxn ang="0">
                <a:pos x="335" y="134"/>
              </a:cxn>
              <a:cxn ang="0">
                <a:pos x="332" y="134"/>
              </a:cxn>
              <a:cxn ang="0">
                <a:pos x="307" y="134"/>
              </a:cxn>
              <a:cxn ang="0">
                <a:pos x="296" y="142"/>
              </a:cxn>
              <a:cxn ang="0">
                <a:pos x="299" y="155"/>
              </a:cxn>
              <a:cxn ang="0">
                <a:pos x="304" y="166"/>
              </a:cxn>
              <a:cxn ang="0">
                <a:pos x="288" y="182"/>
              </a:cxn>
              <a:cxn ang="0">
                <a:pos x="272" y="166"/>
              </a:cxn>
              <a:cxn ang="0">
                <a:pos x="275" y="156"/>
              </a:cxn>
              <a:cxn ang="0">
                <a:pos x="277" y="143"/>
              </a:cxn>
              <a:cxn ang="0">
                <a:pos x="266" y="136"/>
              </a:cxn>
              <a:cxn ang="0">
                <a:pos x="156" y="136"/>
              </a:cxn>
              <a:cxn ang="0">
                <a:pos x="144" y="148"/>
              </a:cxn>
              <a:cxn ang="0">
                <a:pos x="156" y="160"/>
              </a:cxn>
              <a:cxn ang="0">
                <a:pos x="248" y="160"/>
              </a:cxn>
              <a:cxn ang="0">
                <a:pos x="248" y="166"/>
              </a:cxn>
              <a:cxn ang="0">
                <a:pos x="288" y="206"/>
              </a:cxn>
              <a:cxn ang="0">
                <a:pos x="328" y="166"/>
              </a:cxn>
              <a:cxn ang="0">
                <a:pos x="327" y="158"/>
              </a:cxn>
              <a:cxn ang="0">
                <a:pos x="332" y="158"/>
              </a:cxn>
              <a:cxn ang="0">
                <a:pos x="334" y="158"/>
              </a:cxn>
              <a:cxn ang="0">
                <a:pos x="373" y="139"/>
              </a:cxn>
              <a:cxn ang="0">
                <a:pos x="375" y="128"/>
              </a:cxn>
              <a:cxn ang="0">
                <a:pos x="352" y="89"/>
              </a:cxn>
              <a:cxn ang="0">
                <a:pos x="314" y="75"/>
              </a:cxn>
              <a:cxn ang="0">
                <a:pos x="296" y="70"/>
              </a:cxn>
              <a:cxn ang="0">
                <a:pos x="235" y="11"/>
              </a:cxn>
              <a:cxn ang="0">
                <a:pos x="46" y="10"/>
              </a:cxn>
            </a:cxnLst>
            <a:rect l="0" t="0" r="r" b="b"/>
            <a:pathLst>
              <a:path w="375" h="206">
                <a:moveTo>
                  <a:pt x="46" y="10"/>
                </a:moveTo>
                <a:cubicBezTo>
                  <a:pt x="28" y="19"/>
                  <a:pt x="0" y="59"/>
                  <a:pt x="0" y="96"/>
                </a:cubicBezTo>
                <a:cubicBezTo>
                  <a:pt x="0" y="126"/>
                  <a:pt x="26" y="166"/>
                  <a:pt x="29" y="171"/>
                </a:cubicBezTo>
                <a:cubicBezTo>
                  <a:pt x="31" y="174"/>
                  <a:pt x="35" y="176"/>
                  <a:pt x="39" y="176"/>
                </a:cubicBezTo>
                <a:cubicBezTo>
                  <a:pt x="39" y="176"/>
                  <a:pt x="44" y="176"/>
                  <a:pt x="49" y="176"/>
                </a:cubicBezTo>
                <a:cubicBezTo>
                  <a:pt x="54" y="193"/>
                  <a:pt x="69" y="204"/>
                  <a:pt x="87" y="204"/>
                </a:cubicBezTo>
                <a:cubicBezTo>
                  <a:pt x="109" y="204"/>
                  <a:pt x="127" y="186"/>
                  <a:pt x="127" y="164"/>
                </a:cubicBezTo>
                <a:cubicBezTo>
                  <a:pt x="127" y="164"/>
                  <a:pt x="127" y="148"/>
                  <a:pt x="127" y="148"/>
                </a:cubicBezTo>
                <a:cubicBezTo>
                  <a:pt x="126" y="141"/>
                  <a:pt x="121" y="136"/>
                  <a:pt x="115" y="136"/>
                </a:cubicBezTo>
                <a:cubicBezTo>
                  <a:pt x="108" y="136"/>
                  <a:pt x="103" y="141"/>
                  <a:pt x="103" y="148"/>
                </a:cubicBezTo>
                <a:cubicBezTo>
                  <a:pt x="103" y="165"/>
                  <a:pt x="103" y="165"/>
                  <a:pt x="103" y="165"/>
                </a:cubicBezTo>
                <a:cubicBezTo>
                  <a:pt x="103" y="173"/>
                  <a:pt x="96" y="181"/>
                  <a:pt x="87" y="181"/>
                </a:cubicBezTo>
                <a:cubicBezTo>
                  <a:pt x="78" y="181"/>
                  <a:pt x="71" y="173"/>
                  <a:pt x="71" y="164"/>
                </a:cubicBezTo>
                <a:cubicBezTo>
                  <a:pt x="71" y="161"/>
                  <a:pt x="69" y="158"/>
                  <a:pt x="67" y="156"/>
                </a:cubicBezTo>
                <a:cubicBezTo>
                  <a:pt x="65" y="154"/>
                  <a:pt x="62" y="153"/>
                  <a:pt x="59" y="153"/>
                </a:cubicBezTo>
                <a:cubicBezTo>
                  <a:pt x="59" y="153"/>
                  <a:pt x="51" y="153"/>
                  <a:pt x="46" y="153"/>
                </a:cubicBezTo>
                <a:cubicBezTo>
                  <a:pt x="37" y="139"/>
                  <a:pt x="24" y="113"/>
                  <a:pt x="24" y="96"/>
                </a:cubicBezTo>
                <a:cubicBezTo>
                  <a:pt x="24" y="67"/>
                  <a:pt x="47" y="36"/>
                  <a:pt x="57" y="32"/>
                </a:cubicBezTo>
                <a:cubicBezTo>
                  <a:pt x="71" y="25"/>
                  <a:pt x="207" y="25"/>
                  <a:pt x="224" y="32"/>
                </a:cubicBezTo>
                <a:cubicBezTo>
                  <a:pt x="230" y="36"/>
                  <a:pt x="258" y="64"/>
                  <a:pt x="281" y="88"/>
                </a:cubicBezTo>
                <a:cubicBezTo>
                  <a:pt x="282" y="89"/>
                  <a:pt x="283" y="89"/>
                  <a:pt x="284" y="90"/>
                </a:cubicBezTo>
                <a:cubicBezTo>
                  <a:pt x="288" y="92"/>
                  <a:pt x="296" y="95"/>
                  <a:pt x="307" y="98"/>
                </a:cubicBezTo>
                <a:cubicBezTo>
                  <a:pt x="319" y="101"/>
                  <a:pt x="334" y="106"/>
                  <a:pt x="341" y="110"/>
                </a:cubicBezTo>
                <a:cubicBezTo>
                  <a:pt x="345" y="112"/>
                  <a:pt x="351" y="121"/>
                  <a:pt x="351" y="128"/>
                </a:cubicBezTo>
                <a:cubicBezTo>
                  <a:pt x="351" y="129"/>
                  <a:pt x="351" y="130"/>
                  <a:pt x="350" y="131"/>
                </a:cubicBezTo>
                <a:cubicBezTo>
                  <a:pt x="349" y="134"/>
                  <a:pt x="342" y="134"/>
                  <a:pt x="335" y="134"/>
                </a:cubicBezTo>
                <a:cubicBezTo>
                  <a:pt x="332" y="134"/>
                  <a:pt x="332" y="134"/>
                  <a:pt x="332" y="134"/>
                </a:cubicBezTo>
                <a:cubicBezTo>
                  <a:pt x="307" y="134"/>
                  <a:pt x="307" y="134"/>
                  <a:pt x="307" y="134"/>
                </a:cubicBezTo>
                <a:cubicBezTo>
                  <a:pt x="303" y="134"/>
                  <a:pt x="298" y="137"/>
                  <a:pt x="296" y="142"/>
                </a:cubicBezTo>
                <a:cubicBezTo>
                  <a:pt x="295" y="146"/>
                  <a:pt x="296" y="151"/>
                  <a:pt x="299" y="155"/>
                </a:cubicBezTo>
                <a:cubicBezTo>
                  <a:pt x="302" y="158"/>
                  <a:pt x="304" y="162"/>
                  <a:pt x="304" y="166"/>
                </a:cubicBezTo>
                <a:cubicBezTo>
                  <a:pt x="304" y="175"/>
                  <a:pt x="297" y="182"/>
                  <a:pt x="288" y="182"/>
                </a:cubicBezTo>
                <a:cubicBezTo>
                  <a:pt x="279" y="182"/>
                  <a:pt x="272" y="175"/>
                  <a:pt x="272" y="166"/>
                </a:cubicBezTo>
                <a:cubicBezTo>
                  <a:pt x="272" y="161"/>
                  <a:pt x="274" y="158"/>
                  <a:pt x="275" y="156"/>
                </a:cubicBezTo>
                <a:cubicBezTo>
                  <a:pt x="278" y="152"/>
                  <a:pt x="279" y="147"/>
                  <a:pt x="277" y="143"/>
                </a:cubicBezTo>
                <a:cubicBezTo>
                  <a:pt x="275" y="139"/>
                  <a:pt x="271" y="136"/>
                  <a:pt x="266" y="136"/>
                </a:cubicBezTo>
                <a:cubicBezTo>
                  <a:pt x="156" y="136"/>
                  <a:pt x="156" y="136"/>
                  <a:pt x="156" y="136"/>
                </a:cubicBezTo>
                <a:cubicBezTo>
                  <a:pt x="149" y="136"/>
                  <a:pt x="144" y="142"/>
                  <a:pt x="144" y="148"/>
                </a:cubicBezTo>
                <a:cubicBezTo>
                  <a:pt x="144" y="155"/>
                  <a:pt x="149" y="160"/>
                  <a:pt x="156" y="160"/>
                </a:cubicBezTo>
                <a:cubicBezTo>
                  <a:pt x="156" y="160"/>
                  <a:pt x="223" y="160"/>
                  <a:pt x="248" y="160"/>
                </a:cubicBezTo>
                <a:cubicBezTo>
                  <a:pt x="248" y="162"/>
                  <a:pt x="248" y="164"/>
                  <a:pt x="248" y="166"/>
                </a:cubicBezTo>
                <a:cubicBezTo>
                  <a:pt x="248" y="188"/>
                  <a:pt x="266" y="206"/>
                  <a:pt x="288" y="206"/>
                </a:cubicBezTo>
                <a:cubicBezTo>
                  <a:pt x="310" y="206"/>
                  <a:pt x="328" y="188"/>
                  <a:pt x="328" y="166"/>
                </a:cubicBezTo>
                <a:cubicBezTo>
                  <a:pt x="328" y="163"/>
                  <a:pt x="328" y="161"/>
                  <a:pt x="327" y="158"/>
                </a:cubicBezTo>
                <a:cubicBezTo>
                  <a:pt x="329" y="158"/>
                  <a:pt x="332" y="158"/>
                  <a:pt x="332" y="158"/>
                </a:cubicBezTo>
                <a:cubicBezTo>
                  <a:pt x="334" y="158"/>
                  <a:pt x="334" y="158"/>
                  <a:pt x="334" y="158"/>
                </a:cubicBezTo>
                <a:cubicBezTo>
                  <a:pt x="344" y="158"/>
                  <a:pt x="365" y="158"/>
                  <a:pt x="373" y="139"/>
                </a:cubicBezTo>
                <a:cubicBezTo>
                  <a:pt x="374" y="135"/>
                  <a:pt x="375" y="131"/>
                  <a:pt x="375" y="128"/>
                </a:cubicBezTo>
                <a:cubicBezTo>
                  <a:pt x="375" y="111"/>
                  <a:pt x="363" y="95"/>
                  <a:pt x="352" y="89"/>
                </a:cubicBezTo>
                <a:cubicBezTo>
                  <a:pt x="343" y="84"/>
                  <a:pt x="328" y="79"/>
                  <a:pt x="314" y="75"/>
                </a:cubicBezTo>
                <a:cubicBezTo>
                  <a:pt x="308" y="73"/>
                  <a:pt x="300" y="71"/>
                  <a:pt x="296" y="70"/>
                </a:cubicBezTo>
                <a:cubicBezTo>
                  <a:pt x="277" y="49"/>
                  <a:pt x="244" y="15"/>
                  <a:pt x="235" y="11"/>
                </a:cubicBezTo>
                <a:cubicBezTo>
                  <a:pt x="214" y="0"/>
                  <a:pt x="68" y="0"/>
                  <a:pt x="46" y="10"/>
                </a:cubicBezTo>
                <a:close/>
              </a:path>
            </a:pathLst>
          </a:custGeom>
          <a:solidFill>
            <a:schemeClr val="bg1"/>
          </a:solidFill>
          <a:ln w="1588" cap="flat">
            <a:noFill/>
            <a:prstDash val="solid"/>
            <a:miter lim="800000"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4" name="Freeform 525"/>
          <p:cNvSpPr>
            <a:spLocks/>
          </p:cNvSpPr>
          <p:nvPr userDrawn="1"/>
        </p:nvSpPr>
        <p:spPr bwMode="auto">
          <a:xfrm>
            <a:off x="10561592" y="2500530"/>
            <a:ext cx="369888" cy="282575"/>
          </a:xfrm>
          <a:custGeom>
            <a:avLst/>
            <a:gdLst/>
            <a:ahLst/>
            <a:cxnLst>
              <a:cxn ang="0">
                <a:pos x="314" y="224"/>
              </a:cxn>
              <a:cxn ang="0">
                <a:pos x="25" y="224"/>
              </a:cxn>
              <a:cxn ang="0">
                <a:pos x="25" y="98"/>
              </a:cxn>
              <a:cxn ang="0">
                <a:pos x="60" y="133"/>
              </a:cxn>
              <a:cxn ang="0">
                <a:pos x="77" y="133"/>
              </a:cxn>
              <a:cxn ang="0">
                <a:pos x="116" y="94"/>
              </a:cxn>
              <a:cxn ang="0">
                <a:pos x="144" y="121"/>
              </a:cxn>
              <a:cxn ang="0">
                <a:pos x="152" y="125"/>
              </a:cxn>
              <a:cxn ang="0">
                <a:pos x="161" y="121"/>
              </a:cxn>
              <a:cxn ang="0">
                <a:pos x="241" y="41"/>
              </a:cxn>
              <a:cxn ang="0">
                <a:pos x="241" y="63"/>
              </a:cxn>
              <a:cxn ang="0">
                <a:pos x="253" y="75"/>
              </a:cxn>
              <a:cxn ang="0">
                <a:pos x="266" y="63"/>
              </a:cxn>
              <a:cxn ang="0">
                <a:pos x="266" y="12"/>
              </a:cxn>
              <a:cxn ang="0">
                <a:pos x="253" y="0"/>
              </a:cxn>
              <a:cxn ang="0">
                <a:pos x="203" y="0"/>
              </a:cxn>
              <a:cxn ang="0">
                <a:pos x="191" y="12"/>
              </a:cxn>
              <a:cxn ang="0">
                <a:pos x="203" y="25"/>
              </a:cxn>
              <a:cxn ang="0">
                <a:pos x="223" y="25"/>
              </a:cxn>
              <a:cxn ang="0">
                <a:pos x="152" y="95"/>
              </a:cxn>
              <a:cxn ang="0">
                <a:pos x="125" y="68"/>
              </a:cxn>
              <a:cxn ang="0">
                <a:pos x="116" y="64"/>
              </a:cxn>
              <a:cxn ang="0">
                <a:pos x="108" y="68"/>
              </a:cxn>
              <a:cxn ang="0">
                <a:pos x="68" y="107"/>
              </a:cxn>
              <a:cxn ang="0">
                <a:pos x="21" y="60"/>
              </a:cxn>
              <a:cxn ang="0">
                <a:pos x="8" y="57"/>
              </a:cxn>
              <a:cxn ang="0">
                <a:pos x="0" y="68"/>
              </a:cxn>
              <a:cxn ang="0">
                <a:pos x="0" y="236"/>
              </a:cxn>
              <a:cxn ang="0">
                <a:pos x="12" y="249"/>
              </a:cxn>
              <a:cxn ang="0">
                <a:pos x="314" y="249"/>
              </a:cxn>
              <a:cxn ang="0">
                <a:pos x="327" y="236"/>
              </a:cxn>
              <a:cxn ang="0">
                <a:pos x="314" y="224"/>
              </a:cxn>
            </a:cxnLst>
            <a:rect l="0" t="0" r="r" b="b"/>
            <a:pathLst>
              <a:path w="327" h="249">
                <a:moveTo>
                  <a:pt x="314" y="224"/>
                </a:moveTo>
                <a:cubicBezTo>
                  <a:pt x="314" y="224"/>
                  <a:pt x="47" y="224"/>
                  <a:pt x="25" y="224"/>
                </a:cubicBezTo>
                <a:cubicBezTo>
                  <a:pt x="25" y="98"/>
                  <a:pt x="25" y="98"/>
                  <a:pt x="25" y="98"/>
                </a:cubicBezTo>
                <a:cubicBezTo>
                  <a:pt x="41" y="114"/>
                  <a:pt x="60" y="133"/>
                  <a:pt x="60" y="133"/>
                </a:cubicBezTo>
                <a:cubicBezTo>
                  <a:pt x="65" y="138"/>
                  <a:pt x="72" y="138"/>
                  <a:pt x="77" y="133"/>
                </a:cubicBezTo>
                <a:cubicBezTo>
                  <a:pt x="77" y="133"/>
                  <a:pt x="105" y="105"/>
                  <a:pt x="116" y="94"/>
                </a:cubicBezTo>
                <a:cubicBezTo>
                  <a:pt x="126" y="104"/>
                  <a:pt x="144" y="121"/>
                  <a:pt x="144" y="121"/>
                </a:cubicBezTo>
                <a:cubicBezTo>
                  <a:pt x="146" y="123"/>
                  <a:pt x="149" y="125"/>
                  <a:pt x="152" y="125"/>
                </a:cubicBezTo>
                <a:cubicBezTo>
                  <a:pt x="156" y="125"/>
                  <a:pt x="159" y="123"/>
                  <a:pt x="161" y="121"/>
                </a:cubicBezTo>
                <a:cubicBezTo>
                  <a:pt x="241" y="41"/>
                  <a:pt x="241" y="41"/>
                  <a:pt x="241" y="41"/>
                </a:cubicBezTo>
                <a:cubicBezTo>
                  <a:pt x="241" y="52"/>
                  <a:pt x="241" y="63"/>
                  <a:pt x="241" y="63"/>
                </a:cubicBezTo>
                <a:cubicBezTo>
                  <a:pt x="241" y="70"/>
                  <a:pt x="247" y="75"/>
                  <a:pt x="253" y="75"/>
                </a:cubicBezTo>
                <a:cubicBezTo>
                  <a:pt x="260" y="75"/>
                  <a:pt x="266" y="70"/>
                  <a:pt x="266" y="63"/>
                </a:cubicBezTo>
                <a:cubicBezTo>
                  <a:pt x="266" y="12"/>
                  <a:pt x="266" y="12"/>
                  <a:pt x="266" y="12"/>
                </a:cubicBezTo>
                <a:cubicBezTo>
                  <a:pt x="266" y="6"/>
                  <a:pt x="260" y="0"/>
                  <a:pt x="253" y="0"/>
                </a:cubicBezTo>
                <a:cubicBezTo>
                  <a:pt x="203" y="0"/>
                  <a:pt x="203" y="0"/>
                  <a:pt x="203" y="0"/>
                </a:cubicBezTo>
                <a:cubicBezTo>
                  <a:pt x="196" y="0"/>
                  <a:pt x="191" y="6"/>
                  <a:pt x="191" y="12"/>
                </a:cubicBezTo>
                <a:cubicBezTo>
                  <a:pt x="191" y="19"/>
                  <a:pt x="196" y="25"/>
                  <a:pt x="203" y="25"/>
                </a:cubicBezTo>
                <a:cubicBezTo>
                  <a:pt x="203" y="25"/>
                  <a:pt x="212" y="25"/>
                  <a:pt x="223" y="25"/>
                </a:cubicBezTo>
                <a:cubicBezTo>
                  <a:pt x="214" y="33"/>
                  <a:pt x="165" y="82"/>
                  <a:pt x="152" y="95"/>
                </a:cubicBezTo>
                <a:cubicBezTo>
                  <a:pt x="142" y="85"/>
                  <a:pt x="125" y="68"/>
                  <a:pt x="125" y="68"/>
                </a:cubicBezTo>
                <a:cubicBezTo>
                  <a:pt x="123" y="65"/>
                  <a:pt x="120" y="64"/>
                  <a:pt x="116" y="64"/>
                </a:cubicBezTo>
                <a:cubicBezTo>
                  <a:pt x="113" y="64"/>
                  <a:pt x="110" y="65"/>
                  <a:pt x="108" y="68"/>
                </a:cubicBezTo>
                <a:cubicBezTo>
                  <a:pt x="108" y="68"/>
                  <a:pt x="80" y="95"/>
                  <a:pt x="68" y="107"/>
                </a:cubicBezTo>
                <a:cubicBezTo>
                  <a:pt x="56" y="95"/>
                  <a:pt x="21" y="60"/>
                  <a:pt x="21" y="60"/>
                </a:cubicBezTo>
                <a:cubicBezTo>
                  <a:pt x="17" y="56"/>
                  <a:pt x="12" y="55"/>
                  <a:pt x="8" y="57"/>
                </a:cubicBezTo>
                <a:cubicBezTo>
                  <a:pt x="3" y="59"/>
                  <a:pt x="0" y="63"/>
                  <a:pt x="0" y="68"/>
                </a:cubicBezTo>
                <a:cubicBezTo>
                  <a:pt x="0" y="236"/>
                  <a:pt x="0" y="236"/>
                  <a:pt x="0" y="236"/>
                </a:cubicBezTo>
                <a:cubicBezTo>
                  <a:pt x="0" y="243"/>
                  <a:pt x="5" y="249"/>
                  <a:pt x="12" y="249"/>
                </a:cubicBezTo>
                <a:cubicBezTo>
                  <a:pt x="314" y="249"/>
                  <a:pt x="314" y="249"/>
                  <a:pt x="314" y="249"/>
                </a:cubicBezTo>
                <a:cubicBezTo>
                  <a:pt x="321" y="249"/>
                  <a:pt x="327" y="243"/>
                  <a:pt x="327" y="236"/>
                </a:cubicBezTo>
                <a:cubicBezTo>
                  <a:pt x="327" y="230"/>
                  <a:pt x="321" y="224"/>
                  <a:pt x="314" y="22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5" name="Freeform 576"/>
          <p:cNvSpPr>
            <a:spLocks noEditPoints="1"/>
          </p:cNvSpPr>
          <p:nvPr userDrawn="1"/>
        </p:nvSpPr>
        <p:spPr bwMode="auto">
          <a:xfrm>
            <a:off x="10502061" y="4473068"/>
            <a:ext cx="488951" cy="376237"/>
          </a:xfrm>
          <a:custGeom>
            <a:avLst/>
            <a:gdLst/>
            <a:ahLst/>
            <a:cxnLst>
              <a:cxn ang="0">
                <a:pos x="223" y="107"/>
              </a:cxn>
              <a:cxn ang="0">
                <a:pos x="387" y="290"/>
              </a:cxn>
              <a:cxn ang="0">
                <a:pos x="237" y="290"/>
              </a:cxn>
              <a:cxn ang="0">
                <a:pos x="283" y="267"/>
              </a:cxn>
              <a:cxn ang="0">
                <a:pos x="285" y="266"/>
              </a:cxn>
              <a:cxn ang="0">
                <a:pos x="287" y="263"/>
              </a:cxn>
              <a:cxn ang="0">
                <a:pos x="291" y="259"/>
              </a:cxn>
              <a:cxn ang="0">
                <a:pos x="295" y="255"/>
              </a:cxn>
              <a:cxn ang="0">
                <a:pos x="299" y="250"/>
              </a:cxn>
              <a:cxn ang="0">
                <a:pos x="303" y="244"/>
              </a:cxn>
              <a:cxn ang="0">
                <a:pos x="309" y="229"/>
              </a:cxn>
              <a:cxn ang="0">
                <a:pos x="303" y="195"/>
              </a:cxn>
              <a:cxn ang="0">
                <a:pos x="278" y="167"/>
              </a:cxn>
              <a:cxn ang="0">
                <a:pos x="195" y="136"/>
              </a:cxn>
              <a:cxn ang="0">
                <a:pos x="172" y="107"/>
              </a:cxn>
              <a:cxn ang="0">
                <a:pos x="201" y="114"/>
              </a:cxn>
              <a:cxn ang="0">
                <a:pos x="204" y="114"/>
              </a:cxn>
              <a:cxn ang="0">
                <a:pos x="209" y="112"/>
              </a:cxn>
              <a:cxn ang="0">
                <a:pos x="211" y="110"/>
              </a:cxn>
              <a:cxn ang="0">
                <a:pos x="214" y="105"/>
              </a:cxn>
              <a:cxn ang="0">
                <a:pos x="214" y="102"/>
              </a:cxn>
              <a:cxn ang="0">
                <a:pos x="214" y="98"/>
              </a:cxn>
              <a:cxn ang="0">
                <a:pos x="149" y="36"/>
              </a:cxn>
              <a:cxn ang="0">
                <a:pos x="150" y="194"/>
              </a:cxn>
              <a:cxn ang="0">
                <a:pos x="27" y="196"/>
              </a:cxn>
              <a:cxn ang="0">
                <a:pos x="168" y="16"/>
              </a:cxn>
              <a:cxn ang="0">
                <a:pos x="0" y="29"/>
              </a:cxn>
              <a:cxn ang="0">
                <a:pos x="55" y="232"/>
              </a:cxn>
              <a:cxn ang="0">
                <a:pos x="179" y="175"/>
              </a:cxn>
              <a:cxn ang="0">
                <a:pos x="178" y="171"/>
              </a:cxn>
              <a:cxn ang="0">
                <a:pos x="175" y="167"/>
              </a:cxn>
              <a:cxn ang="0">
                <a:pos x="173" y="165"/>
              </a:cxn>
              <a:cxn ang="0">
                <a:pos x="169" y="163"/>
              </a:cxn>
              <a:cxn ang="0">
                <a:pos x="163" y="163"/>
              </a:cxn>
              <a:cxn ang="0">
                <a:pos x="102" y="115"/>
              </a:cxn>
              <a:cxn ang="0">
                <a:pos x="179" y="81"/>
              </a:cxn>
              <a:cxn ang="0">
                <a:pos x="174" y="80"/>
              </a:cxn>
              <a:cxn ang="0">
                <a:pos x="170" y="80"/>
              </a:cxn>
              <a:cxn ang="0">
                <a:pos x="164" y="80"/>
              </a:cxn>
              <a:cxn ang="0">
                <a:pos x="205" y="191"/>
              </a:cxn>
              <a:cxn ang="0">
                <a:pos x="251" y="325"/>
              </a:cxn>
              <a:cxn ang="0">
                <a:pos x="404" y="310"/>
              </a:cxn>
              <a:cxn ang="0">
                <a:pos x="245" y="181"/>
              </a:cxn>
              <a:cxn ang="0">
                <a:pos x="262" y="189"/>
              </a:cxn>
              <a:cxn ang="0">
                <a:pos x="257" y="196"/>
              </a:cxn>
              <a:cxn ang="0">
                <a:pos x="253" y="203"/>
              </a:cxn>
              <a:cxn ang="0">
                <a:pos x="252" y="207"/>
              </a:cxn>
              <a:cxn ang="0">
                <a:pos x="251" y="213"/>
              </a:cxn>
              <a:cxn ang="0">
                <a:pos x="252" y="216"/>
              </a:cxn>
              <a:cxn ang="0">
                <a:pos x="269" y="233"/>
              </a:cxn>
              <a:cxn ang="0">
                <a:pos x="273" y="240"/>
              </a:cxn>
              <a:cxn ang="0">
                <a:pos x="253" y="247"/>
              </a:cxn>
            </a:cxnLst>
            <a:rect l="0" t="0" r="r" b="b"/>
            <a:pathLst>
              <a:path w="432" h="333">
                <a:moveTo>
                  <a:pt x="424" y="179"/>
                </a:moveTo>
                <a:cubicBezTo>
                  <a:pt x="294" y="116"/>
                  <a:pt x="275" y="108"/>
                  <a:pt x="271" y="107"/>
                </a:cubicBezTo>
                <a:cubicBezTo>
                  <a:pt x="271" y="107"/>
                  <a:pt x="271" y="107"/>
                  <a:pt x="271" y="107"/>
                </a:cubicBezTo>
                <a:cubicBezTo>
                  <a:pt x="239" y="98"/>
                  <a:pt x="239" y="98"/>
                  <a:pt x="239" y="98"/>
                </a:cubicBezTo>
                <a:cubicBezTo>
                  <a:pt x="232" y="96"/>
                  <a:pt x="225" y="100"/>
                  <a:pt x="223" y="107"/>
                </a:cubicBezTo>
                <a:cubicBezTo>
                  <a:pt x="222" y="112"/>
                  <a:pt x="223" y="116"/>
                  <a:pt x="226" y="120"/>
                </a:cubicBezTo>
                <a:cubicBezTo>
                  <a:pt x="228" y="121"/>
                  <a:pt x="230" y="123"/>
                  <a:pt x="232" y="123"/>
                </a:cubicBezTo>
                <a:cubicBezTo>
                  <a:pt x="264" y="132"/>
                  <a:pt x="264" y="132"/>
                  <a:pt x="264" y="132"/>
                </a:cubicBezTo>
                <a:cubicBezTo>
                  <a:pt x="272" y="136"/>
                  <a:pt x="348" y="172"/>
                  <a:pt x="403" y="198"/>
                </a:cubicBezTo>
                <a:cubicBezTo>
                  <a:pt x="387" y="290"/>
                  <a:pt x="387" y="290"/>
                  <a:pt x="387" y="290"/>
                </a:cubicBezTo>
                <a:cubicBezTo>
                  <a:pt x="383" y="292"/>
                  <a:pt x="379" y="295"/>
                  <a:pt x="375" y="297"/>
                </a:cubicBezTo>
                <a:cubicBezTo>
                  <a:pt x="369" y="301"/>
                  <a:pt x="364" y="305"/>
                  <a:pt x="359" y="307"/>
                </a:cubicBezTo>
                <a:cubicBezTo>
                  <a:pt x="252" y="298"/>
                  <a:pt x="252" y="298"/>
                  <a:pt x="252" y="298"/>
                </a:cubicBezTo>
                <a:cubicBezTo>
                  <a:pt x="251" y="298"/>
                  <a:pt x="250" y="298"/>
                  <a:pt x="249" y="298"/>
                </a:cubicBezTo>
                <a:cubicBezTo>
                  <a:pt x="246" y="299"/>
                  <a:pt x="238" y="299"/>
                  <a:pt x="237" y="290"/>
                </a:cubicBezTo>
                <a:cubicBezTo>
                  <a:pt x="236" y="286"/>
                  <a:pt x="237" y="283"/>
                  <a:pt x="238" y="280"/>
                </a:cubicBezTo>
                <a:cubicBezTo>
                  <a:pt x="239" y="278"/>
                  <a:pt x="241" y="276"/>
                  <a:pt x="244" y="275"/>
                </a:cubicBezTo>
                <a:cubicBezTo>
                  <a:pt x="271" y="271"/>
                  <a:pt x="271" y="271"/>
                  <a:pt x="271" y="271"/>
                </a:cubicBezTo>
                <a:cubicBezTo>
                  <a:pt x="277" y="270"/>
                  <a:pt x="277" y="270"/>
                  <a:pt x="277" y="270"/>
                </a:cubicBezTo>
                <a:cubicBezTo>
                  <a:pt x="279" y="269"/>
                  <a:pt x="281" y="269"/>
                  <a:pt x="283" y="267"/>
                </a:cubicBezTo>
                <a:cubicBezTo>
                  <a:pt x="283" y="267"/>
                  <a:pt x="283" y="267"/>
                  <a:pt x="283" y="267"/>
                </a:cubicBezTo>
                <a:cubicBezTo>
                  <a:pt x="283" y="267"/>
                  <a:pt x="283" y="267"/>
                  <a:pt x="283" y="267"/>
                </a:cubicBezTo>
                <a:cubicBezTo>
                  <a:pt x="283" y="267"/>
                  <a:pt x="284" y="266"/>
                  <a:pt x="284" y="266"/>
                </a:cubicBezTo>
                <a:cubicBezTo>
                  <a:pt x="284" y="266"/>
                  <a:pt x="284" y="266"/>
                  <a:pt x="284" y="266"/>
                </a:cubicBezTo>
                <a:cubicBezTo>
                  <a:pt x="284" y="266"/>
                  <a:pt x="284" y="266"/>
                  <a:pt x="285" y="266"/>
                </a:cubicBezTo>
                <a:cubicBezTo>
                  <a:pt x="285" y="266"/>
                  <a:pt x="285" y="265"/>
                  <a:pt x="285" y="265"/>
                </a:cubicBezTo>
                <a:cubicBezTo>
                  <a:pt x="285" y="265"/>
                  <a:pt x="285" y="265"/>
                  <a:pt x="286" y="265"/>
                </a:cubicBezTo>
                <a:cubicBezTo>
                  <a:pt x="286" y="265"/>
                  <a:pt x="286" y="264"/>
                  <a:pt x="286" y="264"/>
                </a:cubicBezTo>
                <a:cubicBezTo>
                  <a:pt x="286" y="264"/>
                  <a:pt x="287" y="264"/>
                  <a:pt x="287" y="264"/>
                </a:cubicBezTo>
                <a:cubicBezTo>
                  <a:pt x="287" y="264"/>
                  <a:pt x="287" y="263"/>
                  <a:pt x="287" y="263"/>
                </a:cubicBezTo>
                <a:cubicBezTo>
                  <a:pt x="288" y="263"/>
                  <a:pt x="288" y="263"/>
                  <a:pt x="288" y="262"/>
                </a:cubicBezTo>
                <a:cubicBezTo>
                  <a:pt x="288" y="262"/>
                  <a:pt x="289" y="262"/>
                  <a:pt x="289" y="262"/>
                </a:cubicBezTo>
                <a:cubicBezTo>
                  <a:pt x="289" y="262"/>
                  <a:pt x="289" y="261"/>
                  <a:pt x="290" y="261"/>
                </a:cubicBezTo>
                <a:cubicBezTo>
                  <a:pt x="290" y="261"/>
                  <a:pt x="290" y="260"/>
                  <a:pt x="290" y="260"/>
                </a:cubicBezTo>
                <a:cubicBezTo>
                  <a:pt x="291" y="260"/>
                  <a:pt x="291" y="260"/>
                  <a:pt x="291" y="259"/>
                </a:cubicBezTo>
                <a:cubicBezTo>
                  <a:pt x="291" y="259"/>
                  <a:pt x="292" y="259"/>
                  <a:pt x="292" y="259"/>
                </a:cubicBezTo>
                <a:cubicBezTo>
                  <a:pt x="292" y="258"/>
                  <a:pt x="293" y="258"/>
                  <a:pt x="293" y="258"/>
                </a:cubicBezTo>
                <a:cubicBezTo>
                  <a:pt x="293" y="257"/>
                  <a:pt x="293" y="257"/>
                  <a:pt x="294" y="257"/>
                </a:cubicBezTo>
                <a:cubicBezTo>
                  <a:pt x="294" y="256"/>
                  <a:pt x="294" y="256"/>
                  <a:pt x="295" y="256"/>
                </a:cubicBezTo>
                <a:cubicBezTo>
                  <a:pt x="295" y="255"/>
                  <a:pt x="295" y="255"/>
                  <a:pt x="295" y="255"/>
                </a:cubicBezTo>
                <a:cubicBezTo>
                  <a:pt x="296" y="254"/>
                  <a:pt x="296" y="254"/>
                  <a:pt x="296" y="254"/>
                </a:cubicBezTo>
                <a:cubicBezTo>
                  <a:pt x="297" y="253"/>
                  <a:pt x="297" y="253"/>
                  <a:pt x="297" y="253"/>
                </a:cubicBezTo>
                <a:cubicBezTo>
                  <a:pt x="297" y="253"/>
                  <a:pt x="297" y="253"/>
                  <a:pt x="297" y="253"/>
                </a:cubicBezTo>
                <a:cubicBezTo>
                  <a:pt x="297" y="252"/>
                  <a:pt x="298" y="252"/>
                  <a:pt x="298" y="251"/>
                </a:cubicBezTo>
                <a:cubicBezTo>
                  <a:pt x="298" y="251"/>
                  <a:pt x="299" y="251"/>
                  <a:pt x="299" y="250"/>
                </a:cubicBezTo>
                <a:cubicBezTo>
                  <a:pt x="299" y="250"/>
                  <a:pt x="300" y="249"/>
                  <a:pt x="300" y="249"/>
                </a:cubicBezTo>
                <a:cubicBezTo>
                  <a:pt x="300" y="249"/>
                  <a:pt x="300" y="248"/>
                  <a:pt x="301" y="248"/>
                </a:cubicBezTo>
                <a:cubicBezTo>
                  <a:pt x="301" y="247"/>
                  <a:pt x="301" y="247"/>
                  <a:pt x="302" y="246"/>
                </a:cubicBezTo>
                <a:cubicBezTo>
                  <a:pt x="302" y="246"/>
                  <a:pt x="302" y="246"/>
                  <a:pt x="302" y="245"/>
                </a:cubicBezTo>
                <a:cubicBezTo>
                  <a:pt x="303" y="245"/>
                  <a:pt x="303" y="244"/>
                  <a:pt x="303" y="244"/>
                </a:cubicBezTo>
                <a:cubicBezTo>
                  <a:pt x="303" y="243"/>
                  <a:pt x="304" y="243"/>
                  <a:pt x="304" y="243"/>
                </a:cubicBezTo>
                <a:cubicBezTo>
                  <a:pt x="304" y="242"/>
                  <a:pt x="305" y="241"/>
                  <a:pt x="305" y="240"/>
                </a:cubicBezTo>
                <a:cubicBezTo>
                  <a:pt x="305" y="240"/>
                  <a:pt x="305" y="240"/>
                  <a:pt x="305" y="240"/>
                </a:cubicBezTo>
                <a:cubicBezTo>
                  <a:pt x="305" y="240"/>
                  <a:pt x="305" y="240"/>
                  <a:pt x="305" y="240"/>
                </a:cubicBezTo>
                <a:cubicBezTo>
                  <a:pt x="307" y="236"/>
                  <a:pt x="308" y="233"/>
                  <a:pt x="309" y="229"/>
                </a:cubicBezTo>
                <a:cubicBezTo>
                  <a:pt x="310" y="225"/>
                  <a:pt x="310" y="222"/>
                  <a:pt x="310" y="218"/>
                </a:cubicBezTo>
                <a:cubicBezTo>
                  <a:pt x="310" y="217"/>
                  <a:pt x="310" y="216"/>
                  <a:pt x="310" y="216"/>
                </a:cubicBezTo>
                <a:cubicBezTo>
                  <a:pt x="310" y="212"/>
                  <a:pt x="309" y="209"/>
                  <a:pt x="308" y="206"/>
                </a:cubicBezTo>
                <a:cubicBezTo>
                  <a:pt x="307" y="203"/>
                  <a:pt x="305" y="200"/>
                  <a:pt x="304" y="197"/>
                </a:cubicBezTo>
                <a:cubicBezTo>
                  <a:pt x="303" y="196"/>
                  <a:pt x="303" y="196"/>
                  <a:pt x="303" y="195"/>
                </a:cubicBezTo>
                <a:cubicBezTo>
                  <a:pt x="301" y="192"/>
                  <a:pt x="299" y="190"/>
                  <a:pt x="298" y="187"/>
                </a:cubicBezTo>
                <a:cubicBezTo>
                  <a:pt x="296" y="186"/>
                  <a:pt x="295" y="184"/>
                  <a:pt x="293" y="182"/>
                </a:cubicBezTo>
                <a:cubicBezTo>
                  <a:pt x="292" y="181"/>
                  <a:pt x="291" y="180"/>
                  <a:pt x="290" y="178"/>
                </a:cubicBezTo>
                <a:cubicBezTo>
                  <a:pt x="285" y="173"/>
                  <a:pt x="281" y="169"/>
                  <a:pt x="279" y="168"/>
                </a:cubicBezTo>
                <a:cubicBezTo>
                  <a:pt x="279" y="168"/>
                  <a:pt x="278" y="167"/>
                  <a:pt x="278" y="167"/>
                </a:cubicBezTo>
                <a:cubicBezTo>
                  <a:pt x="278" y="167"/>
                  <a:pt x="277" y="167"/>
                  <a:pt x="276" y="166"/>
                </a:cubicBezTo>
                <a:cubicBezTo>
                  <a:pt x="266" y="160"/>
                  <a:pt x="266" y="160"/>
                  <a:pt x="266" y="160"/>
                </a:cubicBezTo>
                <a:cubicBezTo>
                  <a:pt x="265" y="160"/>
                  <a:pt x="237" y="150"/>
                  <a:pt x="237" y="150"/>
                </a:cubicBezTo>
                <a:cubicBezTo>
                  <a:pt x="195" y="136"/>
                  <a:pt x="195" y="136"/>
                  <a:pt x="195" y="136"/>
                </a:cubicBezTo>
                <a:cubicBezTo>
                  <a:pt x="195" y="136"/>
                  <a:pt x="195" y="136"/>
                  <a:pt x="195" y="136"/>
                </a:cubicBezTo>
                <a:cubicBezTo>
                  <a:pt x="165" y="126"/>
                  <a:pt x="165" y="126"/>
                  <a:pt x="165" y="126"/>
                </a:cubicBezTo>
                <a:cubicBezTo>
                  <a:pt x="162" y="125"/>
                  <a:pt x="160" y="123"/>
                  <a:pt x="159" y="121"/>
                </a:cubicBezTo>
                <a:cubicBezTo>
                  <a:pt x="158" y="119"/>
                  <a:pt x="158" y="116"/>
                  <a:pt x="159" y="113"/>
                </a:cubicBezTo>
                <a:cubicBezTo>
                  <a:pt x="160" y="109"/>
                  <a:pt x="163" y="107"/>
                  <a:pt x="167" y="106"/>
                </a:cubicBezTo>
                <a:cubicBezTo>
                  <a:pt x="169" y="106"/>
                  <a:pt x="170" y="106"/>
                  <a:pt x="172" y="107"/>
                </a:cubicBezTo>
                <a:cubicBezTo>
                  <a:pt x="172" y="107"/>
                  <a:pt x="172" y="107"/>
                  <a:pt x="172" y="107"/>
                </a:cubicBezTo>
                <a:cubicBezTo>
                  <a:pt x="197" y="114"/>
                  <a:pt x="197" y="114"/>
                  <a:pt x="197" y="114"/>
                </a:cubicBezTo>
                <a:cubicBezTo>
                  <a:pt x="198" y="114"/>
                  <a:pt x="199" y="114"/>
                  <a:pt x="199" y="114"/>
                </a:cubicBezTo>
                <a:cubicBezTo>
                  <a:pt x="199" y="114"/>
                  <a:pt x="199" y="114"/>
                  <a:pt x="199" y="114"/>
                </a:cubicBezTo>
                <a:cubicBezTo>
                  <a:pt x="200" y="114"/>
                  <a:pt x="200" y="114"/>
                  <a:pt x="201" y="114"/>
                </a:cubicBezTo>
                <a:cubicBezTo>
                  <a:pt x="201" y="114"/>
                  <a:pt x="201" y="114"/>
                  <a:pt x="201" y="114"/>
                </a:cubicBezTo>
                <a:cubicBezTo>
                  <a:pt x="201" y="114"/>
                  <a:pt x="202" y="114"/>
                  <a:pt x="202" y="114"/>
                </a:cubicBezTo>
                <a:cubicBezTo>
                  <a:pt x="202" y="114"/>
                  <a:pt x="202" y="114"/>
                  <a:pt x="203" y="114"/>
                </a:cubicBezTo>
                <a:cubicBezTo>
                  <a:pt x="203" y="114"/>
                  <a:pt x="204" y="114"/>
                  <a:pt x="204" y="114"/>
                </a:cubicBezTo>
                <a:cubicBezTo>
                  <a:pt x="204" y="114"/>
                  <a:pt x="204" y="114"/>
                  <a:pt x="204" y="114"/>
                </a:cubicBezTo>
                <a:cubicBezTo>
                  <a:pt x="205" y="114"/>
                  <a:pt x="205" y="114"/>
                  <a:pt x="205" y="114"/>
                </a:cubicBezTo>
                <a:cubicBezTo>
                  <a:pt x="206" y="114"/>
                  <a:pt x="206" y="113"/>
                  <a:pt x="206" y="113"/>
                </a:cubicBezTo>
                <a:cubicBezTo>
                  <a:pt x="206" y="113"/>
                  <a:pt x="207" y="113"/>
                  <a:pt x="207" y="113"/>
                </a:cubicBezTo>
                <a:cubicBezTo>
                  <a:pt x="207" y="113"/>
                  <a:pt x="207" y="113"/>
                  <a:pt x="207" y="113"/>
                </a:cubicBezTo>
                <a:cubicBezTo>
                  <a:pt x="208" y="113"/>
                  <a:pt x="208" y="112"/>
                  <a:pt x="209" y="112"/>
                </a:cubicBezTo>
                <a:cubicBezTo>
                  <a:pt x="209" y="112"/>
                  <a:pt x="209" y="112"/>
                  <a:pt x="209" y="112"/>
                </a:cubicBezTo>
                <a:cubicBezTo>
                  <a:pt x="209" y="112"/>
                  <a:pt x="209" y="111"/>
                  <a:pt x="210" y="111"/>
                </a:cubicBezTo>
                <a:cubicBezTo>
                  <a:pt x="210" y="111"/>
                  <a:pt x="210" y="111"/>
                  <a:pt x="210" y="111"/>
                </a:cubicBezTo>
                <a:cubicBezTo>
                  <a:pt x="210" y="111"/>
                  <a:pt x="210" y="111"/>
                  <a:pt x="210" y="111"/>
                </a:cubicBezTo>
                <a:cubicBezTo>
                  <a:pt x="210" y="110"/>
                  <a:pt x="211" y="110"/>
                  <a:pt x="211" y="110"/>
                </a:cubicBezTo>
                <a:cubicBezTo>
                  <a:pt x="211" y="110"/>
                  <a:pt x="211" y="110"/>
                  <a:pt x="211" y="110"/>
                </a:cubicBezTo>
                <a:cubicBezTo>
                  <a:pt x="212" y="109"/>
                  <a:pt x="212" y="108"/>
                  <a:pt x="213" y="107"/>
                </a:cubicBezTo>
                <a:cubicBezTo>
                  <a:pt x="213" y="107"/>
                  <a:pt x="213" y="107"/>
                  <a:pt x="213" y="107"/>
                </a:cubicBezTo>
                <a:cubicBezTo>
                  <a:pt x="213" y="106"/>
                  <a:pt x="213" y="106"/>
                  <a:pt x="213" y="106"/>
                </a:cubicBezTo>
                <a:cubicBezTo>
                  <a:pt x="214" y="105"/>
                  <a:pt x="214" y="105"/>
                  <a:pt x="214" y="105"/>
                </a:cubicBezTo>
                <a:cubicBezTo>
                  <a:pt x="214" y="105"/>
                  <a:pt x="214" y="105"/>
                  <a:pt x="214" y="105"/>
                </a:cubicBezTo>
                <a:cubicBezTo>
                  <a:pt x="214" y="104"/>
                  <a:pt x="214" y="104"/>
                  <a:pt x="214" y="104"/>
                </a:cubicBezTo>
                <a:cubicBezTo>
                  <a:pt x="214" y="104"/>
                  <a:pt x="214" y="104"/>
                  <a:pt x="214" y="103"/>
                </a:cubicBezTo>
                <a:cubicBezTo>
                  <a:pt x="214" y="103"/>
                  <a:pt x="214" y="103"/>
                  <a:pt x="214" y="102"/>
                </a:cubicBezTo>
                <a:cubicBezTo>
                  <a:pt x="214" y="102"/>
                  <a:pt x="214" y="102"/>
                  <a:pt x="214" y="102"/>
                </a:cubicBezTo>
                <a:cubicBezTo>
                  <a:pt x="214" y="101"/>
                  <a:pt x="214" y="101"/>
                  <a:pt x="214" y="100"/>
                </a:cubicBezTo>
                <a:cubicBezTo>
                  <a:pt x="214" y="100"/>
                  <a:pt x="214" y="100"/>
                  <a:pt x="214" y="100"/>
                </a:cubicBezTo>
                <a:cubicBezTo>
                  <a:pt x="214" y="100"/>
                  <a:pt x="214" y="99"/>
                  <a:pt x="214" y="99"/>
                </a:cubicBezTo>
                <a:cubicBezTo>
                  <a:pt x="214" y="99"/>
                  <a:pt x="214" y="99"/>
                  <a:pt x="214" y="99"/>
                </a:cubicBezTo>
                <a:cubicBezTo>
                  <a:pt x="214" y="98"/>
                  <a:pt x="214" y="98"/>
                  <a:pt x="214" y="98"/>
                </a:cubicBezTo>
                <a:cubicBezTo>
                  <a:pt x="214" y="98"/>
                  <a:pt x="214" y="98"/>
                  <a:pt x="214" y="98"/>
                </a:cubicBezTo>
                <a:cubicBezTo>
                  <a:pt x="209" y="72"/>
                  <a:pt x="193" y="51"/>
                  <a:pt x="171" y="41"/>
                </a:cubicBezTo>
                <a:cubicBezTo>
                  <a:pt x="168" y="40"/>
                  <a:pt x="165" y="39"/>
                  <a:pt x="161" y="38"/>
                </a:cubicBezTo>
                <a:cubicBezTo>
                  <a:pt x="158" y="37"/>
                  <a:pt x="155" y="36"/>
                  <a:pt x="152" y="36"/>
                </a:cubicBezTo>
                <a:cubicBezTo>
                  <a:pt x="151" y="36"/>
                  <a:pt x="150" y="36"/>
                  <a:pt x="149" y="36"/>
                </a:cubicBezTo>
                <a:cubicBezTo>
                  <a:pt x="148" y="36"/>
                  <a:pt x="147" y="36"/>
                  <a:pt x="145" y="36"/>
                </a:cubicBezTo>
                <a:cubicBezTo>
                  <a:pt x="107" y="36"/>
                  <a:pt x="75" y="71"/>
                  <a:pt x="75" y="115"/>
                </a:cubicBezTo>
                <a:cubicBezTo>
                  <a:pt x="75" y="159"/>
                  <a:pt x="107" y="194"/>
                  <a:pt x="145" y="194"/>
                </a:cubicBezTo>
                <a:cubicBezTo>
                  <a:pt x="147" y="194"/>
                  <a:pt x="148" y="194"/>
                  <a:pt x="149" y="194"/>
                </a:cubicBezTo>
                <a:cubicBezTo>
                  <a:pt x="149" y="194"/>
                  <a:pt x="150" y="194"/>
                  <a:pt x="150" y="194"/>
                </a:cubicBezTo>
                <a:cubicBezTo>
                  <a:pt x="151" y="194"/>
                  <a:pt x="151" y="194"/>
                  <a:pt x="152" y="194"/>
                </a:cubicBezTo>
                <a:cubicBezTo>
                  <a:pt x="152" y="194"/>
                  <a:pt x="152" y="194"/>
                  <a:pt x="152" y="194"/>
                </a:cubicBezTo>
                <a:cubicBezTo>
                  <a:pt x="152" y="201"/>
                  <a:pt x="152" y="201"/>
                  <a:pt x="152" y="201"/>
                </a:cubicBezTo>
                <a:cubicBezTo>
                  <a:pt x="56" y="206"/>
                  <a:pt x="56" y="206"/>
                  <a:pt x="56" y="206"/>
                </a:cubicBezTo>
                <a:cubicBezTo>
                  <a:pt x="27" y="196"/>
                  <a:pt x="27" y="196"/>
                  <a:pt x="27" y="196"/>
                </a:cubicBezTo>
                <a:cubicBezTo>
                  <a:pt x="27" y="38"/>
                  <a:pt x="27" y="38"/>
                  <a:pt x="27" y="38"/>
                </a:cubicBezTo>
                <a:cubicBezTo>
                  <a:pt x="57" y="26"/>
                  <a:pt x="57" y="26"/>
                  <a:pt x="57" y="26"/>
                </a:cubicBezTo>
                <a:cubicBezTo>
                  <a:pt x="155" y="29"/>
                  <a:pt x="155" y="29"/>
                  <a:pt x="155" y="29"/>
                </a:cubicBezTo>
                <a:cubicBezTo>
                  <a:pt x="156" y="29"/>
                  <a:pt x="157" y="29"/>
                  <a:pt x="159" y="29"/>
                </a:cubicBezTo>
                <a:cubicBezTo>
                  <a:pt x="164" y="27"/>
                  <a:pt x="168" y="22"/>
                  <a:pt x="168" y="16"/>
                </a:cubicBezTo>
                <a:cubicBezTo>
                  <a:pt x="169" y="9"/>
                  <a:pt x="163" y="3"/>
                  <a:pt x="155" y="3"/>
                </a:cubicBezTo>
                <a:cubicBezTo>
                  <a:pt x="55" y="0"/>
                  <a:pt x="55" y="0"/>
                  <a:pt x="55" y="0"/>
                </a:cubicBezTo>
                <a:cubicBezTo>
                  <a:pt x="54" y="0"/>
                  <a:pt x="52" y="0"/>
                  <a:pt x="50" y="1"/>
                </a:cubicBezTo>
                <a:cubicBezTo>
                  <a:pt x="9" y="16"/>
                  <a:pt x="9" y="16"/>
                  <a:pt x="9" y="16"/>
                </a:cubicBezTo>
                <a:cubicBezTo>
                  <a:pt x="4" y="18"/>
                  <a:pt x="0" y="23"/>
                  <a:pt x="0" y="29"/>
                </a:cubicBezTo>
                <a:cubicBezTo>
                  <a:pt x="0" y="206"/>
                  <a:pt x="0" y="206"/>
                  <a:pt x="0" y="206"/>
                </a:cubicBezTo>
                <a:cubicBezTo>
                  <a:pt x="0" y="211"/>
                  <a:pt x="4" y="216"/>
                  <a:pt x="9" y="218"/>
                </a:cubicBezTo>
                <a:cubicBezTo>
                  <a:pt x="50" y="232"/>
                  <a:pt x="50" y="232"/>
                  <a:pt x="50" y="232"/>
                </a:cubicBezTo>
                <a:cubicBezTo>
                  <a:pt x="51" y="232"/>
                  <a:pt x="53" y="232"/>
                  <a:pt x="54" y="232"/>
                </a:cubicBezTo>
                <a:cubicBezTo>
                  <a:pt x="55" y="232"/>
                  <a:pt x="55" y="232"/>
                  <a:pt x="55" y="232"/>
                </a:cubicBezTo>
                <a:cubicBezTo>
                  <a:pt x="166" y="227"/>
                  <a:pt x="166" y="227"/>
                  <a:pt x="166" y="227"/>
                </a:cubicBezTo>
                <a:cubicBezTo>
                  <a:pt x="173" y="227"/>
                  <a:pt x="179" y="221"/>
                  <a:pt x="179" y="214"/>
                </a:cubicBezTo>
                <a:cubicBezTo>
                  <a:pt x="179" y="176"/>
                  <a:pt x="179" y="176"/>
                  <a:pt x="179" y="176"/>
                </a:cubicBezTo>
                <a:cubicBezTo>
                  <a:pt x="179" y="176"/>
                  <a:pt x="179" y="176"/>
                  <a:pt x="179" y="176"/>
                </a:cubicBezTo>
                <a:cubicBezTo>
                  <a:pt x="179" y="176"/>
                  <a:pt x="179" y="175"/>
                  <a:pt x="179" y="175"/>
                </a:cubicBezTo>
                <a:cubicBezTo>
                  <a:pt x="179" y="175"/>
                  <a:pt x="179" y="175"/>
                  <a:pt x="179" y="175"/>
                </a:cubicBezTo>
                <a:cubicBezTo>
                  <a:pt x="179" y="174"/>
                  <a:pt x="179" y="174"/>
                  <a:pt x="179" y="173"/>
                </a:cubicBezTo>
                <a:cubicBezTo>
                  <a:pt x="179" y="173"/>
                  <a:pt x="179" y="173"/>
                  <a:pt x="178" y="173"/>
                </a:cubicBezTo>
                <a:cubicBezTo>
                  <a:pt x="178" y="173"/>
                  <a:pt x="178" y="172"/>
                  <a:pt x="178" y="172"/>
                </a:cubicBezTo>
                <a:cubicBezTo>
                  <a:pt x="178" y="172"/>
                  <a:pt x="178" y="172"/>
                  <a:pt x="178" y="171"/>
                </a:cubicBezTo>
                <a:cubicBezTo>
                  <a:pt x="178" y="171"/>
                  <a:pt x="178" y="171"/>
                  <a:pt x="178" y="170"/>
                </a:cubicBezTo>
                <a:cubicBezTo>
                  <a:pt x="177" y="170"/>
                  <a:pt x="177" y="170"/>
                  <a:pt x="177" y="170"/>
                </a:cubicBezTo>
                <a:cubicBezTo>
                  <a:pt x="177" y="170"/>
                  <a:pt x="177" y="169"/>
                  <a:pt x="177" y="169"/>
                </a:cubicBezTo>
                <a:cubicBezTo>
                  <a:pt x="176" y="168"/>
                  <a:pt x="176" y="168"/>
                  <a:pt x="176" y="168"/>
                </a:cubicBezTo>
                <a:cubicBezTo>
                  <a:pt x="175" y="167"/>
                  <a:pt x="175" y="167"/>
                  <a:pt x="175" y="167"/>
                </a:cubicBezTo>
                <a:cubicBezTo>
                  <a:pt x="175" y="167"/>
                  <a:pt x="175" y="167"/>
                  <a:pt x="175" y="167"/>
                </a:cubicBezTo>
                <a:cubicBezTo>
                  <a:pt x="175" y="167"/>
                  <a:pt x="175" y="167"/>
                  <a:pt x="174" y="166"/>
                </a:cubicBezTo>
                <a:cubicBezTo>
                  <a:pt x="174" y="166"/>
                  <a:pt x="174" y="166"/>
                  <a:pt x="174" y="166"/>
                </a:cubicBezTo>
                <a:cubicBezTo>
                  <a:pt x="174" y="166"/>
                  <a:pt x="173" y="166"/>
                  <a:pt x="173" y="165"/>
                </a:cubicBezTo>
                <a:cubicBezTo>
                  <a:pt x="173" y="165"/>
                  <a:pt x="173" y="165"/>
                  <a:pt x="173" y="165"/>
                </a:cubicBezTo>
                <a:cubicBezTo>
                  <a:pt x="172" y="165"/>
                  <a:pt x="172" y="165"/>
                  <a:pt x="172" y="165"/>
                </a:cubicBezTo>
                <a:cubicBezTo>
                  <a:pt x="171" y="164"/>
                  <a:pt x="171" y="164"/>
                  <a:pt x="171" y="164"/>
                </a:cubicBezTo>
                <a:cubicBezTo>
                  <a:pt x="171" y="164"/>
                  <a:pt x="171" y="164"/>
                  <a:pt x="170" y="164"/>
                </a:cubicBezTo>
                <a:cubicBezTo>
                  <a:pt x="170" y="164"/>
                  <a:pt x="170" y="164"/>
                  <a:pt x="170" y="164"/>
                </a:cubicBezTo>
                <a:cubicBezTo>
                  <a:pt x="169" y="164"/>
                  <a:pt x="169" y="164"/>
                  <a:pt x="169" y="163"/>
                </a:cubicBezTo>
                <a:cubicBezTo>
                  <a:pt x="169" y="163"/>
                  <a:pt x="168" y="163"/>
                  <a:pt x="168" y="163"/>
                </a:cubicBezTo>
                <a:cubicBezTo>
                  <a:pt x="167" y="163"/>
                  <a:pt x="166" y="163"/>
                  <a:pt x="165" y="163"/>
                </a:cubicBezTo>
                <a:cubicBezTo>
                  <a:pt x="165" y="163"/>
                  <a:pt x="165" y="163"/>
                  <a:pt x="165" y="163"/>
                </a:cubicBezTo>
                <a:cubicBezTo>
                  <a:pt x="164" y="163"/>
                  <a:pt x="164" y="163"/>
                  <a:pt x="164" y="163"/>
                </a:cubicBezTo>
                <a:cubicBezTo>
                  <a:pt x="164" y="163"/>
                  <a:pt x="163" y="163"/>
                  <a:pt x="163" y="163"/>
                </a:cubicBezTo>
                <a:cubicBezTo>
                  <a:pt x="163" y="163"/>
                  <a:pt x="162" y="164"/>
                  <a:pt x="162" y="164"/>
                </a:cubicBezTo>
                <a:cubicBezTo>
                  <a:pt x="162" y="164"/>
                  <a:pt x="162" y="164"/>
                  <a:pt x="162" y="164"/>
                </a:cubicBezTo>
                <a:cubicBezTo>
                  <a:pt x="161" y="164"/>
                  <a:pt x="161" y="164"/>
                  <a:pt x="160" y="164"/>
                </a:cubicBezTo>
                <a:cubicBezTo>
                  <a:pt x="156" y="166"/>
                  <a:pt x="151" y="167"/>
                  <a:pt x="145" y="167"/>
                </a:cubicBezTo>
                <a:cubicBezTo>
                  <a:pt x="122" y="167"/>
                  <a:pt x="102" y="144"/>
                  <a:pt x="102" y="115"/>
                </a:cubicBezTo>
                <a:cubicBezTo>
                  <a:pt x="102" y="86"/>
                  <a:pt x="122" y="62"/>
                  <a:pt x="145" y="62"/>
                </a:cubicBezTo>
                <a:cubicBezTo>
                  <a:pt x="147" y="62"/>
                  <a:pt x="148" y="62"/>
                  <a:pt x="149" y="63"/>
                </a:cubicBezTo>
                <a:cubicBezTo>
                  <a:pt x="153" y="63"/>
                  <a:pt x="157" y="64"/>
                  <a:pt x="160" y="65"/>
                </a:cubicBezTo>
                <a:cubicBezTo>
                  <a:pt x="160" y="65"/>
                  <a:pt x="160" y="65"/>
                  <a:pt x="160" y="65"/>
                </a:cubicBezTo>
                <a:cubicBezTo>
                  <a:pt x="167" y="69"/>
                  <a:pt x="174" y="74"/>
                  <a:pt x="179" y="81"/>
                </a:cubicBezTo>
                <a:cubicBezTo>
                  <a:pt x="178" y="81"/>
                  <a:pt x="178" y="81"/>
                  <a:pt x="178" y="81"/>
                </a:cubicBezTo>
                <a:cubicBezTo>
                  <a:pt x="178" y="81"/>
                  <a:pt x="178" y="81"/>
                  <a:pt x="177" y="81"/>
                </a:cubicBezTo>
                <a:cubicBezTo>
                  <a:pt x="177" y="81"/>
                  <a:pt x="177" y="81"/>
                  <a:pt x="176" y="80"/>
                </a:cubicBezTo>
                <a:cubicBezTo>
                  <a:pt x="176" y="80"/>
                  <a:pt x="176" y="80"/>
                  <a:pt x="176" y="80"/>
                </a:cubicBezTo>
                <a:cubicBezTo>
                  <a:pt x="175" y="80"/>
                  <a:pt x="175" y="80"/>
                  <a:pt x="174" y="80"/>
                </a:cubicBezTo>
                <a:cubicBezTo>
                  <a:pt x="174" y="80"/>
                  <a:pt x="174" y="80"/>
                  <a:pt x="174" y="80"/>
                </a:cubicBezTo>
                <a:cubicBezTo>
                  <a:pt x="173" y="80"/>
                  <a:pt x="173" y="80"/>
                  <a:pt x="173" y="80"/>
                </a:cubicBezTo>
                <a:cubicBezTo>
                  <a:pt x="172" y="80"/>
                  <a:pt x="172" y="80"/>
                  <a:pt x="172" y="80"/>
                </a:cubicBezTo>
                <a:cubicBezTo>
                  <a:pt x="171" y="80"/>
                  <a:pt x="171" y="80"/>
                  <a:pt x="171" y="80"/>
                </a:cubicBezTo>
                <a:cubicBezTo>
                  <a:pt x="170" y="80"/>
                  <a:pt x="170" y="80"/>
                  <a:pt x="170" y="80"/>
                </a:cubicBezTo>
                <a:cubicBezTo>
                  <a:pt x="169" y="80"/>
                  <a:pt x="169" y="80"/>
                  <a:pt x="169" y="80"/>
                </a:cubicBezTo>
                <a:cubicBezTo>
                  <a:pt x="168" y="80"/>
                  <a:pt x="168" y="80"/>
                  <a:pt x="168" y="80"/>
                </a:cubicBezTo>
                <a:cubicBezTo>
                  <a:pt x="168" y="80"/>
                  <a:pt x="167" y="80"/>
                  <a:pt x="167" y="80"/>
                </a:cubicBezTo>
                <a:cubicBezTo>
                  <a:pt x="166" y="80"/>
                  <a:pt x="166" y="80"/>
                  <a:pt x="166" y="80"/>
                </a:cubicBezTo>
                <a:cubicBezTo>
                  <a:pt x="165" y="80"/>
                  <a:pt x="165" y="80"/>
                  <a:pt x="164" y="80"/>
                </a:cubicBezTo>
                <a:cubicBezTo>
                  <a:pt x="150" y="82"/>
                  <a:pt x="138" y="91"/>
                  <a:pt x="134" y="105"/>
                </a:cubicBezTo>
                <a:cubicBezTo>
                  <a:pt x="130" y="114"/>
                  <a:pt x="131" y="124"/>
                  <a:pt x="135" y="133"/>
                </a:cubicBezTo>
                <a:cubicBezTo>
                  <a:pt x="140" y="142"/>
                  <a:pt x="147" y="148"/>
                  <a:pt x="157" y="151"/>
                </a:cubicBezTo>
                <a:cubicBezTo>
                  <a:pt x="218" y="172"/>
                  <a:pt x="218" y="172"/>
                  <a:pt x="218" y="172"/>
                </a:cubicBezTo>
                <a:cubicBezTo>
                  <a:pt x="213" y="179"/>
                  <a:pt x="208" y="186"/>
                  <a:pt x="205" y="191"/>
                </a:cubicBezTo>
                <a:cubicBezTo>
                  <a:pt x="195" y="209"/>
                  <a:pt x="198" y="240"/>
                  <a:pt x="216" y="253"/>
                </a:cubicBezTo>
                <a:cubicBezTo>
                  <a:pt x="218" y="254"/>
                  <a:pt x="220" y="256"/>
                  <a:pt x="222" y="258"/>
                </a:cubicBezTo>
                <a:cubicBezTo>
                  <a:pt x="220" y="260"/>
                  <a:pt x="217" y="263"/>
                  <a:pt x="216" y="266"/>
                </a:cubicBezTo>
                <a:cubicBezTo>
                  <a:pt x="210" y="274"/>
                  <a:pt x="209" y="285"/>
                  <a:pt x="210" y="295"/>
                </a:cubicBezTo>
                <a:cubicBezTo>
                  <a:pt x="214" y="315"/>
                  <a:pt x="231" y="327"/>
                  <a:pt x="251" y="325"/>
                </a:cubicBezTo>
                <a:cubicBezTo>
                  <a:pt x="359" y="333"/>
                  <a:pt x="359" y="333"/>
                  <a:pt x="359" y="333"/>
                </a:cubicBezTo>
                <a:cubicBezTo>
                  <a:pt x="359" y="333"/>
                  <a:pt x="360" y="333"/>
                  <a:pt x="360" y="333"/>
                </a:cubicBezTo>
                <a:cubicBezTo>
                  <a:pt x="361" y="333"/>
                  <a:pt x="361" y="333"/>
                  <a:pt x="362" y="333"/>
                </a:cubicBezTo>
                <a:cubicBezTo>
                  <a:pt x="373" y="331"/>
                  <a:pt x="382" y="325"/>
                  <a:pt x="390" y="319"/>
                </a:cubicBezTo>
                <a:cubicBezTo>
                  <a:pt x="395" y="316"/>
                  <a:pt x="400" y="312"/>
                  <a:pt x="404" y="310"/>
                </a:cubicBezTo>
                <a:cubicBezTo>
                  <a:pt x="408" y="308"/>
                  <a:pt x="411" y="305"/>
                  <a:pt x="412" y="301"/>
                </a:cubicBezTo>
                <a:cubicBezTo>
                  <a:pt x="431" y="193"/>
                  <a:pt x="431" y="193"/>
                  <a:pt x="431" y="193"/>
                </a:cubicBezTo>
                <a:cubicBezTo>
                  <a:pt x="432" y="187"/>
                  <a:pt x="429" y="181"/>
                  <a:pt x="424" y="179"/>
                </a:cubicBezTo>
                <a:close/>
                <a:moveTo>
                  <a:pt x="228" y="204"/>
                </a:moveTo>
                <a:cubicBezTo>
                  <a:pt x="231" y="199"/>
                  <a:pt x="237" y="191"/>
                  <a:pt x="245" y="181"/>
                </a:cubicBezTo>
                <a:cubicBezTo>
                  <a:pt x="251" y="183"/>
                  <a:pt x="251" y="183"/>
                  <a:pt x="251" y="183"/>
                </a:cubicBezTo>
                <a:cubicBezTo>
                  <a:pt x="254" y="184"/>
                  <a:pt x="254" y="184"/>
                  <a:pt x="254" y="184"/>
                </a:cubicBezTo>
                <a:cubicBezTo>
                  <a:pt x="261" y="188"/>
                  <a:pt x="261" y="188"/>
                  <a:pt x="261" y="188"/>
                </a:cubicBezTo>
                <a:cubicBezTo>
                  <a:pt x="262" y="189"/>
                  <a:pt x="262" y="189"/>
                  <a:pt x="262" y="189"/>
                </a:cubicBezTo>
                <a:cubicBezTo>
                  <a:pt x="262" y="189"/>
                  <a:pt x="262" y="189"/>
                  <a:pt x="262" y="189"/>
                </a:cubicBezTo>
                <a:cubicBezTo>
                  <a:pt x="262" y="190"/>
                  <a:pt x="261" y="190"/>
                  <a:pt x="261" y="190"/>
                </a:cubicBezTo>
                <a:cubicBezTo>
                  <a:pt x="261" y="191"/>
                  <a:pt x="260" y="191"/>
                  <a:pt x="260" y="192"/>
                </a:cubicBezTo>
                <a:cubicBezTo>
                  <a:pt x="260" y="192"/>
                  <a:pt x="259" y="193"/>
                  <a:pt x="259" y="193"/>
                </a:cubicBezTo>
                <a:cubicBezTo>
                  <a:pt x="259" y="194"/>
                  <a:pt x="258" y="194"/>
                  <a:pt x="258" y="195"/>
                </a:cubicBezTo>
                <a:cubicBezTo>
                  <a:pt x="258" y="195"/>
                  <a:pt x="257" y="195"/>
                  <a:pt x="257" y="196"/>
                </a:cubicBezTo>
                <a:cubicBezTo>
                  <a:pt x="257" y="196"/>
                  <a:pt x="256" y="197"/>
                  <a:pt x="256" y="198"/>
                </a:cubicBezTo>
                <a:cubicBezTo>
                  <a:pt x="256" y="198"/>
                  <a:pt x="256" y="198"/>
                  <a:pt x="256" y="198"/>
                </a:cubicBezTo>
                <a:cubicBezTo>
                  <a:pt x="255" y="199"/>
                  <a:pt x="255" y="200"/>
                  <a:pt x="254" y="200"/>
                </a:cubicBezTo>
                <a:cubicBezTo>
                  <a:pt x="254" y="201"/>
                  <a:pt x="254" y="201"/>
                  <a:pt x="254" y="201"/>
                </a:cubicBezTo>
                <a:cubicBezTo>
                  <a:pt x="254" y="202"/>
                  <a:pt x="254" y="202"/>
                  <a:pt x="253" y="203"/>
                </a:cubicBezTo>
                <a:cubicBezTo>
                  <a:pt x="253" y="203"/>
                  <a:pt x="253" y="203"/>
                  <a:pt x="253" y="203"/>
                </a:cubicBezTo>
                <a:cubicBezTo>
                  <a:pt x="253" y="204"/>
                  <a:pt x="253" y="204"/>
                  <a:pt x="252" y="205"/>
                </a:cubicBezTo>
                <a:cubicBezTo>
                  <a:pt x="252" y="205"/>
                  <a:pt x="252" y="205"/>
                  <a:pt x="252" y="205"/>
                </a:cubicBezTo>
                <a:cubicBezTo>
                  <a:pt x="252" y="206"/>
                  <a:pt x="252" y="206"/>
                  <a:pt x="252" y="207"/>
                </a:cubicBezTo>
                <a:cubicBezTo>
                  <a:pt x="252" y="207"/>
                  <a:pt x="252" y="207"/>
                  <a:pt x="252" y="207"/>
                </a:cubicBezTo>
                <a:cubicBezTo>
                  <a:pt x="251" y="208"/>
                  <a:pt x="251" y="208"/>
                  <a:pt x="251" y="209"/>
                </a:cubicBezTo>
                <a:cubicBezTo>
                  <a:pt x="251" y="209"/>
                  <a:pt x="251" y="209"/>
                  <a:pt x="251" y="209"/>
                </a:cubicBezTo>
                <a:cubicBezTo>
                  <a:pt x="251" y="210"/>
                  <a:pt x="251" y="210"/>
                  <a:pt x="251" y="211"/>
                </a:cubicBezTo>
                <a:cubicBezTo>
                  <a:pt x="251" y="211"/>
                  <a:pt x="251" y="211"/>
                  <a:pt x="251" y="211"/>
                </a:cubicBezTo>
                <a:cubicBezTo>
                  <a:pt x="251" y="212"/>
                  <a:pt x="251" y="212"/>
                  <a:pt x="251" y="213"/>
                </a:cubicBezTo>
                <a:cubicBezTo>
                  <a:pt x="251" y="213"/>
                  <a:pt x="251" y="213"/>
                  <a:pt x="251" y="213"/>
                </a:cubicBezTo>
                <a:cubicBezTo>
                  <a:pt x="251" y="214"/>
                  <a:pt x="251" y="214"/>
                  <a:pt x="251" y="214"/>
                </a:cubicBezTo>
                <a:cubicBezTo>
                  <a:pt x="251" y="214"/>
                  <a:pt x="251" y="215"/>
                  <a:pt x="251" y="215"/>
                </a:cubicBezTo>
                <a:cubicBezTo>
                  <a:pt x="252" y="215"/>
                  <a:pt x="252" y="216"/>
                  <a:pt x="252" y="216"/>
                </a:cubicBezTo>
                <a:cubicBezTo>
                  <a:pt x="252" y="216"/>
                  <a:pt x="252" y="216"/>
                  <a:pt x="252" y="216"/>
                </a:cubicBezTo>
                <a:cubicBezTo>
                  <a:pt x="252" y="217"/>
                  <a:pt x="252" y="218"/>
                  <a:pt x="253" y="218"/>
                </a:cubicBezTo>
                <a:cubicBezTo>
                  <a:pt x="253" y="219"/>
                  <a:pt x="253" y="219"/>
                  <a:pt x="254" y="220"/>
                </a:cubicBezTo>
                <a:cubicBezTo>
                  <a:pt x="255" y="221"/>
                  <a:pt x="256" y="222"/>
                  <a:pt x="258" y="224"/>
                </a:cubicBezTo>
                <a:cubicBezTo>
                  <a:pt x="269" y="233"/>
                  <a:pt x="269" y="233"/>
                  <a:pt x="269" y="233"/>
                </a:cubicBezTo>
                <a:cubicBezTo>
                  <a:pt x="269" y="233"/>
                  <a:pt x="269" y="233"/>
                  <a:pt x="269" y="233"/>
                </a:cubicBezTo>
                <a:cubicBezTo>
                  <a:pt x="269" y="233"/>
                  <a:pt x="269" y="233"/>
                  <a:pt x="269" y="233"/>
                </a:cubicBezTo>
                <a:cubicBezTo>
                  <a:pt x="275" y="237"/>
                  <a:pt x="275" y="237"/>
                  <a:pt x="275" y="237"/>
                </a:cubicBezTo>
                <a:cubicBezTo>
                  <a:pt x="275" y="238"/>
                  <a:pt x="274" y="238"/>
                  <a:pt x="274" y="238"/>
                </a:cubicBezTo>
                <a:cubicBezTo>
                  <a:pt x="274" y="239"/>
                  <a:pt x="274" y="239"/>
                  <a:pt x="273" y="239"/>
                </a:cubicBezTo>
                <a:cubicBezTo>
                  <a:pt x="273" y="240"/>
                  <a:pt x="273" y="240"/>
                  <a:pt x="273" y="240"/>
                </a:cubicBezTo>
                <a:cubicBezTo>
                  <a:pt x="272" y="241"/>
                  <a:pt x="272" y="241"/>
                  <a:pt x="272" y="241"/>
                </a:cubicBezTo>
                <a:cubicBezTo>
                  <a:pt x="271" y="241"/>
                  <a:pt x="271" y="242"/>
                  <a:pt x="271" y="242"/>
                </a:cubicBezTo>
                <a:cubicBezTo>
                  <a:pt x="271" y="242"/>
                  <a:pt x="270" y="242"/>
                  <a:pt x="270" y="243"/>
                </a:cubicBezTo>
                <a:cubicBezTo>
                  <a:pt x="270" y="243"/>
                  <a:pt x="269" y="244"/>
                  <a:pt x="269" y="244"/>
                </a:cubicBezTo>
                <a:cubicBezTo>
                  <a:pt x="253" y="247"/>
                  <a:pt x="253" y="247"/>
                  <a:pt x="253" y="247"/>
                </a:cubicBezTo>
                <a:cubicBezTo>
                  <a:pt x="246" y="241"/>
                  <a:pt x="237" y="235"/>
                  <a:pt x="231" y="231"/>
                </a:cubicBezTo>
                <a:cubicBezTo>
                  <a:pt x="226" y="228"/>
                  <a:pt x="224" y="213"/>
                  <a:pt x="228" y="20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Freeform 596"/>
          <p:cNvSpPr>
            <a:spLocks noEditPoints="1"/>
          </p:cNvSpPr>
          <p:nvPr userDrawn="1"/>
        </p:nvSpPr>
        <p:spPr bwMode="auto">
          <a:xfrm>
            <a:off x="10513967" y="3677104"/>
            <a:ext cx="465138" cy="519112"/>
          </a:xfrm>
          <a:custGeom>
            <a:avLst/>
            <a:gdLst/>
            <a:ahLst/>
            <a:cxnLst>
              <a:cxn ang="0">
                <a:pos x="157" y="15"/>
              </a:cxn>
              <a:cxn ang="0">
                <a:pos x="154" y="35"/>
              </a:cxn>
              <a:cxn ang="0">
                <a:pos x="22" y="68"/>
              </a:cxn>
              <a:cxn ang="0">
                <a:pos x="0" y="99"/>
              </a:cxn>
              <a:cxn ang="0">
                <a:pos x="25" y="164"/>
              </a:cxn>
              <a:cxn ang="0">
                <a:pos x="72" y="402"/>
              </a:cxn>
              <a:cxn ang="0">
                <a:pos x="207" y="461"/>
              </a:cxn>
              <a:cxn ang="0">
                <a:pos x="323" y="432"/>
              </a:cxn>
              <a:cxn ang="0">
                <a:pos x="344" y="401"/>
              </a:cxn>
              <a:cxn ang="0">
                <a:pos x="370" y="153"/>
              </a:cxn>
              <a:cxn ang="0">
                <a:pos x="207" y="177"/>
              </a:cxn>
              <a:cxn ang="0">
                <a:pos x="98" y="179"/>
              </a:cxn>
              <a:cxn ang="0">
                <a:pos x="207" y="204"/>
              </a:cxn>
              <a:cxn ang="0">
                <a:pos x="317" y="397"/>
              </a:cxn>
              <a:cxn ang="0">
                <a:pos x="305" y="412"/>
              </a:cxn>
              <a:cxn ang="0">
                <a:pos x="99" y="401"/>
              </a:cxn>
              <a:cxn ang="0">
                <a:pos x="66" y="162"/>
              </a:cxn>
              <a:cxn ang="0">
                <a:pos x="41" y="143"/>
              </a:cxn>
              <a:cxn ang="0">
                <a:pos x="27" y="98"/>
              </a:cxn>
              <a:cxn ang="0">
                <a:pos x="167" y="61"/>
              </a:cxn>
              <a:cxn ang="0">
                <a:pos x="182" y="27"/>
              </a:cxn>
              <a:cxn ang="0">
                <a:pos x="232" y="27"/>
              </a:cxn>
              <a:cxn ang="0">
                <a:pos x="248" y="61"/>
              </a:cxn>
              <a:cxn ang="0">
                <a:pos x="388" y="98"/>
              </a:cxn>
              <a:cxn ang="0">
                <a:pos x="385" y="130"/>
              </a:cxn>
              <a:cxn ang="0">
                <a:pos x="412" y="132"/>
              </a:cxn>
              <a:cxn ang="0">
                <a:pos x="414" y="87"/>
              </a:cxn>
              <a:cxn ang="0">
                <a:pos x="357" y="53"/>
              </a:cxn>
              <a:cxn ang="0">
                <a:pos x="258" y="17"/>
              </a:cxn>
              <a:cxn ang="0">
                <a:pos x="241" y="0"/>
              </a:cxn>
              <a:cxn ang="0">
                <a:pos x="207" y="0"/>
              </a:cxn>
              <a:cxn ang="0">
                <a:pos x="241" y="27"/>
              </a:cxn>
            </a:cxnLst>
            <a:rect l="0" t="0" r="r" b="b"/>
            <a:pathLst>
              <a:path w="415" h="461">
                <a:moveTo>
                  <a:pt x="174" y="0"/>
                </a:moveTo>
                <a:cubicBezTo>
                  <a:pt x="165" y="0"/>
                  <a:pt x="159" y="8"/>
                  <a:pt x="157" y="15"/>
                </a:cubicBezTo>
                <a:cubicBezTo>
                  <a:pt x="157" y="15"/>
                  <a:pt x="156" y="16"/>
                  <a:pt x="156" y="17"/>
                </a:cubicBezTo>
                <a:cubicBezTo>
                  <a:pt x="156" y="17"/>
                  <a:pt x="155" y="26"/>
                  <a:pt x="154" y="35"/>
                </a:cubicBezTo>
                <a:cubicBezTo>
                  <a:pt x="112" y="37"/>
                  <a:pt x="76" y="47"/>
                  <a:pt x="58" y="53"/>
                </a:cubicBezTo>
                <a:cubicBezTo>
                  <a:pt x="44" y="58"/>
                  <a:pt x="31" y="63"/>
                  <a:pt x="22" y="68"/>
                </a:cubicBezTo>
                <a:cubicBezTo>
                  <a:pt x="9" y="74"/>
                  <a:pt x="3" y="80"/>
                  <a:pt x="1" y="87"/>
                </a:cubicBezTo>
                <a:cubicBezTo>
                  <a:pt x="0" y="89"/>
                  <a:pt x="0" y="94"/>
                  <a:pt x="0" y="99"/>
                </a:cubicBezTo>
                <a:cubicBezTo>
                  <a:pt x="0" y="108"/>
                  <a:pt x="1" y="121"/>
                  <a:pt x="3" y="132"/>
                </a:cubicBezTo>
                <a:cubicBezTo>
                  <a:pt x="3" y="136"/>
                  <a:pt x="6" y="150"/>
                  <a:pt x="25" y="164"/>
                </a:cubicBezTo>
                <a:cubicBezTo>
                  <a:pt x="30" y="168"/>
                  <a:pt x="36" y="171"/>
                  <a:pt x="40" y="173"/>
                </a:cubicBezTo>
                <a:cubicBezTo>
                  <a:pt x="45" y="209"/>
                  <a:pt x="68" y="375"/>
                  <a:pt x="72" y="402"/>
                </a:cubicBezTo>
                <a:cubicBezTo>
                  <a:pt x="72" y="402"/>
                  <a:pt x="74" y="411"/>
                  <a:pt x="78" y="417"/>
                </a:cubicBezTo>
                <a:cubicBezTo>
                  <a:pt x="91" y="434"/>
                  <a:pt x="137" y="461"/>
                  <a:pt x="207" y="461"/>
                </a:cubicBezTo>
                <a:cubicBezTo>
                  <a:pt x="281" y="461"/>
                  <a:pt x="305" y="444"/>
                  <a:pt x="320" y="434"/>
                </a:cubicBezTo>
                <a:cubicBezTo>
                  <a:pt x="323" y="432"/>
                  <a:pt x="323" y="432"/>
                  <a:pt x="323" y="432"/>
                </a:cubicBezTo>
                <a:cubicBezTo>
                  <a:pt x="340" y="421"/>
                  <a:pt x="343" y="403"/>
                  <a:pt x="344" y="401"/>
                </a:cubicBezTo>
                <a:cubicBezTo>
                  <a:pt x="344" y="401"/>
                  <a:pt x="344" y="401"/>
                  <a:pt x="344" y="401"/>
                </a:cubicBezTo>
                <a:cubicBezTo>
                  <a:pt x="376" y="166"/>
                  <a:pt x="376" y="166"/>
                  <a:pt x="376" y="166"/>
                </a:cubicBezTo>
                <a:cubicBezTo>
                  <a:pt x="376" y="161"/>
                  <a:pt x="374" y="156"/>
                  <a:pt x="370" y="153"/>
                </a:cubicBezTo>
                <a:cubicBezTo>
                  <a:pt x="366" y="151"/>
                  <a:pt x="361" y="150"/>
                  <a:pt x="357" y="152"/>
                </a:cubicBezTo>
                <a:cubicBezTo>
                  <a:pt x="326" y="167"/>
                  <a:pt x="263" y="177"/>
                  <a:pt x="207" y="177"/>
                </a:cubicBezTo>
                <a:cubicBezTo>
                  <a:pt x="166" y="177"/>
                  <a:pt x="133" y="172"/>
                  <a:pt x="113" y="169"/>
                </a:cubicBezTo>
                <a:cubicBezTo>
                  <a:pt x="106" y="167"/>
                  <a:pt x="99" y="172"/>
                  <a:pt x="98" y="179"/>
                </a:cubicBezTo>
                <a:cubicBezTo>
                  <a:pt x="96" y="186"/>
                  <a:pt x="101" y="193"/>
                  <a:pt x="108" y="195"/>
                </a:cubicBezTo>
                <a:cubicBezTo>
                  <a:pt x="129" y="199"/>
                  <a:pt x="163" y="204"/>
                  <a:pt x="207" y="204"/>
                </a:cubicBezTo>
                <a:cubicBezTo>
                  <a:pt x="249" y="204"/>
                  <a:pt x="305" y="198"/>
                  <a:pt x="346" y="185"/>
                </a:cubicBezTo>
                <a:cubicBezTo>
                  <a:pt x="341" y="222"/>
                  <a:pt x="317" y="396"/>
                  <a:pt x="317" y="397"/>
                </a:cubicBezTo>
                <a:cubicBezTo>
                  <a:pt x="317" y="397"/>
                  <a:pt x="315" y="405"/>
                  <a:pt x="309" y="410"/>
                </a:cubicBezTo>
                <a:cubicBezTo>
                  <a:pt x="305" y="412"/>
                  <a:pt x="305" y="412"/>
                  <a:pt x="305" y="412"/>
                </a:cubicBezTo>
                <a:cubicBezTo>
                  <a:pt x="293" y="420"/>
                  <a:pt x="273" y="434"/>
                  <a:pt x="207" y="434"/>
                </a:cubicBezTo>
                <a:cubicBezTo>
                  <a:pt x="145" y="434"/>
                  <a:pt x="107" y="410"/>
                  <a:pt x="99" y="401"/>
                </a:cubicBezTo>
                <a:cubicBezTo>
                  <a:pt x="99" y="400"/>
                  <a:pt x="99" y="399"/>
                  <a:pt x="98" y="398"/>
                </a:cubicBezTo>
                <a:cubicBezTo>
                  <a:pt x="94" y="369"/>
                  <a:pt x="66" y="165"/>
                  <a:pt x="66" y="162"/>
                </a:cubicBezTo>
                <a:cubicBezTo>
                  <a:pt x="65" y="158"/>
                  <a:pt x="62" y="154"/>
                  <a:pt x="58" y="152"/>
                </a:cubicBezTo>
                <a:cubicBezTo>
                  <a:pt x="58" y="152"/>
                  <a:pt x="48" y="147"/>
                  <a:pt x="41" y="143"/>
                </a:cubicBezTo>
                <a:cubicBezTo>
                  <a:pt x="31" y="135"/>
                  <a:pt x="29" y="129"/>
                  <a:pt x="29" y="129"/>
                </a:cubicBezTo>
                <a:cubicBezTo>
                  <a:pt x="28" y="118"/>
                  <a:pt x="27" y="105"/>
                  <a:pt x="27" y="98"/>
                </a:cubicBezTo>
                <a:cubicBezTo>
                  <a:pt x="27" y="97"/>
                  <a:pt x="27" y="96"/>
                  <a:pt x="27" y="96"/>
                </a:cubicBezTo>
                <a:cubicBezTo>
                  <a:pt x="38" y="87"/>
                  <a:pt x="98" y="63"/>
                  <a:pt x="167" y="61"/>
                </a:cubicBezTo>
                <a:cubicBezTo>
                  <a:pt x="174" y="60"/>
                  <a:pt x="179" y="55"/>
                  <a:pt x="180" y="49"/>
                </a:cubicBezTo>
                <a:cubicBezTo>
                  <a:pt x="180" y="49"/>
                  <a:pt x="181" y="35"/>
                  <a:pt x="182" y="27"/>
                </a:cubicBezTo>
                <a:cubicBezTo>
                  <a:pt x="191" y="27"/>
                  <a:pt x="207" y="27"/>
                  <a:pt x="207" y="27"/>
                </a:cubicBezTo>
                <a:cubicBezTo>
                  <a:pt x="207" y="27"/>
                  <a:pt x="224" y="27"/>
                  <a:pt x="232" y="27"/>
                </a:cubicBezTo>
                <a:cubicBezTo>
                  <a:pt x="233" y="35"/>
                  <a:pt x="235" y="49"/>
                  <a:pt x="235" y="49"/>
                </a:cubicBezTo>
                <a:cubicBezTo>
                  <a:pt x="236" y="55"/>
                  <a:pt x="241" y="60"/>
                  <a:pt x="248" y="61"/>
                </a:cubicBezTo>
                <a:cubicBezTo>
                  <a:pt x="316" y="62"/>
                  <a:pt x="376" y="86"/>
                  <a:pt x="388" y="96"/>
                </a:cubicBezTo>
                <a:cubicBezTo>
                  <a:pt x="388" y="96"/>
                  <a:pt x="388" y="97"/>
                  <a:pt x="388" y="98"/>
                </a:cubicBezTo>
                <a:cubicBezTo>
                  <a:pt x="388" y="105"/>
                  <a:pt x="387" y="118"/>
                  <a:pt x="386" y="129"/>
                </a:cubicBezTo>
                <a:cubicBezTo>
                  <a:pt x="386" y="129"/>
                  <a:pt x="385" y="130"/>
                  <a:pt x="385" y="130"/>
                </a:cubicBezTo>
                <a:cubicBezTo>
                  <a:pt x="385" y="137"/>
                  <a:pt x="390" y="143"/>
                  <a:pt x="397" y="144"/>
                </a:cubicBezTo>
                <a:cubicBezTo>
                  <a:pt x="404" y="144"/>
                  <a:pt x="411" y="139"/>
                  <a:pt x="412" y="132"/>
                </a:cubicBezTo>
                <a:cubicBezTo>
                  <a:pt x="413" y="121"/>
                  <a:pt x="415" y="108"/>
                  <a:pt x="415" y="99"/>
                </a:cubicBezTo>
                <a:cubicBezTo>
                  <a:pt x="415" y="94"/>
                  <a:pt x="414" y="89"/>
                  <a:pt x="414" y="87"/>
                </a:cubicBezTo>
                <a:cubicBezTo>
                  <a:pt x="412" y="80"/>
                  <a:pt x="405" y="74"/>
                  <a:pt x="393" y="68"/>
                </a:cubicBezTo>
                <a:cubicBezTo>
                  <a:pt x="383" y="63"/>
                  <a:pt x="371" y="58"/>
                  <a:pt x="357" y="53"/>
                </a:cubicBezTo>
                <a:cubicBezTo>
                  <a:pt x="339" y="47"/>
                  <a:pt x="303" y="37"/>
                  <a:pt x="260" y="34"/>
                </a:cubicBezTo>
                <a:cubicBezTo>
                  <a:pt x="259" y="26"/>
                  <a:pt x="258" y="17"/>
                  <a:pt x="258" y="17"/>
                </a:cubicBezTo>
                <a:cubicBezTo>
                  <a:pt x="258" y="16"/>
                  <a:pt x="258" y="15"/>
                  <a:pt x="258" y="15"/>
                </a:cubicBezTo>
                <a:cubicBezTo>
                  <a:pt x="256" y="8"/>
                  <a:pt x="250" y="0"/>
                  <a:pt x="241" y="0"/>
                </a:cubicBezTo>
                <a:cubicBezTo>
                  <a:pt x="237" y="0"/>
                  <a:pt x="237" y="0"/>
                  <a:pt x="237" y="0"/>
                </a:cubicBezTo>
                <a:cubicBezTo>
                  <a:pt x="207" y="0"/>
                  <a:pt x="207" y="0"/>
                  <a:pt x="207" y="0"/>
                </a:cubicBezTo>
                <a:cubicBezTo>
                  <a:pt x="207" y="0"/>
                  <a:pt x="174" y="0"/>
                  <a:pt x="174" y="0"/>
                </a:cubicBezTo>
                <a:close/>
                <a:moveTo>
                  <a:pt x="241" y="27"/>
                </a:moveTo>
                <a:cubicBezTo>
                  <a:pt x="241" y="27"/>
                  <a:pt x="241" y="27"/>
                  <a:pt x="241" y="2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7" name="Freeform 604"/>
          <p:cNvSpPr>
            <a:spLocks/>
          </p:cNvSpPr>
          <p:nvPr userDrawn="1"/>
        </p:nvSpPr>
        <p:spPr bwMode="auto">
          <a:xfrm>
            <a:off x="10533018" y="5197678"/>
            <a:ext cx="427037" cy="250825"/>
          </a:xfrm>
          <a:custGeom>
            <a:avLst/>
            <a:gdLst/>
            <a:ahLst/>
            <a:cxnLst>
              <a:cxn ang="0">
                <a:pos x="0" y="146"/>
              </a:cxn>
              <a:cxn ang="0">
                <a:pos x="3" y="156"/>
              </a:cxn>
              <a:cxn ang="0">
                <a:pos x="12" y="160"/>
              </a:cxn>
              <a:cxn ang="0">
                <a:pos x="124" y="160"/>
              </a:cxn>
              <a:cxn ang="0">
                <a:pos x="137" y="147"/>
              </a:cxn>
              <a:cxn ang="0">
                <a:pos x="124" y="135"/>
              </a:cxn>
              <a:cxn ang="0">
                <a:pos x="26" y="135"/>
              </a:cxn>
              <a:cxn ang="0">
                <a:pos x="162" y="24"/>
              </a:cxn>
              <a:cxn ang="0">
                <a:pos x="300" y="163"/>
              </a:cxn>
              <a:cxn ang="0">
                <a:pos x="308" y="174"/>
              </a:cxn>
              <a:cxn ang="0">
                <a:pos x="333" y="185"/>
              </a:cxn>
              <a:cxn ang="0">
                <a:pos x="296" y="190"/>
              </a:cxn>
              <a:cxn ang="0">
                <a:pos x="296" y="190"/>
              </a:cxn>
              <a:cxn ang="0">
                <a:pos x="225" y="180"/>
              </a:cxn>
              <a:cxn ang="0">
                <a:pos x="222" y="180"/>
              </a:cxn>
              <a:cxn ang="0">
                <a:pos x="47" y="180"/>
              </a:cxn>
              <a:cxn ang="0">
                <a:pos x="35" y="192"/>
              </a:cxn>
              <a:cxn ang="0">
                <a:pos x="35" y="208"/>
              </a:cxn>
              <a:cxn ang="0">
                <a:pos x="47" y="221"/>
              </a:cxn>
              <a:cxn ang="0">
                <a:pos x="59" y="208"/>
              </a:cxn>
              <a:cxn ang="0">
                <a:pos x="59" y="204"/>
              </a:cxn>
              <a:cxn ang="0">
                <a:pos x="220" y="204"/>
              </a:cxn>
              <a:cxn ang="0">
                <a:pos x="296" y="215"/>
              </a:cxn>
              <a:cxn ang="0">
                <a:pos x="296" y="215"/>
              </a:cxn>
              <a:cxn ang="0">
                <a:pos x="372" y="198"/>
              </a:cxn>
              <a:cxn ang="0">
                <a:pos x="379" y="187"/>
              </a:cxn>
              <a:cxn ang="0">
                <a:pos x="379" y="187"/>
              </a:cxn>
              <a:cxn ang="0">
                <a:pos x="372" y="176"/>
              </a:cxn>
              <a:cxn ang="0">
                <a:pos x="324" y="155"/>
              </a:cxn>
              <a:cxn ang="0">
                <a:pos x="162" y="0"/>
              </a:cxn>
              <a:cxn ang="0">
                <a:pos x="0" y="146"/>
              </a:cxn>
            </a:cxnLst>
            <a:rect l="0" t="0" r="r" b="b"/>
            <a:pathLst>
              <a:path w="379" h="221">
                <a:moveTo>
                  <a:pt x="0" y="146"/>
                </a:moveTo>
                <a:cubicBezTo>
                  <a:pt x="0" y="150"/>
                  <a:pt x="1" y="153"/>
                  <a:pt x="3" y="156"/>
                </a:cubicBezTo>
                <a:cubicBezTo>
                  <a:pt x="5" y="158"/>
                  <a:pt x="9" y="160"/>
                  <a:pt x="12" y="160"/>
                </a:cubicBezTo>
                <a:cubicBezTo>
                  <a:pt x="124" y="160"/>
                  <a:pt x="124" y="160"/>
                  <a:pt x="124" y="160"/>
                </a:cubicBezTo>
                <a:cubicBezTo>
                  <a:pt x="131" y="160"/>
                  <a:pt x="137" y="154"/>
                  <a:pt x="137" y="147"/>
                </a:cubicBezTo>
                <a:cubicBezTo>
                  <a:pt x="137" y="141"/>
                  <a:pt x="131" y="135"/>
                  <a:pt x="124" y="135"/>
                </a:cubicBezTo>
                <a:cubicBezTo>
                  <a:pt x="124" y="135"/>
                  <a:pt x="48" y="135"/>
                  <a:pt x="26" y="135"/>
                </a:cubicBezTo>
                <a:cubicBezTo>
                  <a:pt x="39" y="71"/>
                  <a:pt x="95" y="24"/>
                  <a:pt x="162" y="24"/>
                </a:cubicBezTo>
                <a:cubicBezTo>
                  <a:pt x="238" y="24"/>
                  <a:pt x="300" y="87"/>
                  <a:pt x="300" y="163"/>
                </a:cubicBezTo>
                <a:cubicBezTo>
                  <a:pt x="300" y="168"/>
                  <a:pt x="303" y="172"/>
                  <a:pt x="308" y="174"/>
                </a:cubicBezTo>
                <a:cubicBezTo>
                  <a:pt x="308" y="174"/>
                  <a:pt x="320" y="180"/>
                  <a:pt x="333" y="185"/>
                </a:cubicBezTo>
                <a:cubicBezTo>
                  <a:pt x="322" y="188"/>
                  <a:pt x="309" y="190"/>
                  <a:pt x="296" y="190"/>
                </a:cubicBezTo>
                <a:cubicBezTo>
                  <a:pt x="296" y="190"/>
                  <a:pt x="296" y="190"/>
                  <a:pt x="296" y="190"/>
                </a:cubicBezTo>
                <a:cubicBezTo>
                  <a:pt x="263" y="190"/>
                  <a:pt x="225" y="180"/>
                  <a:pt x="225" y="180"/>
                </a:cubicBezTo>
                <a:cubicBezTo>
                  <a:pt x="224" y="180"/>
                  <a:pt x="223" y="180"/>
                  <a:pt x="222" y="180"/>
                </a:cubicBezTo>
                <a:cubicBezTo>
                  <a:pt x="47" y="180"/>
                  <a:pt x="47" y="180"/>
                  <a:pt x="47" y="180"/>
                </a:cubicBezTo>
                <a:cubicBezTo>
                  <a:pt x="40" y="180"/>
                  <a:pt x="35" y="185"/>
                  <a:pt x="35" y="192"/>
                </a:cubicBezTo>
                <a:cubicBezTo>
                  <a:pt x="35" y="208"/>
                  <a:pt x="35" y="208"/>
                  <a:pt x="35" y="208"/>
                </a:cubicBezTo>
                <a:cubicBezTo>
                  <a:pt x="35" y="215"/>
                  <a:pt x="40" y="221"/>
                  <a:pt x="47" y="221"/>
                </a:cubicBezTo>
                <a:cubicBezTo>
                  <a:pt x="54" y="221"/>
                  <a:pt x="59" y="215"/>
                  <a:pt x="59" y="208"/>
                </a:cubicBezTo>
                <a:cubicBezTo>
                  <a:pt x="59" y="208"/>
                  <a:pt x="59" y="206"/>
                  <a:pt x="59" y="204"/>
                </a:cubicBezTo>
                <a:cubicBezTo>
                  <a:pt x="80" y="204"/>
                  <a:pt x="217" y="204"/>
                  <a:pt x="220" y="204"/>
                </a:cubicBezTo>
                <a:cubicBezTo>
                  <a:pt x="227" y="206"/>
                  <a:pt x="263" y="215"/>
                  <a:pt x="296" y="215"/>
                </a:cubicBezTo>
                <a:cubicBezTo>
                  <a:pt x="296" y="215"/>
                  <a:pt x="296" y="215"/>
                  <a:pt x="296" y="215"/>
                </a:cubicBezTo>
                <a:cubicBezTo>
                  <a:pt x="333" y="215"/>
                  <a:pt x="370" y="199"/>
                  <a:pt x="372" y="198"/>
                </a:cubicBezTo>
                <a:cubicBezTo>
                  <a:pt x="376" y="196"/>
                  <a:pt x="379" y="192"/>
                  <a:pt x="379" y="187"/>
                </a:cubicBezTo>
                <a:cubicBezTo>
                  <a:pt x="379" y="187"/>
                  <a:pt x="379" y="187"/>
                  <a:pt x="379" y="187"/>
                </a:cubicBezTo>
                <a:cubicBezTo>
                  <a:pt x="379" y="182"/>
                  <a:pt x="376" y="178"/>
                  <a:pt x="372" y="176"/>
                </a:cubicBezTo>
                <a:cubicBezTo>
                  <a:pt x="372" y="176"/>
                  <a:pt x="335" y="159"/>
                  <a:pt x="324" y="155"/>
                </a:cubicBezTo>
                <a:cubicBezTo>
                  <a:pt x="320" y="69"/>
                  <a:pt x="249" y="0"/>
                  <a:pt x="162" y="0"/>
                </a:cubicBezTo>
                <a:cubicBezTo>
                  <a:pt x="78" y="0"/>
                  <a:pt x="8" y="63"/>
                  <a:pt x="0" y="14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8" name="Freeform 620"/>
          <p:cNvSpPr>
            <a:spLocks/>
          </p:cNvSpPr>
          <p:nvPr userDrawn="1"/>
        </p:nvSpPr>
        <p:spPr bwMode="auto">
          <a:xfrm>
            <a:off x="10510793" y="3107639"/>
            <a:ext cx="471487" cy="280988"/>
          </a:xfrm>
          <a:custGeom>
            <a:avLst/>
            <a:gdLst/>
            <a:ahLst/>
            <a:cxnLst>
              <a:cxn ang="0">
                <a:pos x="221" y="248"/>
              </a:cxn>
              <a:cxn ang="0">
                <a:pos x="342" y="248"/>
              </a:cxn>
              <a:cxn ang="0">
                <a:pos x="419" y="171"/>
              </a:cxn>
              <a:cxn ang="0">
                <a:pos x="344" y="92"/>
              </a:cxn>
              <a:cxn ang="0">
                <a:pos x="324" y="95"/>
              </a:cxn>
              <a:cxn ang="0">
                <a:pos x="286" y="32"/>
              </a:cxn>
              <a:cxn ang="0">
                <a:pos x="201" y="0"/>
              </a:cxn>
              <a:cxn ang="0">
                <a:pos x="86" y="76"/>
              </a:cxn>
              <a:cxn ang="0">
                <a:pos x="30" y="95"/>
              </a:cxn>
              <a:cxn ang="0">
                <a:pos x="0" y="162"/>
              </a:cxn>
              <a:cxn ang="0">
                <a:pos x="25" y="224"/>
              </a:cxn>
              <a:cxn ang="0">
                <a:pos x="86" y="248"/>
              </a:cxn>
              <a:cxn ang="0">
                <a:pos x="126" y="248"/>
              </a:cxn>
              <a:cxn ang="0">
                <a:pos x="139" y="235"/>
              </a:cxn>
              <a:cxn ang="0">
                <a:pos x="126" y="221"/>
              </a:cxn>
              <a:cxn ang="0">
                <a:pos x="86" y="221"/>
              </a:cxn>
              <a:cxn ang="0">
                <a:pos x="44" y="205"/>
              </a:cxn>
              <a:cxn ang="0">
                <a:pos x="26" y="162"/>
              </a:cxn>
              <a:cxn ang="0">
                <a:pos x="47" y="115"/>
              </a:cxn>
              <a:cxn ang="0">
                <a:pos x="84" y="102"/>
              </a:cxn>
              <a:cxn ang="0">
                <a:pos x="93" y="103"/>
              </a:cxn>
              <a:cxn ang="0">
                <a:pos x="107" y="94"/>
              </a:cxn>
              <a:cxn ang="0">
                <a:pos x="201" y="27"/>
              </a:cxn>
              <a:cxn ang="0">
                <a:pos x="268" y="52"/>
              </a:cxn>
              <a:cxn ang="0">
                <a:pos x="300" y="114"/>
              </a:cxn>
              <a:cxn ang="0">
                <a:pos x="306" y="124"/>
              </a:cxn>
              <a:cxn ang="0">
                <a:pos x="318" y="125"/>
              </a:cxn>
              <a:cxn ang="0">
                <a:pos x="327" y="122"/>
              </a:cxn>
              <a:cxn ang="0">
                <a:pos x="344" y="119"/>
              </a:cxn>
              <a:cxn ang="0">
                <a:pos x="378" y="134"/>
              </a:cxn>
              <a:cxn ang="0">
                <a:pos x="392" y="171"/>
              </a:cxn>
              <a:cxn ang="0">
                <a:pos x="342" y="221"/>
              </a:cxn>
              <a:cxn ang="0">
                <a:pos x="196" y="222"/>
              </a:cxn>
              <a:cxn ang="0">
                <a:pos x="185" y="227"/>
              </a:cxn>
              <a:cxn ang="0">
                <a:pos x="184" y="240"/>
              </a:cxn>
              <a:cxn ang="0">
                <a:pos x="189" y="246"/>
              </a:cxn>
              <a:cxn ang="0">
                <a:pos x="193" y="247"/>
              </a:cxn>
              <a:cxn ang="0">
                <a:pos x="197" y="248"/>
              </a:cxn>
              <a:cxn ang="0">
                <a:pos x="205" y="248"/>
              </a:cxn>
              <a:cxn ang="0">
                <a:pos x="216" y="248"/>
              </a:cxn>
              <a:cxn ang="0">
                <a:pos x="221" y="248"/>
              </a:cxn>
            </a:cxnLst>
            <a:rect l="0" t="0" r="r" b="b"/>
            <a:pathLst>
              <a:path w="419" h="248">
                <a:moveTo>
                  <a:pt x="221" y="248"/>
                </a:moveTo>
                <a:cubicBezTo>
                  <a:pt x="342" y="248"/>
                  <a:pt x="342" y="248"/>
                  <a:pt x="342" y="248"/>
                </a:cubicBezTo>
                <a:cubicBezTo>
                  <a:pt x="385" y="248"/>
                  <a:pt x="419" y="213"/>
                  <a:pt x="419" y="171"/>
                </a:cubicBezTo>
                <a:cubicBezTo>
                  <a:pt x="419" y="127"/>
                  <a:pt x="385" y="92"/>
                  <a:pt x="344" y="92"/>
                </a:cubicBezTo>
                <a:cubicBezTo>
                  <a:pt x="337" y="92"/>
                  <a:pt x="330" y="93"/>
                  <a:pt x="324" y="95"/>
                </a:cubicBezTo>
                <a:cubicBezTo>
                  <a:pt x="318" y="71"/>
                  <a:pt x="305" y="49"/>
                  <a:pt x="286" y="32"/>
                </a:cubicBezTo>
                <a:cubicBezTo>
                  <a:pt x="262" y="11"/>
                  <a:pt x="232" y="0"/>
                  <a:pt x="201" y="0"/>
                </a:cubicBezTo>
                <a:cubicBezTo>
                  <a:pt x="150" y="0"/>
                  <a:pt x="105" y="30"/>
                  <a:pt x="86" y="76"/>
                </a:cubicBezTo>
                <a:cubicBezTo>
                  <a:pt x="66" y="74"/>
                  <a:pt x="46" y="81"/>
                  <a:pt x="30" y="95"/>
                </a:cubicBezTo>
                <a:cubicBezTo>
                  <a:pt x="11" y="112"/>
                  <a:pt x="0" y="137"/>
                  <a:pt x="0" y="162"/>
                </a:cubicBezTo>
                <a:cubicBezTo>
                  <a:pt x="0" y="185"/>
                  <a:pt x="9" y="207"/>
                  <a:pt x="25" y="224"/>
                </a:cubicBezTo>
                <a:cubicBezTo>
                  <a:pt x="41" y="240"/>
                  <a:pt x="63" y="248"/>
                  <a:pt x="86" y="248"/>
                </a:cubicBezTo>
                <a:cubicBezTo>
                  <a:pt x="126" y="248"/>
                  <a:pt x="126" y="248"/>
                  <a:pt x="126" y="248"/>
                </a:cubicBezTo>
                <a:cubicBezTo>
                  <a:pt x="133" y="248"/>
                  <a:pt x="139" y="242"/>
                  <a:pt x="139" y="235"/>
                </a:cubicBezTo>
                <a:cubicBezTo>
                  <a:pt x="139" y="227"/>
                  <a:pt x="133" y="221"/>
                  <a:pt x="126" y="221"/>
                </a:cubicBezTo>
                <a:cubicBezTo>
                  <a:pt x="86" y="221"/>
                  <a:pt x="86" y="221"/>
                  <a:pt x="86" y="221"/>
                </a:cubicBezTo>
                <a:cubicBezTo>
                  <a:pt x="70" y="221"/>
                  <a:pt x="55" y="216"/>
                  <a:pt x="44" y="205"/>
                </a:cubicBezTo>
                <a:cubicBezTo>
                  <a:pt x="32" y="193"/>
                  <a:pt x="26" y="178"/>
                  <a:pt x="26" y="162"/>
                </a:cubicBezTo>
                <a:cubicBezTo>
                  <a:pt x="26" y="144"/>
                  <a:pt x="34" y="127"/>
                  <a:pt x="47" y="115"/>
                </a:cubicBezTo>
                <a:cubicBezTo>
                  <a:pt x="58" y="105"/>
                  <a:pt x="71" y="101"/>
                  <a:pt x="84" y="102"/>
                </a:cubicBezTo>
                <a:cubicBezTo>
                  <a:pt x="93" y="103"/>
                  <a:pt x="93" y="103"/>
                  <a:pt x="93" y="103"/>
                </a:cubicBezTo>
                <a:cubicBezTo>
                  <a:pt x="99" y="104"/>
                  <a:pt x="105" y="100"/>
                  <a:pt x="107" y="94"/>
                </a:cubicBezTo>
                <a:cubicBezTo>
                  <a:pt x="121" y="54"/>
                  <a:pt x="158" y="27"/>
                  <a:pt x="201" y="27"/>
                </a:cubicBezTo>
                <a:cubicBezTo>
                  <a:pt x="226" y="27"/>
                  <a:pt x="250" y="36"/>
                  <a:pt x="268" y="52"/>
                </a:cubicBezTo>
                <a:cubicBezTo>
                  <a:pt x="286" y="68"/>
                  <a:pt x="298" y="90"/>
                  <a:pt x="300" y="114"/>
                </a:cubicBezTo>
                <a:cubicBezTo>
                  <a:pt x="301" y="118"/>
                  <a:pt x="303" y="122"/>
                  <a:pt x="306" y="124"/>
                </a:cubicBezTo>
                <a:cubicBezTo>
                  <a:pt x="310" y="126"/>
                  <a:pt x="314" y="126"/>
                  <a:pt x="318" y="125"/>
                </a:cubicBezTo>
                <a:cubicBezTo>
                  <a:pt x="318" y="125"/>
                  <a:pt x="327" y="122"/>
                  <a:pt x="327" y="122"/>
                </a:cubicBezTo>
                <a:cubicBezTo>
                  <a:pt x="332" y="120"/>
                  <a:pt x="338" y="119"/>
                  <a:pt x="344" y="119"/>
                </a:cubicBezTo>
                <a:cubicBezTo>
                  <a:pt x="357" y="119"/>
                  <a:pt x="369" y="124"/>
                  <a:pt x="378" y="134"/>
                </a:cubicBezTo>
                <a:cubicBezTo>
                  <a:pt x="387" y="144"/>
                  <a:pt x="392" y="157"/>
                  <a:pt x="392" y="171"/>
                </a:cubicBezTo>
                <a:cubicBezTo>
                  <a:pt x="392" y="198"/>
                  <a:pt x="370" y="221"/>
                  <a:pt x="342" y="221"/>
                </a:cubicBezTo>
                <a:cubicBezTo>
                  <a:pt x="196" y="222"/>
                  <a:pt x="196" y="222"/>
                  <a:pt x="196" y="222"/>
                </a:cubicBezTo>
                <a:cubicBezTo>
                  <a:pt x="192" y="222"/>
                  <a:pt x="188" y="224"/>
                  <a:pt x="185" y="227"/>
                </a:cubicBezTo>
                <a:cubicBezTo>
                  <a:pt x="183" y="231"/>
                  <a:pt x="182" y="237"/>
                  <a:pt x="184" y="240"/>
                </a:cubicBezTo>
                <a:cubicBezTo>
                  <a:pt x="184" y="240"/>
                  <a:pt x="186" y="244"/>
                  <a:pt x="189" y="246"/>
                </a:cubicBezTo>
                <a:cubicBezTo>
                  <a:pt x="190" y="246"/>
                  <a:pt x="192" y="247"/>
                  <a:pt x="193" y="247"/>
                </a:cubicBezTo>
                <a:cubicBezTo>
                  <a:pt x="195" y="248"/>
                  <a:pt x="197" y="248"/>
                  <a:pt x="197" y="248"/>
                </a:cubicBezTo>
                <a:cubicBezTo>
                  <a:pt x="205" y="248"/>
                  <a:pt x="205" y="248"/>
                  <a:pt x="205" y="248"/>
                </a:cubicBezTo>
                <a:cubicBezTo>
                  <a:pt x="216" y="248"/>
                  <a:pt x="216" y="248"/>
                  <a:pt x="216" y="248"/>
                </a:cubicBezTo>
                <a:lnTo>
                  <a:pt x="221" y="248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9" name="Freeform 656"/>
          <p:cNvSpPr>
            <a:spLocks/>
          </p:cNvSpPr>
          <p:nvPr userDrawn="1"/>
        </p:nvSpPr>
        <p:spPr bwMode="auto">
          <a:xfrm>
            <a:off x="10490155" y="1748536"/>
            <a:ext cx="512763" cy="511175"/>
          </a:xfrm>
          <a:custGeom>
            <a:avLst/>
            <a:gdLst/>
            <a:ahLst/>
            <a:cxnLst>
              <a:cxn ang="0">
                <a:pos x="227" y="1"/>
              </a:cxn>
              <a:cxn ang="0">
                <a:pos x="11" y="46"/>
              </a:cxn>
              <a:cxn ang="0">
                <a:pos x="1" y="54"/>
              </a:cxn>
              <a:cxn ang="0">
                <a:pos x="0" y="59"/>
              </a:cxn>
              <a:cxn ang="0">
                <a:pos x="2" y="66"/>
              </a:cxn>
              <a:cxn ang="0">
                <a:pos x="45" y="147"/>
              </a:cxn>
              <a:cxn ang="0">
                <a:pos x="45" y="330"/>
              </a:cxn>
              <a:cxn ang="0">
                <a:pos x="50" y="341"/>
              </a:cxn>
              <a:cxn ang="0">
                <a:pos x="186" y="450"/>
              </a:cxn>
              <a:cxn ang="0">
                <a:pos x="200" y="452"/>
              </a:cxn>
              <a:cxn ang="0">
                <a:pos x="208" y="440"/>
              </a:cxn>
              <a:cxn ang="0">
                <a:pos x="208" y="240"/>
              </a:cxn>
              <a:cxn ang="0">
                <a:pos x="250" y="194"/>
              </a:cxn>
              <a:cxn ang="0">
                <a:pos x="368" y="163"/>
              </a:cxn>
              <a:cxn ang="0">
                <a:pos x="378" y="150"/>
              </a:cxn>
              <a:cxn ang="0">
                <a:pos x="377" y="147"/>
              </a:cxn>
              <a:cxn ang="0">
                <a:pos x="361" y="137"/>
              </a:cxn>
              <a:cxn ang="0">
                <a:pos x="240" y="169"/>
              </a:cxn>
              <a:cxn ang="0">
                <a:pos x="234" y="173"/>
              </a:cxn>
              <a:cxn ang="0">
                <a:pos x="184" y="225"/>
              </a:cxn>
              <a:cxn ang="0">
                <a:pos x="181" y="235"/>
              </a:cxn>
              <a:cxn ang="0">
                <a:pos x="181" y="412"/>
              </a:cxn>
              <a:cxn ang="0">
                <a:pos x="72" y="324"/>
              </a:cxn>
              <a:cxn ang="0">
                <a:pos x="72" y="143"/>
              </a:cxn>
              <a:cxn ang="0">
                <a:pos x="70" y="137"/>
              </a:cxn>
              <a:cxn ang="0">
                <a:pos x="34" y="69"/>
              </a:cxn>
              <a:cxn ang="0">
                <a:pos x="224" y="29"/>
              </a:cxn>
              <a:cxn ang="0">
                <a:pos x="265" y="91"/>
              </a:cxn>
              <a:cxn ang="0">
                <a:pos x="273" y="97"/>
              </a:cxn>
              <a:cxn ang="0">
                <a:pos x="420" y="130"/>
              </a:cxn>
              <a:cxn ang="0">
                <a:pos x="364" y="218"/>
              </a:cxn>
              <a:cxn ang="0">
                <a:pos x="362" y="225"/>
              </a:cxn>
              <a:cxn ang="0">
                <a:pos x="361" y="372"/>
              </a:cxn>
              <a:cxn ang="0">
                <a:pos x="242" y="414"/>
              </a:cxn>
              <a:cxn ang="0">
                <a:pos x="233" y="426"/>
              </a:cxn>
              <a:cxn ang="0">
                <a:pos x="234" y="431"/>
              </a:cxn>
              <a:cxn ang="0">
                <a:pos x="251" y="439"/>
              </a:cxn>
              <a:cxn ang="0">
                <a:pos x="379" y="394"/>
              </a:cxn>
              <a:cxn ang="0">
                <a:pos x="388" y="381"/>
              </a:cxn>
              <a:cxn ang="0">
                <a:pos x="388" y="229"/>
              </a:cxn>
              <a:cxn ang="0">
                <a:pos x="452" y="129"/>
              </a:cxn>
              <a:cxn ang="0">
                <a:pos x="455" y="122"/>
              </a:cxn>
              <a:cxn ang="0">
                <a:pos x="454" y="117"/>
              </a:cxn>
              <a:cxn ang="0">
                <a:pos x="444" y="109"/>
              </a:cxn>
              <a:cxn ang="0">
                <a:pos x="284" y="72"/>
              </a:cxn>
              <a:cxn ang="0">
                <a:pos x="241" y="7"/>
              </a:cxn>
              <a:cxn ang="0">
                <a:pos x="227" y="1"/>
              </a:cxn>
            </a:cxnLst>
            <a:rect l="0" t="0" r="r" b="b"/>
            <a:pathLst>
              <a:path w="455" h="454">
                <a:moveTo>
                  <a:pt x="227" y="1"/>
                </a:moveTo>
                <a:cubicBezTo>
                  <a:pt x="11" y="46"/>
                  <a:pt x="11" y="46"/>
                  <a:pt x="11" y="46"/>
                </a:cubicBezTo>
                <a:cubicBezTo>
                  <a:pt x="7" y="47"/>
                  <a:pt x="3" y="50"/>
                  <a:pt x="1" y="54"/>
                </a:cubicBezTo>
                <a:cubicBezTo>
                  <a:pt x="1" y="55"/>
                  <a:pt x="0" y="57"/>
                  <a:pt x="0" y="59"/>
                </a:cubicBezTo>
                <a:cubicBezTo>
                  <a:pt x="0" y="61"/>
                  <a:pt x="1" y="64"/>
                  <a:pt x="2" y="66"/>
                </a:cubicBezTo>
                <a:cubicBezTo>
                  <a:pt x="2" y="66"/>
                  <a:pt x="42" y="141"/>
                  <a:pt x="45" y="147"/>
                </a:cubicBezTo>
                <a:cubicBezTo>
                  <a:pt x="45" y="153"/>
                  <a:pt x="45" y="330"/>
                  <a:pt x="45" y="330"/>
                </a:cubicBezTo>
                <a:cubicBezTo>
                  <a:pt x="45" y="334"/>
                  <a:pt x="47" y="338"/>
                  <a:pt x="50" y="341"/>
                </a:cubicBezTo>
                <a:cubicBezTo>
                  <a:pt x="186" y="450"/>
                  <a:pt x="186" y="450"/>
                  <a:pt x="186" y="450"/>
                </a:cubicBezTo>
                <a:cubicBezTo>
                  <a:pt x="190" y="454"/>
                  <a:pt x="195" y="454"/>
                  <a:pt x="200" y="452"/>
                </a:cubicBezTo>
                <a:cubicBezTo>
                  <a:pt x="205" y="450"/>
                  <a:pt x="208" y="445"/>
                  <a:pt x="208" y="440"/>
                </a:cubicBezTo>
                <a:cubicBezTo>
                  <a:pt x="208" y="440"/>
                  <a:pt x="208" y="250"/>
                  <a:pt x="208" y="240"/>
                </a:cubicBezTo>
                <a:cubicBezTo>
                  <a:pt x="213" y="234"/>
                  <a:pt x="246" y="199"/>
                  <a:pt x="250" y="194"/>
                </a:cubicBezTo>
                <a:cubicBezTo>
                  <a:pt x="257" y="192"/>
                  <a:pt x="368" y="163"/>
                  <a:pt x="368" y="163"/>
                </a:cubicBezTo>
                <a:cubicBezTo>
                  <a:pt x="374" y="161"/>
                  <a:pt x="378" y="156"/>
                  <a:pt x="378" y="150"/>
                </a:cubicBezTo>
                <a:cubicBezTo>
                  <a:pt x="378" y="149"/>
                  <a:pt x="378" y="148"/>
                  <a:pt x="377" y="147"/>
                </a:cubicBezTo>
                <a:cubicBezTo>
                  <a:pt x="375" y="139"/>
                  <a:pt x="368" y="135"/>
                  <a:pt x="361" y="137"/>
                </a:cubicBezTo>
                <a:cubicBezTo>
                  <a:pt x="240" y="169"/>
                  <a:pt x="240" y="169"/>
                  <a:pt x="240" y="169"/>
                </a:cubicBezTo>
                <a:cubicBezTo>
                  <a:pt x="238" y="170"/>
                  <a:pt x="235" y="171"/>
                  <a:pt x="234" y="173"/>
                </a:cubicBezTo>
                <a:cubicBezTo>
                  <a:pt x="184" y="225"/>
                  <a:pt x="184" y="225"/>
                  <a:pt x="184" y="225"/>
                </a:cubicBezTo>
                <a:cubicBezTo>
                  <a:pt x="182" y="228"/>
                  <a:pt x="181" y="231"/>
                  <a:pt x="181" y="235"/>
                </a:cubicBezTo>
                <a:cubicBezTo>
                  <a:pt x="181" y="235"/>
                  <a:pt x="181" y="370"/>
                  <a:pt x="181" y="412"/>
                </a:cubicBezTo>
                <a:cubicBezTo>
                  <a:pt x="151" y="388"/>
                  <a:pt x="79" y="330"/>
                  <a:pt x="72" y="324"/>
                </a:cubicBezTo>
                <a:cubicBezTo>
                  <a:pt x="72" y="312"/>
                  <a:pt x="72" y="143"/>
                  <a:pt x="72" y="143"/>
                </a:cubicBezTo>
                <a:cubicBezTo>
                  <a:pt x="72" y="141"/>
                  <a:pt x="71" y="139"/>
                  <a:pt x="70" y="137"/>
                </a:cubicBezTo>
                <a:cubicBezTo>
                  <a:pt x="70" y="137"/>
                  <a:pt x="45" y="90"/>
                  <a:pt x="34" y="69"/>
                </a:cubicBezTo>
                <a:cubicBezTo>
                  <a:pt x="62" y="63"/>
                  <a:pt x="209" y="32"/>
                  <a:pt x="224" y="29"/>
                </a:cubicBezTo>
                <a:cubicBezTo>
                  <a:pt x="232" y="41"/>
                  <a:pt x="265" y="91"/>
                  <a:pt x="265" y="91"/>
                </a:cubicBezTo>
                <a:cubicBezTo>
                  <a:pt x="267" y="94"/>
                  <a:pt x="270" y="96"/>
                  <a:pt x="273" y="97"/>
                </a:cubicBezTo>
                <a:cubicBezTo>
                  <a:pt x="273" y="97"/>
                  <a:pt x="391" y="124"/>
                  <a:pt x="420" y="130"/>
                </a:cubicBezTo>
                <a:cubicBezTo>
                  <a:pt x="405" y="153"/>
                  <a:pt x="364" y="218"/>
                  <a:pt x="364" y="218"/>
                </a:cubicBezTo>
                <a:cubicBezTo>
                  <a:pt x="362" y="220"/>
                  <a:pt x="362" y="223"/>
                  <a:pt x="362" y="225"/>
                </a:cubicBezTo>
                <a:cubicBezTo>
                  <a:pt x="362" y="225"/>
                  <a:pt x="361" y="355"/>
                  <a:pt x="361" y="372"/>
                </a:cubicBezTo>
                <a:cubicBezTo>
                  <a:pt x="346" y="377"/>
                  <a:pt x="242" y="414"/>
                  <a:pt x="242" y="414"/>
                </a:cubicBezTo>
                <a:cubicBezTo>
                  <a:pt x="236" y="416"/>
                  <a:pt x="233" y="421"/>
                  <a:pt x="233" y="426"/>
                </a:cubicBezTo>
                <a:cubicBezTo>
                  <a:pt x="233" y="428"/>
                  <a:pt x="233" y="429"/>
                  <a:pt x="234" y="431"/>
                </a:cubicBezTo>
                <a:cubicBezTo>
                  <a:pt x="236" y="438"/>
                  <a:pt x="244" y="441"/>
                  <a:pt x="251" y="439"/>
                </a:cubicBezTo>
                <a:cubicBezTo>
                  <a:pt x="379" y="394"/>
                  <a:pt x="379" y="394"/>
                  <a:pt x="379" y="394"/>
                </a:cubicBezTo>
                <a:cubicBezTo>
                  <a:pt x="384" y="392"/>
                  <a:pt x="388" y="387"/>
                  <a:pt x="388" y="381"/>
                </a:cubicBezTo>
                <a:cubicBezTo>
                  <a:pt x="388" y="381"/>
                  <a:pt x="388" y="236"/>
                  <a:pt x="388" y="229"/>
                </a:cubicBezTo>
                <a:cubicBezTo>
                  <a:pt x="392" y="223"/>
                  <a:pt x="452" y="129"/>
                  <a:pt x="452" y="129"/>
                </a:cubicBezTo>
                <a:cubicBezTo>
                  <a:pt x="454" y="127"/>
                  <a:pt x="455" y="124"/>
                  <a:pt x="455" y="122"/>
                </a:cubicBezTo>
                <a:cubicBezTo>
                  <a:pt x="455" y="120"/>
                  <a:pt x="454" y="118"/>
                  <a:pt x="454" y="117"/>
                </a:cubicBezTo>
                <a:cubicBezTo>
                  <a:pt x="452" y="113"/>
                  <a:pt x="448" y="110"/>
                  <a:pt x="444" y="109"/>
                </a:cubicBezTo>
                <a:cubicBezTo>
                  <a:pt x="444" y="109"/>
                  <a:pt x="294" y="74"/>
                  <a:pt x="284" y="72"/>
                </a:cubicBezTo>
                <a:cubicBezTo>
                  <a:pt x="279" y="64"/>
                  <a:pt x="241" y="7"/>
                  <a:pt x="241" y="7"/>
                </a:cubicBezTo>
                <a:cubicBezTo>
                  <a:pt x="238" y="3"/>
                  <a:pt x="233" y="0"/>
                  <a:pt x="227" y="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0" name="Freeform 660"/>
          <p:cNvSpPr>
            <a:spLocks/>
          </p:cNvSpPr>
          <p:nvPr userDrawn="1"/>
        </p:nvSpPr>
        <p:spPr bwMode="auto">
          <a:xfrm>
            <a:off x="10610011" y="1191025"/>
            <a:ext cx="273050" cy="461963"/>
          </a:xfrm>
          <a:custGeom>
            <a:avLst/>
            <a:gdLst/>
            <a:ahLst/>
            <a:cxnLst>
              <a:cxn ang="0">
                <a:pos x="172" y="259"/>
              </a:cxn>
              <a:cxn ang="0">
                <a:pos x="172" y="291"/>
              </a:cxn>
              <a:cxn ang="0">
                <a:pos x="0" y="291"/>
              </a:cxn>
              <a:cxn ang="0">
                <a:pos x="0" y="259"/>
              </a:cxn>
              <a:cxn ang="0">
                <a:pos x="19" y="232"/>
              </a:cxn>
              <a:cxn ang="0">
                <a:pos x="153" y="232"/>
              </a:cxn>
              <a:cxn ang="0">
                <a:pos x="142" y="199"/>
              </a:cxn>
              <a:cxn ang="0">
                <a:pos x="31" y="199"/>
              </a:cxn>
              <a:cxn ang="0">
                <a:pos x="34" y="167"/>
              </a:cxn>
              <a:cxn ang="0">
                <a:pos x="139" y="167"/>
              </a:cxn>
              <a:cxn ang="0">
                <a:pos x="139" y="75"/>
              </a:cxn>
              <a:cxn ang="0">
                <a:pos x="166" y="75"/>
              </a:cxn>
              <a:cxn ang="0">
                <a:pos x="166" y="0"/>
              </a:cxn>
              <a:cxn ang="0">
                <a:pos x="132" y="0"/>
              </a:cxn>
              <a:cxn ang="0">
                <a:pos x="132" y="23"/>
              </a:cxn>
              <a:cxn ang="0">
                <a:pos x="105" y="23"/>
              </a:cxn>
              <a:cxn ang="0">
                <a:pos x="105" y="0"/>
              </a:cxn>
              <a:cxn ang="0">
                <a:pos x="68" y="0"/>
              </a:cxn>
              <a:cxn ang="0">
                <a:pos x="68" y="23"/>
              </a:cxn>
              <a:cxn ang="0">
                <a:pos x="41" y="23"/>
              </a:cxn>
              <a:cxn ang="0">
                <a:pos x="41" y="0"/>
              </a:cxn>
              <a:cxn ang="0">
                <a:pos x="7" y="0"/>
              </a:cxn>
              <a:cxn ang="0">
                <a:pos x="7" y="72"/>
              </a:cxn>
              <a:cxn ang="0">
                <a:pos x="32" y="72"/>
              </a:cxn>
              <a:cxn ang="0">
                <a:pos x="32" y="117"/>
              </a:cxn>
            </a:cxnLst>
            <a:rect l="0" t="0" r="r" b="b"/>
            <a:pathLst>
              <a:path w="172" h="291">
                <a:moveTo>
                  <a:pt x="172" y="259"/>
                </a:moveTo>
                <a:lnTo>
                  <a:pt x="172" y="291"/>
                </a:lnTo>
                <a:lnTo>
                  <a:pt x="0" y="291"/>
                </a:lnTo>
                <a:lnTo>
                  <a:pt x="0" y="259"/>
                </a:lnTo>
                <a:lnTo>
                  <a:pt x="19" y="232"/>
                </a:lnTo>
                <a:lnTo>
                  <a:pt x="153" y="232"/>
                </a:lnTo>
                <a:lnTo>
                  <a:pt x="142" y="199"/>
                </a:lnTo>
                <a:lnTo>
                  <a:pt x="31" y="199"/>
                </a:lnTo>
                <a:lnTo>
                  <a:pt x="34" y="167"/>
                </a:lnTo>
                <a:lnTo>
                  <a:pt x="139" y="167"/>
                </a:lnTo>
                <a:lnTo>
                  <a:pt x="139" y="75"/>
                </a:lnTo>
                <a:lnTo>
                  <a:pt x="166" y="75"/>
                </a:lnTo>
                <a:lnTo>
                  <a:pt x="166" y="0"/>
                </a:lnTo>
                <a:lnTo>
                  <a:pt x="132" y="0"/>
                </a:lnTo>
                <a:lnTo>
                  <a:pt x="132" y="23"/>
                </a:lnTo>
                <a:lnTo>
                  <a:pt x="105" y="23"/>
                </a:lnTo>
                <a:lnTo>
                  <a:pt x="105" y="0"/>
                </a:lnTo>
                <a:lnTo>
                  <a:pt x="68" y="0"/>
                </a:lnTo>
                <a:lnTo>
                  <a:pt x="68" y="23"/>
                </a:lnTo>
                <a:lnTo>
                  <a:pt x="41" y="23"/>
                </a:lnTo>
                <a:lnTo>
                  <a:pt x="41" y="0"/>
                </a:lnTo>
                <a:lnTo>
                  <a:pt x="7" y="0"/>
                </a:lnTo>
                <a:lnTo>
                  <a:pt x="7" y="72"/>
                </a:lnTo>
                <a:lnTo>
                  <a:pt x="32" y="72"/>
                </a:lnTo>
                <a:lnTo>
                  <a:pt x="32" y="117"/>
                </a:ln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1" name="Freeform 143"/>
          <p:cNvSpPr>
            <a:spLocks noEditPoints="1"/>
          </p:cNvSpPr>
          <p:nvPr userDrawn="1"/>
        </p:nvSpPr>
        <p:spPr bwMode="auto">
          <a:xfrm>
            <a:off x="11197613" y="5171492"/>
            <a:ext cx="294750" cy="303198"/>
          </a:xfrm>
          <a:custGeom>
            <a:avLst/>
            <a:gdLst/>
            <a:ahLst/>
            <a:cxnLst>
              <a:cxn ang="0">
                <a:pos x="88" y="9"/>
              </a:cxn>
              <a:cxn ang="0">
                <a:pos x="31" y="21"/>
              </a:cxn>
              <a:cxn ang="0">
                <a:pos x="0" y="48"/>
              </a:cxn>
              <a:cxn ang="0">
                <a:pos x="0" y="49"/>
              </a:cxn>
              <a:cxn ang="0">
                <a:pos x="74" y="85"/>
              </a:cxn>
              <a:cxn ang="0">
                <a:pos x="214" y="103"/>
              </a:cxn>
              <a:cxn ang="0">
                <a:pos x="339" y="117"/>
              </a:cxn>
              <a:cxn ang="0">
                <a:pos x="393" y="129"/>
              </a:cxn>
              <a:cxn ang="0">
                <a:pos x="335" y="143"/>
              </a:cxn>
              <a:cxn ang="0">
                <a:pos x="203" y="165"/>
              </a:cxn>
              <a:cxn ang="0">
                <a:pos x="71" y="186"/>
              </a:cxn>
              <a:cxn ang="0">
                <a:pos x="27" y="197"/>
              </a:cxn>
              <a:cxn ang="0">
                <a:pos x="2" y="221"/>
              </a:cxn>
              <a:cxn ang="0">
                <a:pos x="2" y="221"/>
              </a:cxn>
              <a:cxn ang="0">
                <a:pos x="219" y="284"/>
              </a:cxn>
              <a:cxn ang="0">
                <a:pos x="341" y="304"/>
              </a:cxn>
              <a:cxn ang="0">
                <a:pos x="390" y="316"/>
              </a:cxn>
              <a:cxn ang="0">
                <a:pos x="334" y="330"/>
              </a:cxn>
              <a:cxn ang="0">
                <a:pos x="201" y="353"/>
              </a:cxn>
              <a:cxn ang="0">
                <a:pos x="71" y="375"/>
              </a:cxn>
              <a:cxn ang="0">
                <a:pos x="27" y="386"/>
              </a:cxn>
              <a:cxn ang="0">
                <a:pos x="2" y="409"/>
              </a:cxn>
              <a:cxn ang="0">
                <a:pos x="29" y="436"/>
              </a:cxn>
              <a:cxn ang="0">
                <a:pos x="80" y="447"/>
              </a:cxn>
              <a:cxn ang="0">
                <a:pos x="227" y="455"/>
              </a:cxn>
              <a:cxn ang="0">
                <a:pos x="368" y="447"/>
              </a:cxn>
              <a:cxn ang="0">
                <a:pos x="443" y="409"/>
              </a:cxn>
              <a:cxn ang="0">
                <a:pos x="435" y="394"/>
              </a:cxn>
              <a:cxn ang="0">
                <a:pos x="326" y="369"/>
              </a:cxn>
              <a:cxn ang="0">
                <a:pos x="289" y="365"/>
              </a:cxn>
              <a:cxn ang="0">
                <a:pos x="350" y="354"/>
              </a:cxn>
              <a:cxn ang="0">
                <a:pos x="427" y="316"/>
              </a:cxn>
              <a:cxn ang="0">
                <a:pos x="356" y="280"/>
              </a:cxn>
              <a:cxn ang="0">
                <a:pos x="223" y="257"/>
              </a:cxn>
              <a:cxn ang="0">
                <a:pos x="93" y="235"/>
              </a:cxn>
              <a:cxn ang="0">
                <a:pos x="38" y="222"/>
              </a:cxn>
              <a:cxn ang="0">
                <a:pos x="87" y="210"/>
              </a:cxn>
              <a:cxn ang="0">
                <a:pos x="207" y="191"/>
              </a:cxn>
              <a:cxn ang="0">
                <a:pos x="350" y="167"/>
              </a:cxn>
              <a:cxn ang="0">
                <a:pos x="400" y="154"/>
              </a:cxn>
              <a:cxn ang="0">
                <a:pos x="427" y="128"/>
              </a:cxn>
              <a:cxn ang="0">
                <a:pos x="354" y="93"/>
              </a:cxn>
              <a:cxn ang="0">
                <a:pos x="217" y="76"/>
              </a:cxn>
              <a:cxn ang="0">
                <a:pos x="89" y="61"/>
              </a:cxn>
              <a:cxn ang="0">
                <a:pos x="33" y="49"/>
              </a:cxn>
              <a:cxn ang="0">
                <a:pos x="101" y="35"/>
              </a:cxn>
              <a:cxn ang="0">
                <a:pos x="221" y="28"/>
              </a:cxn>
              <a:cxn ang="0">
                <a:pos x="235" y="15"/>
              </a:cxn>
              <a:cxn ang="0">
                <a:pos x="222" y="2"/>
              </a:cxn>
              <a:cxn ang="0">
                <a:pos x="88" y="9"/>
              </a:cxn>
              <a:cxn ang="0">
                <a:pos x="86" y="399"/>
              </a:cxn>
              <a:cxn ang="0">
                <a:pos x="205" y="379"/>
              </a:cxn>
              <a:cxn ang="0">
                <a:pos x="210" y="378"/>
              </a:cxn>
              <a:cxn ang="0">
                <a:pos x="211" y="380"/>
              </a:cxn>
              <a:cxn ang="0">
                <a:pos x="226" y="390"/>
              </a:cxn>
              <a:cxn ang="0">
                <a:pos x="324" y="395"/>
              </a:cxn>
              <a:cxn ang="0">
                <a:pos x="409" y="410"/>
              </a:cxn>
              <a:cxn ang="0">
                <a:pos x="363" y="421"/>
              </a:cxn>
              <a:cxn ang="0">
                <a:pos x="250" y="428"/>
              </a:cxn>
              <a:cxn ang="0">
                <a:pos x="103" y="423"/>
              </a:cxn>
              <a:cxn ang="0">
                <a:pos x="38" y="411"/>
              </a:cxn>
              <a:cxn ang="0">
                <a:pos x="86" y="399"/>
              </a:cxn>
            </a:cxnLst>
            <a:rect l="0" t="0" r="r" b="b"/>
            <a:pathLst>
              <a:path w="443" h="455">
                <a:moveTo>
                  <a:pt x="88" y="9"/>
                </a:moveTo>
                <a:cubicBezTo>
                  <a:pt x="64" y="13"/>
                  <a:pt x="45" y="17"/>
                  <a:pt x="31" y="21"/>
                </a:cubicBezTo>
                <a:cubicBezTo>
                  <a:pt x="18" y="25"/>
                  <a:pt x="1" y="33"/>
                  <a:pt x="0" y="48"/>
                </a:cubicBezTo>
                <a:cubicBezTo>
                  <a:pt x="0" y="49"/>
                  <a:pt x="0" y="49"/>
                  <a:pt x="0" y="49"/>
                </a:cubicBezTo>
                <a:cubicBezTo>
                  <a:pt x="0" y="69"/>
                  <a:pt x="27" y="78"/>
                  <a:pt x="74" y="85"/>
                </a:cubicBezTo>
                <a:cubicBezTo>
                  <a:pt x="112" y="92"/>
                  <a:pt x="164" y="97"/>
                  <a:pt x="214" y="103"/>
                </a:cubicBezTo>
                <a:cubicBezTo>
                  <a:pt x="258" y="107"/>
                  <a:pt x="304" y="112"/>
                  <a:pt x="339" y="117"/>
                </a:cubicBezTo>
                <a:cubicBezTo>
                  <a:pt x="368" y="122"/>
                  <a:pt x="384" y="126"/>
                  <a:pt x="393" y="129"/>
                </a:cubicBezTo>
                <a:cubicBezTo>
                  <a:pt x="384" y="132"/>
                  <a:pt x="367" y="137"/>
                  <a:pt x="335" y="143"/>
                </a:cubicBezTo>
                <a:cubicBezTo>
                  <a:pt x="297" y="151"/>
                  <a:pt x="249" y="158"/>
                  <a:pt x="203" y="165"/>
                </a:cubicBezTo>
                <a:cubicBezTo>
                  <a:pt x="153" y="172"/>
                  <a:pt x="107" y="179"/>
                  <a:pt x="71" y="186"/>
                </a:cubicBezTo>
                <a:cubicBezTo>
                  <a:pt x="52" y="190"/>
                  <a:pt x="37" y="194"/>
                  <a:pt x="27" y="197"/>
                </a:cubicBezTo>
                <a:cubicBezTo>
                  <a:pt x="19" y="200"/>
                  <a:pt x="2" y="206"/>
                  <a:pt x="2" y="221"/>
                </a:cubicBezTo>
                <a:cubicBezTo>
                  <a:pt x="2" y="221"/>
                  <a:pt x="2" y="221"/>
                  <a:pt x="2" y="221"/>
                </a:cubicBezTo>
                <a:cubicBezTo>
                  <a:pt x="2" y="247"/>
                  <a:pt x="46" y="257"/>
                  <a:pt x="219" y="284"/>
                </a:cubicBezTo>
                <a:cubicBezTo>
                  <a:pt x="262" y="290"/>
                  <a:pt x="306" y="297"/>
                  <a:pt x="341" y="304"/>
                </a:cubicBezTo>
                <a:cubicBezTo>
                  <a:pt x="366" y="309"/>
                  <a:pt x="381" y="313"/>
                  <a:pt x="390" y="316"/>
                </a:cubicBezTo>
                <a:cubicBezTo>
                  <a:pt x="381" y="320"/>
                  <a:pt x="364" y="324"/>
                  <a:pt x="334" y="330"/>
                </a:cubicBezTo>
                <a:cubicBezTo>
                  <a:pt x="296" y="338"/>
                  <a:pt x="248" y="345"/>
                  <a:pt x="201" y="353"/>
                </a:cubicBezTo>
                <a:cubicBezTo>
                  <a:pt x="152" y="361"/>
                  <a:pt x="106" y="368"/>
                  <a:pt x="71" y="375"/>
                </a:cubicBezTo>
                <a:cubicBezTo>
                  <a:pt x="51" y="379"/>
                  <a:pt x="37" y="383"/>
                  <a:pt x="27" y="386"/>
                </a:cubicBezTo>
                <a:cubicBezTo>
                  <a:pt x="19" y="389"/>
                  <a:pt x="2" y="395"/>
                  <a:pt x="2" y="409"/>
                </a:cubicBezTo>
                <a:cubicBezTo>
                  <a:pt x="2" y="426"/>
                  <a:pt x="22" y="433"/>
                  <a:pt x="29" y="436"/>
                </a:cubicBezTo>
                <a:cubicBezTo>
                  <a:pt x="41" y="440"/>
                  <a:pt x="58" y="444"/>
                  <a:pt x="80" y="447"/>
                </a:cubicBezTo>
                <a:cubicBezTo>
                  <a:pt x="119" y="452"/>
                  <a:pt x="171" y="455"/>
                  <a:pt x="227" y="455"/>
                </a:cubicBezTo>
                <a:cubicBezTo>
                  <a:pt x="281" y="455"/>
                  <a:pt x="331" y="452"/>
                  <a:pt x="368" y="447"/>
                </a:cubicBezTo>
                <a:cubicBezTo>
                  <a:pt x="421" y="439"/>
                  <a:pt x="443" y="428"/>
                  <a:pt x="443" y="409"/>
                </a:cubicBezTo>
                <a:cubicBezTo>
                  <a:pt x="443" y="405"/>
                  <a:pt x="442" y="399"/>
                  <a:pt x="435" y="394"/>
                </a:cubicBezTo>
                <a:cubicBezTo>
                  <a:pt x="423" y="384"/>
                  <a:pt x="386" y="375"/>
                  <a:pt x="326" y="369"/>
                </a:cubicBezTo>
                <a:cubicBezTo>
                  <a:pt x="314" y="368"/>
                  <a:pt x="302" y="366"/>
                  <a:pt x="289" y="365"/>
                </a:cubicBezTo>
                <a:cubicBezTo>
                  <a:pt x="311" y="362"/>
                  <a:pt x="332" y="358"/>
                  <a:pt x="350" y="354"/>
                </a:cubicBezTo>
                <a:cubicBezTo>
                  <a:pt x="408" y="342"/>
                  <a:pt x="427" y="333"/>
                  <a:pt x="427" y="316"/>
                </a:cubicBezTo>
                <a:cubicBezTo>
                  <a:pt x="427" y="300"/>
                  <a:pt x="410" y="291"/>
                  <a:pt x="356" y="280"/>
                </a:cubicBezTo>
                <a:cubicBezTo>
                  <a:pt x="320" y="272"/>
                  <a:pt x="271" y="265"/>
                  <a:pt x="223" y="257"/>
                </a:cubicBezTo>
                <a:cubicBezTo>
                  <a:pt x="177" y="250"/>
                  <a:pt x="130" y="243"/>
                  <a:pt x="93" y="235"/>
                </a:cubicBezTo>
                <a:cubicBezTo>
                  <a:pt x="63" y="230"/>
                  <a:pt x="47" y="225"/>
                  <a:pt x="38" y="222"/>
                </a:cubicBezTo>
                <a:cubicBezTo>
                  <a:pt x="47" y="219"/>
                  <a:pt x="61" y="215"/>
                  <a:pt x="87" y="210"/>
                </a:cubicBezTo>
                <a:cubicBezTo>
                  <a:pt x="120" y="204"/>
                  <a:pt x="162" y="197"/>
                  <a:pt x="207" y="191"/>
                </a:cubicBezTo>
                <a:cubicBezTo>
                  <a:pt x="258" y="183"/>
                  <a:pt x="311" y="176"/>
                  <a:pt x="350" y="167"/>
                </a:cubicBezTo>
                <a:cubicBezTo>
                  <a:pt x="372" y="163"/>
                  <a:pt x="389" y="159"/>
                  <a:pt x="400" y="154"/>
                </a:cubicBezTo>
                <a:cubicBezTo>
                  <a:pt x="408" y="151"/>
                  <a:pt x="427" y="144"/>
                  <a:pt x="427" y="128"/>
                </a:cubicBezTo>
                <a:cubicBezTo>
                  <a:pt x="427" y="109"/>
                  <a:pt x="400" y="100"/>
                  <a:pt x="354" y="93"/>
                </a:cubicBezTo>
                <a:cubicBezTo>
                  <a:pt x="317" y="87"/>
                  <a:pt x="266" y="81"/>
                  <a:pt x="217" y="76"/>
                </a:cubicBezTo>
                <a:cubicBezTo>
                  <a:pt x="172" y="71"/>
                  <a:pt x="126" y="66"/>
                  <a:pt x="89" y="61"/>
                </a:cubicBezTo>
                <a:cubicBezTo>
                  <a:pt x="58" y="56"/>
                  <a:pt x="41" y="52"/>
                  <a:pt x="33" y="49"/>
                </a:cubicBezTo>
                <a:cubicBezTo>
                  <a:pt x="43" y="45"/>
                  <a:pt x="64" y="39"/>
                  <a:pt x="101" y="35"/>
                </a:cubicBezTo>
                <a:cubicBezTo>
                  <a:pt x="140" y="30"/>
                  <a:pt x="186" y="27"/>
                  <a:pt x="221" y="28"/>
                </a:cubicBezTo>
                <a:cubicBezTo>
                  <a:pt x="228" y="29"/>
                  <a:pt x="234" y="23"/>
                  <a:pt x="235" y="15"/>
                </a:cubicBezTo>
                <a:cubicBezTo>
                  <a:pt x="235" y="8"/>
                  <a:pt x="229" y="2"/>
                  <a:pt x="222" y="2"/>
                </a:cubicBezTo>
                <a:cubicBezTo>
                  <a:pt x="183" y="0"/>
                  <a:pt x="130" y="3"/>
                  <a:pt x="88" y="9"/>
                </a:cubicBezTo>
                <a:close/>
                <a:moveTo>
                  <a:pt x="86" y="399"/>
                </a:moveTo>
                <a:cubicBezTo>
                  <a:pt x="120" y="393"/>
                  <a:pt x="161" y="386"/>
                  <a:pt x="205" y="379"/>
                </a:cubicBezTo>
                <a:cubicBezTo>
                  <a:pt x="207" y="379"/>
                  <a:pt x="209" y="379"/>
                  <a:pt x="210" y="378"/>
                </a:cubicBezTo>
                <a:cubicBezTo>
                  <a:pt x="210" y="379"/>
                  <a:pt x="210" y="379"/>
                  <a:pt x="211" y="380"/>
                </a:cubicBezTo>
                <a:cubicBezTo>
                  <a:pt x="212" y="387"/>
                  <a:pt x="219" y="392"/>
                  <a:pt x="226" y="390"/>
                </a:cubicBezTo>
                <a:cubicBezTo>
                  <a:pt x="234" y="389"/>
                  <a:pt x="274" y="390"/>
                  <a:pt x="324" y="395"/>
                </a:cubicBezTo>
                <a:cubicBezTo>
                  <a:pt x="370" y="400"/>
                  <a:pt x="396" y="406"/>
                  <a:pt x="409" y="410"/>
                </a:cubicBezTo>
                <a:cubicBezTo>
                  <a:pt x="402" y="413"/>
                  <a:pt x="388" y="417"/>
                  <a:pt x="363" y="421"/>
                </a:cubicBezTo>
                <a:cubicBezTo>
                  <a:pt x="333" y="425"/>
                  <a:pt x="294" y="428"/>
                  <a:pt x="250" y="428"/>
                </a:cubicBezTo>
                <a:cubicBezTo>
                  <a:pt x="198" y="429"/>
                  <a:pt x="145" y="427"/>
                  <a:pt x="103" y="423"/>
                </a:cubicBezTo>
                <a:cubicBezTo>
                  <a:pt x="67" y="419"/>
                  <a:pt x="48" y="414"/>
                  <a:pt x="38" y="411"/>
                </a:cubicBezTo>
                <a:cubicBezTo>
                  <a:pt x="47" y="408"/>
                  <a:pt x="61" y="404"/>
                  <a:pt x="86" y="399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2" name="Freeform 600"/>
          <p:cNvSpPr>
            <a:spLocks/>
          </p:cNvSpPr>
          <p:nvPr userDrawn="1"/>
        </p:nvSpPr>
        <p:spPr bwMode="auto">
          <a:xfrm>
            <a:off x="11088607" y="3816010"/>
            <a:ext cx="512763" cy="241300"/>
          </a:xfrm>
          <a:custGeom>
            <a:avLst/>
            <a:gdLst/>
            <a:ahLst/>
            <a:cxnLst>
              <a:cxn ang="0">
                <a:pos x="228" y="22"/>
              </a:cxn>
              <a:cxn ang="0">
                <a:pos x="169" y="6"/>
              </a:cxn>
              <a:cxn ang="0">
                <a:pos x="12" y="47"/>
              </a:cxn>
              <a:cxn ang="0">
                <a:pos x="2" y="63"/>
              </a:cxn>
              <a:cxn ang="0">
                <a:pos x="18" y="72"/>
              </a:cxn>
              <a:cxn ang="0">
                <a:pos x="176" y="32"/>
              </a:cxn>
              <a:cxn ang="0">
                <a:pos x="219" y="49"/>
              </a:cxn>
              <a:cxn ang="0">
                <a:pos x="235" y="49"/>
              </a:cxn>
              <a:cxn ang="0">
                <a:pos x="279" y="32"/>
              </a:cxn>
              <a:cxn ang="0">
                <a:pos x="416" y="67"/>
              </a:cxn>
              <a:cxn ang="0">
                <a:pos x="222" y="183"/>
              </a:cxn>
              <a:cxn ang="0">
                <a:pos x="90" y="115"/>
              </a:cxn>
              <a:cxn ang="0">
                <a:pos x="361" y="105"/>
              </a:cxn>
              <a:cxn ang="0">
                <a:pos x="367" y="87"/>
              </a:cxn>
              <a:cxn ang="0">
                <a:pos x="350" y="80"/>
              </a:cxn>
              <a:cxn ang="0">
                <a:pos x="59" y="81"/>
              </a:cxn>
              <a:cxn ang="0">
                <a:pos x="44" y="86"/>
              </a:cxn>
              <a:cxn ang="0">
                <a:pos x="44" y="102"/>
              </a:cxn>
              <a:cxn ang="0">
                <a:pos x="221" y="210"/>
              </a:cxn>
              <a:cxn ang="0">
                <a:pos x="451" y="66"/>
              </a:cxn>
              <a:cxn ang="0">
                <a:pos x="452" y="54"/>
              </a:cxn>
              <a:cxn ang="0">
                <a:pos x="443" y="45"/>
              </a:cxn>
              <a:cxn ang="0">
                <a:pos x="286" y="6"/>
              </a:cxn>
              <a:cxn ang="0">
                <a:pos x="228" y="22"/>
              </a:cxn>
            </a:cxnLst>
            <a:rect l="0" t="0" r="r" b="b"/>
            <a:pathLst>
              <a:path w="454" h="214">
                <a:moveTo>
                  <a:pt x="228" y="22"/>
                </a:moveTo>
                <a:cubicBezTo>
                  <a:pt x="215" y="14"/>
                  <a:pt x="191" y="1"/>
                  <a:pt x="169" y="6"/>
                </a:cubicBezTo>
                <a:cubicBezTo>
                  <a:pt x="151" y="11"/>
                  <a:pt x="13" y="46"/>
                  <a:pt x="12" y="47"/>
                </a:cubicBezTo>
                <a:cubicBezTo>
                  <a:pt x="4" y="48"/>
                  <a:pt x="0" y="56"/>
                  <a:pt x="2" y="63"/>
                </a:cubicBezTo>
                <a:cubicBezTo>
                  <a:pt x="4" y="70"/>
                  <a:pt x="11" y="74"/>
                  <a:pt x="18" y="72"/>
                </a:cubicBezTo>
                <a:cubicBezTo>
                  <a:pt x="20" y="72"/>
                  <a:pt x="157" y="37"/>
                  <a:pt x="176" y="32"/>
                </a:cubicBezTo>
                <a:cubicBezTo>
                  <a:pt x="190" y="29"/>
                  <a:pt x="212" y="43"/>
                  <a:pt x="219" y="49"/>
                </a:cubicBezTo>
                <a:cubicBezTo>
                  <a:pt x="224" y="53"/>
                  <a:pt x="230" y="53"/>
                  <a:pt x="235" y="49"/>
                </a:cubicBezTo>
                <a:cubicBezTo>
                  <a:pt x="247" y="40"/>
                  <a:pt x="269" y="29"/>
                  <a:pt x="279" y="32"/>
                </a:cubicBezTo>
                <a:cubicBezTo>
                  <a:pt x="308" y="41"/>
                  <a:pt x="381" y="58"/>
                  <a:pt x="416" y="67"/>
                </a:cubicBezTo>
                <a:cubicBezTo>
                  <a:pt x="386" y="102"/>
                  <a:pt x="306" y="186"/>
                  <a:pt x="222" y="183"/>
                </a:cubicBezTo>
                <a:cubicBezTo>
                  <a:pt x="163" y="181"/>
                  <a:pt x="117" y="143"/>
                  <a:pt x="90" y="115"/>
                </a:cubicBezTo>
                <a:cubicBezTo>
                  <a:pt x="152" y="127"/>
                  <a:pt x="274" y="143"/>
                  <a:pt x="361" y="105"/>
                </a:cubicBezTo>
                <a:cubicBezTo>
                  <a:pt x="367" y="102"/>
                  <a:pt x="370" y="94"/>
                  <a:pt x="367" y="87"/>
                </a:cubicBezTo>
                <a:cubicBezTo>
                  <a:pt x="364" y="80"/>
                  <a:pt x="357" y="77"/>
                  <a:pt x="350" y="80"/>
                </a:cubicBezTo>
                <a:cubicBezTo>
                  <a:pt x="241" y="128"/>
                  <a:pt x="61" y="82"/>
                  <a:pt x="59" y="81"/>
                </a:cubicBezTo>
                <a:cubicBezTo>
                  <a:pt x="53" y="80"/>
                  <a:pt x="48" y="82"/>
                  <a:pt x="44" y="86"/>
                </a:cubicBezTo>
                <a:cubicBezTo>
                  <a:pt x="41" y="91"/>
                  <a:pt x="41" y="97"/>
                  <a:pt x="44" y="102"/>
                </a:cubicBezTo>
                <a:cubicBezTo>
                  <a:pt x="47" y="106"/>
                  <a:pt x="115" y="206"/>
                  <a:pt x="221" y="210"/>
                </a:cubicBezTo>
                <a:cubicBezTo>
                  <a:pt x="342" y="214"/>
                  <a:pt x="446" y="72"/>
                  <a:pt x="451" y="66"/>
                </a:cubicBezTo>
                <a:cubicBezTo>
                  <a:pt x="453" y="63"/>
                  <a:pt x="454" y="58"/>
                  <a:pt x="452" y="54"/>
                </a:cubicBezTo>
                <a:cubicBezTo>
                  <a:pt x="451" y="50"/>
                  <a:pt x="447" y="47"/>
                  <a:pt x="443" y="45"/>
                </a:cubicBezTo>
                <a:cubicBezTo>
                  <a:pt x="442" y="45"/>
                  <a:pt x="325" y="18"/>
                  <a:pt x="286" y="6"/>
                </a:cubicBezTo>
                <a:cubicBezTo>
                  <a:pt x="266" y="0"/>
                  <a:pt x="241" y="14"/>
                  <a:pt x="228" y="2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3" name="Freeform 612"/>
          <p:cNvSpPr>
            <a:spLocks/>
          </p:cNvSpPr>
          <p:nvPr userDrawn="1"/>
        </p:nvSpPr>
        <p:spPr bwMode="auto">
          <a:xfrm>
            <a:off x="11114800" y="4430999"/>
            <a:ext cx="460376" cy="460375"/>
          </a:xfrm>
          <a:custGeom>
            <a:avLst/>
            <a:gdLst/>
            <a:ahLst/>
            <a:cxnLst>
              <a:cxn ang="0">
                <a:pos x="153" y="404"/>
              </a:cxn>
              <a:cxn ang="0">
                <a:pos x="149" y="156"/>
              </a:cxn>
              <a:cxn ang="0">
                <a:pos x="175" y="156"/>
              </a:cxn>
              <a:cxn ang="0">
                <a:pos x="249" y="381"/>
              </a:cxn>
              <a:cxn ang="0">
                <a:pos x="253" y="232"/>
              </a:cxn>
              <a:cxn ang="0">
                <a:pos x="310" y="228"/>
              </a:cxn>
              <a:cxn ang="0">
                <a:pos x="323" y="242"/>
              </a:cxn>
              <a:cxn ang="0">
                <a:pos x="381" y="269"/>
              </a:cxn>
              <a:cxn ang="0">
                <a:pos x="381" y="238"/>
              </a:cxn>
              <a:cxn ang="0">
                <a:pos x="378" y="203"/>
              </a:cxn>
              <a:cxn ang="0">
                <a:pos x="351" y="173"/>
              </a:cxn>
              <a:cxn ang="0">
                <a:pos x="323" y="169"/>
              </a:cxn>
              <a:cxn ang="0">
                <a:pos x="254" y="165"/>
              </a:cxn>
              <a:cxn ang="0">
                <a:pos x="250" y="102"/>
              </a:cxn>
              <a:cxn ang="0">
                <a:pos x="212" y="98"/>
              </a:cxn>
              <a:cxn ang="0">
                <a:pos x="208" y="33"/>
              </a:cxn>
              <a:cxn ang="0">
                <a:pos x="176" y="27"/>
              </a:cxn>
              <a:cxn ang="0">
                <a:pos x="158" y="29"/>
              </a:cxn>
              <a:cxn ang="0">
                <a:pos x="124" y="69"/>
              </a:cxn>
              <a:cxn ang="0">
                <a:pos x="113" y="113"/>
              </a:cxn>
              <a:cxn ang="0">
                <a:pos x="24" y="329"/>
              </a:cxn>
              <a:cxn ang="0">
                <a:pos x="6" y="330"/>
              </a:cxn>
              <a:cxn ang="0">
                <a:pos x="5" y="311"/>
              </a:cxn>
              <a:cxn ang="0">
                <a:pos x="5" y="311"/>
              </a:cxn>
              <a:cxn ang="0">
                <a:pos x="10" y="305"/>
              </a:cxn>
              <a:cxn ang="0">
                <a:pos x="25" y="285"/>
              </a:cxn>
              <a:cxn ang="0">
                <a:pos x="82" y="135"/>
              </a:cxn>
              <a:cxn ang="0">
                <a:pos x="99" y="60"/>
              </a:cxn>
              <a:cxn ang="0">
                <a:pos x="149" y="4"/>
              </a:cxn>
              <a:cxn ang="0">
                <a:pos x="176" y="0"/>
              </a:cxn>
              <a:cxn ang="0">
                <a:pos x="235" y="24"/>
              </a:cxn>
              <a:cxn ang="0">
                <a:pos x="263" y="75"/>
              </a:cxn>
              <a:cxn ang="0">
                <a:pos x="277" y="88"/>
              </a:cxn>
              <a:cxn ang="0">
                <a:pos x="324" y="142"/>
              </a:cxn>
              <a:cxn ang="0">
                <a:pos x="360" y="148"/>
              </a:cxn>
              <a:cxn ang="0">
                <a:pos x="405" y="198"/>
              </a:cxn>
              <a:cxn ang="0">
                <a:pos x="408" y="238"/>
              </a:cxn>
              <a:cxn ang="0">
                <a:pos x="408" y="283"/>
              </a:cxn>
              <a:cxn ang="0">
                <a:pos x="395" y="296"/>
              </a:cxn>
              <a:cxn ang="0">
                <a:pos x="297" y="283"/>
              </a:cxn>
              <a:cxn ang="0">
                <a:pos x="275" y="255"/>
              </a:cxn>
              <a:cxn ang="0">
                <a:pos x="271" y="404"/>
              </a:cxn>
              <a:cxn ang="0">
                <a:pos x="162" y="408"/>
              </a:cxn>
            </a:cxnLst>
            <a:rect l="0" t="0" r="r" b="b"/>
            <a:pathLst>
              <a:path w="408" h="408">
                <a:moveTo>
                  <a:pt x="162" y="408"/>
                </a:moveTo>
                <a:cubicBezTo>
                  <a:pt x="158" y="408"/>
                  <a:pt x="155" y="406"/>
                  <a:pt x="153" y="404"/>
                </a:cubicBezTo>
                <a:cubicBezTo>
                  <a:pt x="153" y="404"/>
                  <a:pt x="153" y="404"/>
                  <a:pt x="153" y="404"/>
                </a:cubicBezTo>
                <a:cubicBezTo>
                  <a:pt x="150" y="401"/>
                  <a:pt x="149" y="398"/>
                  <a:pt x="149" y="394"/>
                </a:cubicBezTo>
                <a:cubicBezTo>
                  <a:pt x="149" y="394"/>
                  <a:pt x="149" y="394"/>
                  <a:pt x="149" y="394"/>
                </a:cubicBezTo>
                <a:cubicBezTo>
                  <a:pt x="149" y="156"/>
                  <a:pt x="149" y="156"/>
                  <a:pt x="149" y="156"/>
                </a:cubicBezTo>
                <a:cubicBezTo>
                  <a:pt x="149" y="149"/>
                  <a:pt x="155" y="143"/>
                  <a:pt x="162" y="143"/>
                </a:cubicBezTo>
                <a:cubicBezTo>
                  <a:pt x="162" y="143"/>
                  <a:pt x="162" y="143"/>
                  <a:pt x="162" y="143"/>
                </a:cubicBezTo>
                <a:cubicBezTo>
                  <a:pt x="169" y="143"/>
                  <a:pt x="175" y="149"/>
                  <a:pt x="175" y="156"/>
                </a:cubicBezTo>
                <a:cubicBezTo>
                  <a:pt x="175" y="156"/>
                  <a:pt x="175" y="156"/>
                  <a:pt x="175" y="156"/>
                </a:cubicBezTo>
                <a:cubicBezTo>
                  <a:pt x="175" y="381"/>
                  <a:pt x="175" y="381"/>
                  <a:pt x="175" y="381"/>
                </a:cubicBezTo>
                <a:cubicBezTo>
                  <a:pt x="249" y="381"/>
                  <a:pt x="249" y="381"/>
                  <a:pt x="249" y="381"/>
                </a:cubicBezTo>
                <a:cubicBezTo>
                  <a:pt x="249" y="242"/>
                  <a:pt x="249" y="242"/>
                  <a:pt x="249" y="242"/>
                </a:cubicBezTo>
                <a:cubicBezTo>
                  <a:pt x="249" y="238"/>
                  <a:pt x="250" y="235"/>
                  <a:pt x="253" y="232"/>
                </a:cubicBezTo>
                <a:cubicBezTo>
                  <a:pt x="253" y="232"/>
                  <a:pt x="253" y="232"/>
                  <a:pt x="253" y="232"/>
                </a:cubicBezTo>
                <a:cubicBezTo>
                  <a:pt x="255" y="230"/>
                  <a:pt x="258" y="228"/>
                  <a:pt x="262" y="228"/>
                </a:cubicBezTo>
                <a:cubicBezTo>
                  <a:pt x="262" y="228"/>
                  <a:pt x="262" y="228"/>
                  <a:pt x="262" y="228"/>
                </a:cubicBezTo>
                <a:cubicBezTo>
                  <a:pt x="310" y="228"/>
                  <a:pt x="310" y="228"/>
                  <a:pt x="310" y="228"/>
                </a:cubicBezTo>
                <a:cubicBezTo>
                  <a:pt x="313" y="228"/>
                  <a:pt x="317" y="230"/>
                  <a:pt x="319" y="232"/>
                </a:cubicBezTo>
                <a:cubicBezTo>
                  <a:pt x="319" y="232"/>
                  <a:pt x="319" y="232"/>
                  <a:pt x="319" y="232"/>
                </a:cubicBezTo>
                <a:cubicBezTo>
                  <a:pt x="322" y="235"/>
                  <a:pt x="323" y="238"/>
                  <a:pt x="323" y="242"/>
                </a:cubicBezTo>
                <a:cubicBezTo>
                  <a:pt x="323" y="242"/>
                  <a:pt x="323" y="242"/>
                  <a:pt x="323" y="242"/>
                </a:cubicBezTo>
                <a:cubicBezTo>
                  <a:pt x="323" y="269"/>
                  <a:pt x="323" y="269"/>
                  <a:pt x="323" y="269"/>
                </a:cubicBezTo>
                <a:cubicBezTo>
                  <a:pt x="381" y="269"/>
                  <a:pt x="381" y="269"/>
                  <a:pt x="381" y="269"/>
                </a:cubicBezTo>
                <a:cubicBezTo>
                  <a:pt x="381" y="247"/>
                  <a:pt x="381" y="247"/>
                  <a:pt x="381" y="247"/>
                </a:cubicBezTo>
                <a:cubicBezTo>
                  <a:pt x="381" y="246"/>
                  <a:pt x="381" y="246"/>
                  <a:pt x="381" y="246"/>
                </a:cubicBezTo>
                <a:cubicBezTo>
                  <a:pt x="381" y="243"/>
                  <a:pt x="381" y="241"/>
                  <a:pt x="381" y="238"/>
                </a:cubicBezTo>
                <a:cubicBezTo>
                  <a:pt x="381" y="238"/>
                  <a:pt x="381" y="238"/>
                  <a:pt x="381" y="238"/>
                </a:cubicBezTo>
                <a:cubicBezTo>
                  <a:pt x="381" y="223"/>
                  <a:pt x="380" y="212"/>
                  <a:pt x="378" y="203"/>
                </a:cubicBezTo>
                <a:cubicBezTo>
                  <a:pt x="378" y="203"/>
                  <a:pt x="378" y="203"/>
                  <a:pt x="378" y="203"/>
                </a:cubicBezTo>
                <a:cubicBezTo>
                  <a:pt x="377" y="195"/>
                  <a:pt x="374" y="190"/>
                  <a:pt x="371" y="187"/>
                </a:cubicBezTo>
                <a:cubicBezTo>
                  <a:pt x="371" y="187"/>
                  <a:pt x="371" y="187"/>
                  <a:pt x="371" y="187"/>
                </a:cubicBezTo>
                <a:cubicBezTo>
                  <a:pt x="366" y="180"/>
                  <a:pt x="359" y="176"/>
                  <a:pt x="351" y="173"/>
                </a:cubicBezTo>
                <a:cubicBezTo>
                  <a:pt x="351" y="173"/>
                  <a:pt x="351" y="173"/>
                  <a:pt x="351" y="173"/>
                </a:cubicBezTo>
                <a:cubicBezTo>
                  <a:pt x="344" y="170"/>
                  <a:pt x="334" y="169"/>
                  <a:pt x="323" y="169"/>
                </a:cubicBezTo>
                <a:cubicBezTo>
                  <a:pt x="323" y="169"/>
                  <a:pt x="323" y="169"/>
                  <a:pt x="323" y="169"/>
                </a:cubicBezTo>
                <a:cubicBezTo>
                  <a:pt x="263" y="169"/>
                  <a:pt x="263" y="169"/>
                  <a:pt x="263" y="169"/>
                </a:cubicBezTo>
                <a:cubicBezTo>
                  <a:pt x="260" y="169"/>
                  <a:pt x="256" y="167"/>
                  <a:pt x="254" y="165"/>
                </a:cubicBezTo>
                <a:cubicBezTo>
                  <a:pt x="254" y="165"/>
                  <a:pt x="254" y="165"/>
                  <a:pt x="254" y="165"/>
                </a:cubicBezTo>
                <a:cubicBezTo>
                  <a:pt x="251" y="162"/>
                  <a:pt x="250" y="159"/>
                  <a:pt x="250" y="156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50" y="102"/>
                  <a:pt x="250" y="102"/>
                  <a:pt x="250" y="102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8" y="102"/>
                  <a:pt x="215" y="100"/>
                  <a:pt x="212" y="98"/>
                </a:cubicBezTo>
                <a:cubicBezTo>
                  <a:pt x="212" y="98"/>
                  <a:pt x="212" y="98"/>
                  <a:pt x="212" y="98"/>
                </a:cubicBezTo>
                <a:cubicBezTo>
                  <a:pt x="210" y="95"/>
                  <a:pt x="208" y="92"/>
                  <a:pt x="208" y="88"/>
                </a:cubicBezTo>
                <a:cubicBezTo>
                  <a:pt x="208" y="88"/>
                  <a:pt x="208" y="88"/>
                  <a:pt x="208" y="88"/>
                </a:cubicBezTo>
                <a:cubicBezTo>
                  <a:pt x="208" y="33"/>
                  <a:pt x="208" y="33"/>
                  <a:pt x="208" y="33"/>
                </a:cubicBezTo>
                <a:cubicBezTo>
                  <a:pt x="207" y="33"/>
                  <a:pt x="205" y="32"/>
                  <a:pt x="204" y="31"/>
                </a:cubicBezTo>
                <a:cubicBezTo>
                  <a:pt x="204" y="31"/>
                  <a:pt x="204" y="31"/>
                  <a:pt x="204" y="31"/>
                </a:cubicBezTo>
                <a:cubicBezTo>
                  <a:pt x="196" y="29"/>
                  <a:pt x="186" y="27"/>
                  <a:pt x="176" y="27"/>
                </a:cubicBezTo>
                <a:cubicBezTo>
                  <a:pt x="176" y="27"/>
                  <a:pt x="176" y="27"/>
                  <a:pt x="176" y="27"/>
                </a:cubicBezTo>
                <a:cubicBezTo>
                  <a:pt x="170" y="27"/>
                  <a:pt x="164" y="27"/>
                  <a:pt x="158" y="29"/>
                </a:cubicBezTo>
                <a:cubicBezTo>
                  <a:pt x="158" y="29"/>
                  <a:pt x="158" y="29"/>
                  <a:pt x="158" y="29"/>
                </a:cubicBezTo>
                <a:cubicBezTo>
                  <a:pt x="152" y="31"/>
                  <a:pt x="146" y="35"/>
                  <a:pt x="141" y="40"/>
                </a:cubicBezTo>
                <a:cubicBezTo>
                  <a:pt x="141" y="40"/>
                  <a:pt x="141" y="40"/>
                  <a:pt x="141" y="40"/>
                </a:cubicBezTo>
                <a:cubicBezTo>
                  <a:pt x="134" y="46"/>
                  <a:pt x="128" y="56"/>
                  <a:pt x="124" y="69"/>
                </a:cubicBezTo>
                <a:cubicBezTo>
                  <a:pt x="124" y="69"/>
                  <a:pt x="124" y="69"/>
                  <a:pt x="124" y="69"/>
                </a:cubicBezTo>
                <a:cubicBezTo>
                  <a:pt x="119" y="81"/>
                  <a:pt x="116" y="97"/>
                  <a:pt x="113" y="113"/>
                </a:cubicBezTo>
                <a:cubicBezTo>
                  <a:pt x="113" y="113"/>
                  <a:pt x="113" y="113"/>
                  <a:pt x="113" y="113"/>
                </a:cubicBezTo>
                <a:cubicBezTo>
                  <a:pt x="107" y="147"/>
                  <a:pt x="102" y="186"/>
                  <a:pt x="89" y="221"/>
                </a:cubicBezTo>
                <a:cubicBezTo>
                  <a:pt x="89" y="221"/>
                  <a:pt x="89" y="221"/>
                  <a:pt x="89" y="221"/>
                </a:cubicBezTo>
                <a:cubicBezTo>
                  <a:pt x="63" y="287"/>
                  <a:pt x="25" y="329"/>
                  <a:pt x="24" y="329"/>
                </a:cubicBezTo>
                <a:cubicBezTo>
                  <a:pt x="24" y="329"/>
                  <a:pt x="24" y="329"/>
                  <a:pt x="24" y="329"/>
                </a:cubicBezTo>
                <a:cubicBezTo>
                  <a:pt x="19" y="335"/>
                  <a:pt x="11" y="335"/>
                  <a:pt x="6" y="330"/>
                </a:cubicBezTo>
                <a:cubicBezTo>
                  <a:pt x="6" y="330"/>
                  <a:pt x="6" y="330"/>
                  <a:pt x="6" y="330"/>
                </a:cubicBezTo>
                <a:cubicBezTo>
                  <a:pt x="0" y="325"/>
                  <a:pt x="0" y="317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5" y="311"/>
                  <a:pt x="5" y="311"/>
                </a:cubicBezTo>
                <a:cubicBezTo>
                  <a:pt x="5" y="311"/>
                  <a:pt x="6" y="310"/>
                  <a:pt x="6" y="310"/>
                </a:cubicBezTo>
                <a:cubicBezTo>
                  <a:pt x="6" y="310"/>
                  <a:pt x="6" y="310"/>
                  <a:pt x="6" y="310"/>
                </a:cubicBezTo>
                <a:cubicBezTo>
                  <a:pt x="7" y="309"/>
                  <a:pt x="9" y="307"/>
                  <a:pt x="10" y="305"/>
                </a:cubicBezTo>
                <a:cubicBezTo>
                  <a:pt x="10" y="305"/>
                  <a:pt x="10" y="305"/>
                  <a:pt x="10" y="305"/>
                </a:cubicBezTo>
                <a:cubicBezTo>
                  <a:pt x="14" y="300"/>
                  <a:pt x="19" y="293"/>
                  <a:pt x="25" y="285"/>
                </a:cubicBezTo>
                <a:cubicBezTo>
                  <a:pt x="25" y="285"/>
                  <a:pt x="25" y="285"/>
                  <a:pt x="25" y="285"/>
                </a:cubicBezTo>
                <a:cubicBezTo>
                  <a:pt x="37" y="267"/>
                  <a:pt x="52" y="242"/>
                  <a:pt x="64" y="211"/>
                </a:cubicBezTo>
                <a:cubicBezTo>
                  <a:pt x="64" y="211"/>
                  <a:pt x="64" y="211"/>
                  <a:pt x="64" y="211"/>
                </a:cubicBezTo>
                <a:cubicBezTo>
                  <a:pt x="73" y="188"/>
                  <a:pt x="78" y="162"/>
                  <a:pt x="82" y="135"/>
                </a:cubicBezTo>
                <a:cubicBezTo>
                  <a:pt x="82" y="135"/>
                  <a:pt x="82" y="135"/>
                  <a:pt x="82" y="135"/>
                </a:cubicBezTo>
                <a:cubicBezTo>
                  <a:pt x="87" y="109"/>
                  <a:pt x="91" y="82"/>
                  <a:pt x="99" y="60"/>
                </a:cubicBezTo>
                <a:cubicBezTo>
                  <a:pt x="99" y="60"/>
                  <a:pt x="99" y="60"/>
                  <a:pt x="99" y="60"/>
                </a:cubicBezTo>
                <a:cubicBezTo>
                  <a:pt x="104" y="45"/>
                  <a:pt x="111" y="31"/>
                  <a:pt x="123" y="20"/>
                </a:cubicBezTo>
                <a:cubicBezTo>
                  <a:pt x="123" y="20"/>
                  <a:pt x="123" y="20"/>
                  <a:pt x="123" y="20"/>
                </a:cubicBezTo>
                <a:cubicBezTo>
                  <a:pt x="131" y="12"/>
                  <a:pt x="140" y="7"/>
                  <a:pt x="149" y="4"/>
                </a:cubicBezTo>
                <a:cubicBezTo>
                  <a:pt x="149" y="4"/>
                  <a:pt x="149" y="4"/>
                  <a:pt x="149" y="4"/>
                </a:cubicBezTo>
                <a:cubicBezTo>
                  <a:pt x="158" y="1"/>
                  <a:pt x="168" y="0"/>
                  <a:pt x="176" y="0"/>
                </a:cubicBezTo>
                <a:cubicBezTo>
                  <a:pt x="176" y="0"/>
                  <a:pt x="176" y="0"/>
                  <a:pt x="176" y="0"/>
                </a:cubicBezTo>
                <a:cubicBezTo>
                  <a:pt x="205" y="0"/>
                  <a:pt x="227" y="12"/>
                  <a:pt x="228" y="13"/>
                </a:cubicBezTo>
                <a:cubicBezTo>
                  <a:pt x="228" y="13"/>
                  <a:pt x="228" y="13"/>
                  <a:pt x="228" y="13"/>
                </a:cubicBezTo>
                <a:cubicBezTo>
                  <a:pt x="232" y="15"/>
                  <a:pt x="235" y="20"/>
                  <a:pt x="235" y="24"/>
                </a:cubicBezTo>
                <a:cubicBezTo>
                  <a:pt x="235" y="24"/>
                  <a:pt x="235" y="24"/>
                  <a:pt x="235" y="24"/>
                </a:cubicBezTo>
                <a:cubicBezTo>
                  <a:pt x="235" y="75"/>
                  <a:pt x="235" y="75"/>
                  <a:pt x="235" y="75"/>
                </a:cubicBezTo>
                <a:cubicBezTo>
                  <a:pt x="263" y="75"/>
                  <a:pt x="263" y="75"/>
                  <a:pt x="263" y="75"/>
                </a:cubicBezTo>
                <a:cubicBezTo>
                  <a:pt x="267" y="75"/>
                  <a:pt x="270" y="76"/>
                  <a:pt x="273" y="79"/>
                </a:cubicBezTo>
                <a:cubicBezTo>
                  <a:pt x="273" y="79"/>
                  <a:pt x="273" y="79"/>
                  <a:pt x="273" y="79"/>
                </a:cubicBezTo>
                <a:cubicBezTo>
                  <a:pt x="275" y="82"/>
                  <a:pt x="277" y="85"/>
                  <a:pt x="277" y="88"/>
                </a:cubicBezTo>
                <a:cubicBezTo>
                  <a:pt x="277" y="88"/>
                  <a:pt x="277" y="88"/>
                  <a:pt x="277" y="88"/>
                </a:cubicBezTo>
                <a:cubicBezTo>
                  <a:pt x="277" y="142"/>
                  <a:pt x="277" y="142"/>
                  <a:pt x="277" y="142"/>
                </a:cubicBezTo>
                <a:cubicBezTo>
                  <a:pt x="324" y="142"/>
                  <a:pt x="324" y="142"/>
                  <a:pt x="324" y="142"/>
                </a:cubicBezTo>
                <a:cubicBezTo>
                  <a:pt x="324" y="142"/>
                  <a:pt x="324" y="142"/>
                  <a:pt x="324" y="142"/>
                </a:cubicBezTo>
                <a:cubicBezTo>
                  <a:pt x="336" y="142"/>
                  <a:pt x="349" y="144"/>
                  <a:pt x="360" y="148"/>
                </a:cubicBezTo>
                <a:cubicBezTo>
                  <a:pt x="360" y="148"/>
                  <a:pt x="360" y="148"/>
                  <a:pt x="360" y="148"/>
                </a:cubicBezTo>
                <a:cubicBezTo>
                  <a:pt x="372" y="152"/>
                  <a:pt x="383" y="159"/>
                  <a:pt x="391" y="169"/>
                </a:cubicBezTo>
                <a:cubicBezTo>
                  <a:pt x="391" y="169"/>
                  <a:pt x="391" y="169"/>
                  <a:pt x="391" y="169"/>
                </a:cubicBezTo>
                <a:cubicBezTo>
                  <a:pt x="398" y="177"/>
                  <a:pt x="402" y="186"/>
                  <a:pt x="405" y="198"/>
                </a:cubicBezTo>
                <a:cubicBezTo>
                  <a:pt x="405" y="198"/>
                  <a:pt x="405" y="198"/>
                  <a:pt x="405" y="198"/>
                </a:cubicBezTo>
                <a:cubicBezTo>
                  <a:pt x="407" y="209"/>
                  <a:pt x="408" y="222"/>
                  <a:pt x="408" y="238"/>
                </a:cubicBezTo>
                <a:cubicBezTo>
                  <a:pt x="408" y="238"/>
                  <a:pt x="408" y="238"/>
                  <a:pt x="408" y="238"/>
                </a:cubicBezTo>
                <a:cubicBezTo>
                  <a:pt x="408" y="241"/>
                  <a:pt x="408" y="244"/>
                  <a:pt x="408" y="246"/>
                </a:cubicBezTo>
                <a:cubicBezTo>
                  <a:pt x="408" y="246"/>
                  <a:pt x="408" y="246"/>
                  <a:pt x="408" y="246"/>
                </a:cubicBezTo>
                <a:cubicBezTo>
                  <a:pt x="408" y="283"/>
                  <a:pt x="408" y="283"/>
                  <a:pt x="408" y="283"/>
                </a:cubicBezTo>
                <a:cubicBezTo>
                  <a:pt x="408" y="286"/>
                  <a:pt x="407" y="290"/>
                  <a:pt x="404" y="292"/>
                </a:cubicBezTo>
                <a:cubicBezTo>
                  <a:pt x="404" y="292"/>
                  <a:pt x="404" y="292"/>
                  <a:pt x="404" y="292"/>
                </a:cubicBezTo>
                <a:cubicBezTo>
                  <a:pt x="402" y="295"/>
                  <a:pt x="398" y="296"/>
                  <a:pt x="395" y="296"/>
                </a:cubicBezTo>
                <a:cubicBezTo>
                  <a:pt x="395" y="296"/>
                  <a:pt x="395" y="296"/>
                  <a:pt x="395" y="296"/>
                </a:cubicBezTo>
                <a:cubicBezTo>
                  <a:pt x="310" y="296"/>
                  <a:pt x="310" y="296"/>
                  <a:pt x="310" y="296"/>
                </a:cubicBezTo>
                <a:cubicBezTo>
                  <a:pt x="303" y="296"/>
                  <a:pt x="297" y="290"/>
                  <a:pt x="297" y="283"/>
                </a:cubicBezTo>
                <a:cubicBezTo>
                  <a:pt x="297" y="283"/>
                  <a:pt x="297" y="283"/>
                  <a:pt x="297" y="283"/>
                </a:cubicBezTo>
                <a:cubicBezTo>
                  <a:pt x="297" y="255"/>
                  <a:pt x="297" y="255"/>
                  <a:pt x="297" y="255"/>
                </a:cubicBezTo>
                <a:cubicBezTo>
                  <a:pt x="275" y="255"/>
                  <a:pt x="275" y="255"/>
                  <a:pt x="275" y="255"/>
                </a:cubicBezTo>
                <a:cubicBezTo>
                  <a:pt x="275" y="394"/>
                  <a:pt x="275" y="394"/>
                  <a:pt x="275" y="394"/>
                </a:cubicBezTo>
                <a:cubicBezTo>
                  <a:pt x="275" y="398"/>
                  <a:pt x="274" y="401"/>
                  <a:pt x="271" y="404"/>
                </a:cubicBezTo>
                <a:cubicBezTo>
                  <a:pt x="271" y="404"/>
                  <a:pt x="271" y="404"/>
                  <a:pt x="271" y="404"/>
                </a:cubicBezTo>
                <a:cubicBezTo>
                  <a:pt x="269" y="406"/>
                  <a:pt x="266" y="408"/>
                  <a:pt x="262" y="408"/>
                </a:cubicBezTo>
                <a:cubicBezTo>
                  <a:pt x="262" y="408"/>
                  <a:pt x="262" y="408"/>
                  <a:pt x="262" y="408"/>
                </a:cubicBezTo>
                <a:cubicBezTo>
                  <a:pt x="162" y="408"/>
                  <a:pt x="162" y="408"/>
                  <a:pt x="162" y="40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4" name="Freeform 616"/>
          <p:cNvSpPr>
            <a:spLocks/>
          </p:cNvSpPr>
          <p:nvPr userDrawn="1"/>
        </p:nvSpPr>
        <p:spPr bwMode="auto">
          <a:xfrm>
            <a:off x="11096544" y="3043346"/>
            <a:ext cx="496888" cy="409574"/>
          </a:xfrm>
          <a:custGeom>
            <a:avLst/>
            <a:gdLst/>
            <a:ahLst/>
            <a:cxnLst>
              <a:cxn ang="0">
                <a:pos x="439" y="11"/>
              </a:cxn>
              <a:cxn ang="0">
                <a:pos x="318" y="78"/>
              </a:cxn>
              <a:cxn ang="0">
                <a:pos x="230" y="141"/>
              </a:cxn>
              <a:cxn ang="0">
                <a:pos x="191" y="159"/>
              </a:cxn>
              <a:cxn ang="0">
                <a:pos x="162" y="198"/>
              </a:cxn>
              <a:cxn ang="0">
                <a:pos x="248" y="168"/>
              </a:cxn>
              <a:cxn ang="0">
                <a:pos x="361" y="95"/>
              </a:cxn>
              <a:cxn ang="0">
                <a:pos x="376" y="202"/>
              </a:cxn>
              <a:cxn ang="0">
                <a:pos x="29" y="214"/>
              </a:cxn>
              <a:cxn ang="0">
                <a:pos x="88" y="178"/>
              </a:cxn>
              <a:cxn ang="0">
                <a:pos x="63" y="129"/>
              </a:cxn>
              <a:cxn ang="0">
                <a:pos x="89" y="56"/>
              </a:cxn>
              <a:cxn ang="0">
                <a:pos x="301" y="35"/>
              </a:cxn>
            </a:cxnLst>
            <a:rect l="0" t="0" r="r" b="b"/>
            <a:pathLst>
              <a:path w="439" h="363">
                <a:moveTo>
                  <a:pt x="439" y="11"/>
                </a:moveTo>
                <a:cubicBezTo>
                  <a:pt x="439" y="11"/>
                  <a:pt x="372" y="42"/>
                  <a:pt x="318" y="78"/>
                </a:cubicBezTo>
                <a:cubicBezTo>
                  <a:pt x="276" y="106"/>
                  <a:pt x="239" y="135"/>
                  <a:pt x="230" y="141"/>
                </a:cubicBezTo>
                <a:cubicBezTo>
                  <a:pt x="221" y="144"/>
                  <a:pt x="205" y="145"/>
                  <a:pt x="191" y="159"/>
                </a:cubicBezTo>
                <a:cubicBezTo>
                  <a:pt x="181" y="169"/>
                  <a:pt x="176" y="191"/>
                  <a:pt x="162" y="198"/>
                </a:cubicBezTo>
                <a:cubicBezTo>
                  <a:pt x="208" y="217"/>
                  <a:pt x="241" y="170"/>
                  <a:pt x="248" y="168"/>
                </a:cubicBezTo>
                <a:cubicBezTo>
                  <a:pt x="255" y="165"/>
                  <a:pt x="358" y="97"/>
                  <a:pt x="361" y="95"/>
                </a:cubicBezTo>
                <a:cubicBezTo>
                  <a:pt x="409" y="136"/>
                  <a:pt x="376" y="202"/>
                  <a:pt x="376" y="202"/>
                </a:cubicBezTo>
                <a:cubicBezTo>
                  <a:pt x="313" y="330"/>
                  <a:pt x="0" y="363"/>
                  <a:pt x="29" y="214"/>
                </a:cubicBezTo>
                <a:cubicBezTo>
                  <a:pt x="35" y="194"/>
                  <a:pt x="56" y="182"/>
                  <a:pt x="88" y="178"/>
                </a:cubicBezTo>
                <a:cubicBezTo>
                  <a:pt x="121" y="174"/>
                  <a:pt x="125" y="131"/>
                  <a:pt x="63" y="129"/>
                </a:cubicBezTo>
                <a:cubicBezTo>
                  <a:pt x="22" y="128"/>
                  <a:pt x="68" y="77"/>
                  <a:pt x="89" y="56"/>
                </a:cubicBezTo>
                <a:cubicBezTo>
                  <a:pt x="135" y="11"/>
                  <a:pt x="214" y="0"/>
                  <a:pt x="301" y="35"/>
                </a:cubicBezTo>
              </a:path>
            </a:pathLst>
          </a:custGeom>
          <a:noFill/>
          <a:ln w="30163" cap="rnd">
            <a:solidFill>
              <a:srgbClr val="FFFFFF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5" name="Freeform 624"/>
          <p:cNvSpPr>
            <a:spLocks/>
          </p:cNvSpPr>
          <p:nvPr userDrawn="1"/>
        </p:nvSpPr>
        <p:spPr bwMode="auto">
          <a:xfrm>
            <a:off x="11115594" y="2407661"/>
            <a:ext cx="458788" cy="468313"/>
          </a:xfrm>
          <a:custGeom>
            <a:avLst/>
            <a:gdLst/>
            <a:ahLst/>
            <a:cxnLst>
              <a:cxn ang="0">
                <a:pos x="198" y="5"/>
              </a:cxn>
              <a:cxn ang="0">
                <a:pos x="186" y="41"/>
              </a:cxn>
              <a:cxn ang="0">
                <a:pos x="145" y="74"/>
              </a:cxn>
              <a:cxn ang="0">
                <a:pos x="112" y="60"/>
              </a:cxn>
              <a:cxn ang="0">
                <a:pos x="80" y="70"/>
              </a:cxn>
              <a:cxn ang="0">
                <a:pos x="79" y="108"/>
              </a:cxn>
              <a:cxn ang="0">
                <a:pos x="61" y="93"/>
              </a:cxn>
              <a:cxn ang="0">
                <a:pos x="1" y="110"/>
              </a:cxn>
              <a:cxn ang="0">
                <a:pos x="22" y="165"/>
              </a:cxn>
              <a:cxn ang="0">
                <a:pos x="96" y="286"/>
              </a:cxn>
              <a:cxn ang="0">
                <a:pos x="79" y="344"/>
              </a:cxn>
              <a:cxn ang="0">
                <a:pos x="247" y="406"/>
              </a:cxn>
              <a:cxn ang="0">
                <a:pos x="258" y="390"/>
              </a:cxn>
              <a:cxn ang="0">
                <a:pos x="284" y="355"/>
              </a:cxn>
              <a:cxn ang="0">
                <a:pos x="355" y="372"/>
              </a:cxn>
              <a:cxn ang="0">
                <a:pos x="400" y="318"/>
              </a:cxn>
              <a:cxn ang="0">
                <a:pos x="363" y="228"/>
              </a:cxn>
              <a:cxn ang="0">
                <a:pos x="345" y="259"/>
              </a:cxn>
              <a:cxn ang="0">
                <a:pos x="346" y="349"/>
              </a:cxn>
              <a:cxn ang="0">
                <a:pos x="282" y="330"/>
              </a:cxn>
              <a:cxn ang="0">
                <a:pos x="232" y="380"/>
              </a:cxn>
              <a:cxn ang="0">
                <a:pos x="105" y="348"/>
              </a:cxn>
              <a:cxn ang="0">
                <a:pos x="123" y="263"/>
              </a:cxn>
              <a:cxn ang="0">
                <a:pos x="28" y="141"/>
              </a:cxn>
              <a:cxn ang="0">
                <a:pos x="56" y="119"/>
              </a:cxn>
              <a:cxn ang="0">
                <a:pos x="80" y="133"/>
              </a:cxn>
              <a:cxn ang="0">
                <a:pos x="123" y="117"/>
              </a:cxn>
              <a:cxn ang="0">
                <a:pos x="119" y="105"/>
              </a:cxn>
              <a:cxn ang="0">
                <a:pos x="128" y="94"/>
              </a:cxn>
              <a:cxn ang="0">
                <a:pos x="167" y="87"/>
              </a:cxn>
              <a:cxn ang="0">
                <a:pos x="211" y="42"/>
              </a:cxn>
              <a:cxn ang="0">
                <a:pos x="211" y="32"/>
              </a:cxn>
              <a:cxn ang="0">
                <a:pos x="221" y="25"/>
              </a:cxn>
              <a:cxn ang="0">
                <a:pos x="368" y="157"/>
              </a:cxn>
              <a:cxn ang="0">
                <a:pos x="320" y="228"/>
              </a:cxn>
              <a:cxn ang="0">
                <a:pos x="333" y="241"/>
              </a:cxn>
              <a:cxn ang="0">
                <a:pos x="386" y="178"/>
              </a:cxn>
              <a:cxn ang="0">
                <a:pos x="403" y="103"/>
              </a:cxn>
              <a:cxn ang="0">
                <a:pos x="393" y="87"/>
              </a:cxn>
              <a:cxn ang="0">
                <a:pos x="225" y="0"/>
              </a:cxn>
            </a:cxnLst>
            <a:rect l="0" t="0" r="r" b="b"/>
            <a:pathLst>
              <a:path w="406" h="414">
                <a:moveTo>
                  <a:pt x="225" y="0"/>
                </a:moveTo>
                <a:cubicBezTo>
                  <a:pt x="222" y="0"/>
                  <a:pt x="207" y="1"/>
                  <a:pt x="198" y="5"/>
                </a:cubicBezTo>
                <a:cubicBezTo>
                  <a:pt x="184" y="10"/>
                  <a:pt x="185" y="24"/>
                  <a:pt x="186" y="33"/>
                </a:cubicBezTo>
                <a:cubicBezTo>
                  <a:pt x="186" y="36"/>
                  <a:pt x="186" y="38"/>
                  <a:pt x="186" y="41"/>
                </a:cubicBezTo>
                <a:cubicBezTo>
                  <a:pt x="185" y="44"/>
                  <a:pt x="179" y="52"/>
                  <a:pt x="172" y="52"/>
                </a:cubicBezTo>
                <a:cubicBezTo>
                  <a:pt x="156" y="51"/>
                  <a:pt x="149" y="65"/>
                  <a:pt x="145" y="74"/>
                </a:cubicBezTo>
                <a:cubicBezTo>
                  <a:pt x="143" y="73"/>
                  <a:pt x="141" y="72"/>
                  <a:pt x="138" y="71"/>
                </a:cubicBezTo>
                <a:cubicBezTo>
                  <a:pt x="130" y="68"/>
                  <a:pt x="120" y="63"/>
                  <a:pt x="112" y="60"/>
                </a:cubicBezTo>
                <a:cubicBezTo>
                  <a:pt x="103" y="57"/>
                  <a:pt x="88" y="51"/>
                  <a:pt x="82" y="63"/>
                </a:cubicBezTo>
                <a:cubicBezTo>
                  <a:pt x="81" y="65"/>
                  <a:pt x="80" y="67"/>
                  <a:pt x="80" y="70"/>
                </a:cubicBezTo>
                <a:cubicBezTo>
                  <a:pt x="80" y="76"/>
                  <a:pt x="84" y="86"/>
                  <a:pt x="93" y="107"/>
                </a:cubicBezTo>
                <a:cubicBezTo>
                  <a:pt x="89" y="108"/>
                  <a:pt x="84" y="108"/>
                  <a:pt x="79" y="108"/>
                </a:cubicBezTo>
                <a:cubicBezTo>
                  <a:pt x="77" y="106"/>
                  <a:pt x="75" y="102"/>
                  <a:pt x="73" y="100"/>
                </a:cubicBezTo>
                <a:cubicBezTo>
                  <a:pt x="72" y="97"/>
                  <a:pt x="68" y="93"/>
                  <a:pt x="61" y="93"/>
                </a:cubicBezTo>
                <a:cubicBezTo>
                  <a:pt x="53" y="93"/>
                  <a:pt x="35" y="97"/>
                  <a:pt x="31" y="98"/>
                </a:cubicBezTo>
                <a:cubicBezTo>
                  <a:pt x="8" y="103"/>
                  <a:pt x="4" y="105"/>
                  <a:pt x="1" y="110"/>
                </a:cubicBezTo>
                <a:cubicBezTo>
                  <a:pt x="0" y="112"/>
                  <a:pt x="0" y="114"/>
                  <a:pt x="0" y="116"/>
                </a:cubicBezTo>
                <a:cubicBezTo>
                  <a:pt x="0" y="130"/>
                  <a:pt x="1" y="163"/>
                  <a:pt x="22" y="165"/>
                </a:cubicBezTo>
                <a:cubicBezTo>
                  <a:pt x="30" y="166"/>
                  <a:pt x="65" y="182"/>
                  <a:pt x="76" y="198"/>
                </a:cubicBezTo>
                <a:cubicBezTo>
                  <a:pt x="90" y="219"/>
                  <a:pt x="103" y="243"/>
                  <a:pt x="96" y="286"/>
                </a:cubicBezTo>
                <a:cubicBezTo>
                  <a:pt x="89" y="329"/>
                  <a:pt x="79" y="344"/>
                  <a:pt x="78" y="344"/>
                </a:cubicBezTo>
                <a:cubicBezTo>
                  <a:pt x="79" y="344"/>
                  <a:pt x="79" y="344"/>
                  <a:pt x="79" y="344"/>
                </a:cubicBezTo>
                <a:cubicBezTo>
                  <a:pt x="74" y="349"/>
                  <a:pt x="75" y="357"/>
                  <a:pt x="81" y="361"/>
                </a:cubicBezTo>
                <a:cubicBezTo>
                  <a:pt x="83" y="363"/>
                  <a:pt x="148" y="414"/>
                  <a:pt x="247" y="406"/>
                </a:cubicBezTo>
                <a:cubicBezTo>
                  <a:pt x="251" y="405"/>
                  <a:pt x="254" y="403"/>
                  <a:pt x="256" y="400"/>
                </a:cubicBezTo>
                <a:cubicBezTo>
                  <a:pt x="259" y="397"/>
                  <a:pt x="259" y="393"/>
                  <a:pt x="258" y="390"/>
                </a:cubicBezTo>
                <a:cubicBezTo>
                  <a:pt x="257" y="386"/>
                  <a:pt x="255" y="373"/>
                  <a:pt x="261" y="365"/>
                </a:cubicBezTo>
                <a:cubicBezTo>
                  <a:pt x="265" y="359"/>
                  <a:pt x="273" y="356"/>
                  <a:pt x="284" y="355"/>
                </a:cubicBezTo>
                <a:cubicBezTo>
                  <a:pt x="307" y="353"/>
                  <a:pt x="314" y="359"/>
                  <a:pt x="321" y="365"/>
                </a:cubicBezTo>
                <a:cubicBezTo>
                  <a:pt x="328" y="371"/>
                  <a:pt x="338" y="379"/>
                  <a:pt x="355" y="372"/>
                </a:cubicBezTo>
                <a:cubicBezTo>
                  <a:pt x="382" y="362"/>
                  <a:pt x="402" y="336"/>
                  <a:pt x="402" y="335"/>
                </a:cubicBezTo>
                <a:cubicBezTo>
                  <a:pt x="406" y="330"/>
                  <a:pt x="405" y="322"/>
                  <a:pt x="400" y="318"/>
                </a:cubicBezTo>
                <a:cubicBezTo>
                  <a:pt x="399" y="317"/>
                  <a:pt x="362" y="287"/>
                  <a:pt x="372" y="243"/>
                </a:cubicBezTo>
                <a:cubicBezTo>
                  <a:pt x="374" y="236"/>
                  <a:pt x="370" y="230"/>
                  <a:pt x="363" y="228"/>
                </a:cubicBezTo>
                <a:cubicBezTo>
                  <a:pt x="357" y="226"/>
                  <a:pt x="350" y="230"/>
                  <a:pt x="348" y="237"/>
                </a:cubicBezTo>
                <a:cubicBezTo>
                  <a:pt x="346" y="245"/>
                  <a:pt x="345" y="252"/>
                  <a:pt x="345" y="259"/>
                </a:cubicBezTo>
                <a:cubicBezTo>
                  <a:pt x="345" y="292"/>
                  <a:pt x="363" y="316"/>
                  <a:pt x="375" y="328"/>
                </a:cubicBezTo>
                <a:cubicBezTo>
                  <a:pt x="368" y="335"/>
                  <a:pt x="358" y="344"/>
                  <a:pt x="346" y="349"/>
                </a:cubicBezTo>
                <a:cubicBezTo>
                  <a:pt x="342" y="351"/>
                  <a:pt x="342" y="351"/>
                  <a:pt x="337" y="346"/>
                </a:cubicBezTo>
                <a:cubicBezTo>
                  <a:pt x="328" y="339"/>
                  <a:pt x="315" y="328"/>
                  <a:pt x="282" y="330"/>
                </a:cubicBezTo>
                <a:cubicBezTo>
                  <a:pt x="263" y="331"/>
                  <a:pt x="249" y="338"/>
                  <a:pt x="241" y="350"/>
                </a:cubicBezTo>
                <a:cubicBezTo>
                  <a:pt x="234" y="360"/>
                  <a:pt x="232" y="371"/>
                  <a:pt x="232" y="380"/>
                </a:cubicBezTo>
                <a:cubicBezTo>
                  <a:pt x="232" y="380"/>
                  <a:pt x="232" y="381"/>
                  <a:pt x="232" y="381"/>
                </a:cubicBezTo>
                <a:cubicBezTo>
                  <a:pt x="169" y="383"/>
                  <a:pt x="123" y="359"/>
                  <a:pt x="105" y="348"/>
                </a:cubicBezTo>
                <a:cubicBezTo>
                  <a:pt x="109" y="337"/>
                  <a:pt x="116" y="319"/>
                  <a:pt x="121" y="290"/>
                </a:cubicBezTo>
                <a:cubicBezTo>
                  <a:pt x="122" y="280"/>
                  <a:pt x="123" y="272"/>
                  <a:pt x="123" y="263"/>
                </a:cubicBezTo>
                <a:cubicBezTo>
                  <a:pt x="123" y="223"/>
                  <a:pt x="106" y="199"/>
                  <a:pt x="96" y="184"/>
                </a:cubicBezTo>
                <a:cubicBezTo>
                  <a:pt x="82" y="163"/>
                  <a:pt x="45" y="145"/>
                  <a:pt x="28" y="141"/>
                </a:cubicBezTo>
                <a:cubicBezTo>
                  <a:pt x="27" y="138"/>
                  <a:pt x="26" y="132"/>
                  <a:pt x="25" y="125"/>
                </a:cubicBezTo>
                <a:cubicBezTo>
                  <a:pt x="33" y="123"/>
                  <a:pt x="48" y="120"/>
                  <a:pt x="56" y="119"/>
                </a:cubicBezTo>
                <a:cubicBezTo>
                  <a:pt x="62" y="129"/>
                  <a:pt x="67" y="135"/>
                  <a:pt x="75" y="134"/>
                </a:cubicBezTo>
                <a:cubicBezTo>
                  <a:pt x="76" y="134"/>
                  <a:pt x="80" y="133"/>
                  <a:pt x="80" y="133"/>
                </a:cubicBezTo>
                <a:cubicBezTo>
                  <a:pt x="110" y="131"/>
                  <a:pt x="116" y="130"/>
                  <a:pt x="121" y="124"/>
                </a:cubicBezTo>
                <a:cubicBezTo>
                  <a:pt x="122" y="122"/>
                  <a:pt x="123" y="119"/>
                  <a:pt x="123" y="117"/>
                </a:cubicBezTo>
                <a:cubicBezTo>
                  <a:pt x="123" y="115"/>
                  <a:pt x="123" y="114"/>
                  <a:pt x="122" y="112"/>
                </a:cubicBezTo>
                <a:cubicBezTo>
                  <a:pt x="119" y="105"/>
                  <a:pt x="119" y="105"/>
                  <a:pt x="119" y="105"/>
                </a:cubicBezTo>
                <a:cubicBezTo>
                  <a:pt x="116" y="98"/>
                  <a:pt x="113" y="92"/>
                  <a:pt x="111" y="87"/>
                </a:cubicBezTo>
                <a:cubicBezTo>
                  <a:pt x="117" y="89"/>
                  <a:pt x="124" y="92"/>
                  <a:pt x="128" y="94"/>
                </a:cubicBezTo>
                <a:cubicBezTo>
                  <a:pt x="145" y="101"/>
                  <a:pt x="147" y="103"/>
                  <a:pt x="152" y="102"/>
                </a:cubicBezTo>
                <a:cubicBezTo>
                  <a:pt x="161" y="102"/>
                  <a:pt x="164" y="94"/>
                  <a:pt x="167" y="87"/>
                </a:cubicBezTo>
                <a:cubicBezTo>
                  <a:pt x="168" y="85"/>
                  <a:pt x="170" y="79"/>
                  <a:pt x="172" y="77"/>
                </a:cubicBezTo>
                <a:cubicBezTo>
                  <a:pt x="192" y="77"/>
                  <a:pt x="209" y="59"/>
                  <a:pt x="211" y="42"/>
                </a:cubicBezTo>
                <a:cubicBezTo>
                  <a:pt x="211" y="41"/>
                  <a:pt x="211" y="40"/>
                  <a:pt x="211" y="38"/>
                </a:cubicBezTo>
                <a:cubicBezTo>
                  <a:pt x="211" y="36"/>
                  <a:pt x="211" y="34"/>
                  <a:pt x="211" y="32"/>
                </a:cubicBezTo>
                <a:cubicBezTo>
                  <a:pt x="210" y="30"/>
                  <a:pt x="210" y="28"/>
                  <a:pt x="210" y="27"/>
                </a:cubicBezTo>
                <a:cubicBezTo>
                  <a:pt x="213" y="26"/>
                  <a:pt x="217" y="26"/>
                  <a:pt x="221" y="25"/>
                </a:cubicBezTo>
                <a:cubicBezTo>
                  <a:pt x="237" y="40"/>
                  <a:pt x="296" y="90"/>
                  <a:pt x="375" y="109"/>
                </a:cubicBezTo>
                <a:cubicBezTo>
                  <a:pt x="372" y="121"/>
                  <a:pt x="368" y="140"/>
                  <a:pt x="368" y="157"/>
                </a:cubicBezTo>
                <a:cubicBezTo>
                  <a:pt x="368" y="157"/>
                  <a:pt x="368" y="158"/>
                  <a:pt x="368" y="159"/>
                </a:cubicBezTo>
                <a:cubicBezTo>
                  <a:pt x="353" y="167"/>
                  <a:pt x="321" y="190"/>
                  <a:pt x="320" y="228"/>
                </a:cubicBezTo>
                <a:cubicBezTo>
                  <a:pt x="320" y="228"/>
                  <a:pt x="320" y="228"/>
                  <a:pt x="320" y="228"/>
                </a:cubicBezTo>
                <a:cubicBezTo>
                  <a:pt x="320" y="235"/>
                  <a:pt x="326" y="241"/>
                  <a:pt x="333" y="241"/>
                </a:cubicBezTo>
                <a:cubicBezTo>
                  <a:pt x="339" y="241"/>
                  <a:pt x="345" y="235"/>
                  <a:pt x="345" y="228"/>
                </a:cubicBezTo>
                <a:cubicBezTo>
                  <a:pt x="345" y="195"/>
                  <a:pt x="386" y="178"/>
                  <a:pt x="386" y="178"/>
                </a:cubicBezTo>
                <a:cubicBezTo>
                  <a:pt x="391" y="175"/>
                  <a:pt x="394" y="170"/>
                  <a:pt x="394" y="164"/>
                </a:cubicBezTo>
                <a:cubicBezTo>
                  <a:pt x="391" y="146"/>
                  <a:pt x="399" y="114"/>
                  <a:pt x="403" y="103"/>
                </a:cubicBezTo>
                <a:cubicBezTo>
                  <a:pt x="404" y="100"/>
                  <a:pt x="403" y="96"/>
                  <a:pt x="402" y="93"/>
                </a:cubicBezTo>
                <a:cubicBezTo>
                  <a:pt x="400" y="90"/>
                  <a:pt x="397" y="88"/>
                  <a:pt x="393" y="87"/>
                </a:cubicBezTo>
                <a:cubicBezTo>
                  <a:pt x="303" y="70"/>
                  <a:pt x="235" y="4"/>
                  <a:pt x="235" y="4"/>
                </a:cubicBezTo>
                <a:cubicBezTo>
                  <a:pt x="232" y="1"/>
                  <a:pt x="229" y="0"/>
                  <a:pt x="225" y="0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6" name="Freeform 664"/>
          <p:cNvSpPr>
            <a:spLocks noEditPoints="1"/>
          </p:cNvSpPr>
          <p:nvPr userDrawn="1"/>
        </p:nvSpPr>
        <p:spPr bwMode="auto">
          <a:xfrm>
            <a:off x="11088607" y="1205312"/>
            <a:ext cx="512763" cy="433388"/>
          </a:xfrm>
          <a:custGeom>
            <a:avLst/>
            <a:gdLst/>
            <a:ahLst/>
            <a:cxnLst>
              <a:cxn ang="0">
                <a:pos x="443" y="0"/>
              </a:cxn>
              <a:cxn ang="0">
                <a:pos x="217" y="90"/>
              </a:cxn>
              <a:cxn ang="0">
                <a:pos x="215" y="97"/>
              </a:cxn>
              <a:cxn ang="0">
                <a:pos x="215" y="336"/>
              </a:cxn>
              <a:cxn ang="0">
                <a:pos x="27" y="275"/>
              </a:cxn>
              <a:cxn ang="0">
                <a:pos x="27" y="28"/>
              </a:cxn>
              <a:cxn ang="0">
                <a:pos x="191" y="77"/>
              </a:cxn>
              <a:cxn ang="0">
                <a:pos x="210" y="75"/>
              </a:cxn>
              <a:cxn ang="0">
                <a:pos x="207" y="56"/>
              </a:cxn>
              <a:cxn ang="0">
                <a:pos x="14" y="0"/>
              </a:cxn>
              <a:cxn ang="0">
                <a:pos x="4" y="4"/>
              </a:cxn>
              <a:cxn ang="0">
                <a:pos x="0" y="14"/>
              </a:cxn>
              <a:cxn ang="0">
                <a:pos x="0" y="287"/>
              </a:cxn>
              <a:cxn ang="0">
                <a:pos x="13" y="301"/>
              </a:cxn>
              <a:cxn ang="0">
                <a:pos x="217" y="378"/>
              </a:cxn>
              <a:cxn ang="0">
                <a:pos x="218" y="379"/>
              </a:cxn>
              <a:cxn ang="0">
                <a:pos x="219" y="381"/>
              </a:cxn>
              <a:cxn ang="0">
                <a:pos x="220" y="382"/>
              </a:cxn>
              <a:cxn ang="0">
                <a:pos x="221" y="382"/>
              </a:cxn>
              <a:cxn ang="0">
                <a:pos x="222" y="383"/>
              </a:cxn>
              <a:cxn ang="0">
                <a:pos x="224" y="384"/>
              </a:cxn>
              <a:cxn ang="0">
                <a:pos x="225" y="384"/>
              </a:cxn>
              <a:cxn ang="0">
                <a:pos x="228" y="384"/>
              </a:cxn>
              <a:cxn ang="0">
                <a:pos x="228" y="384"/>
              </a:cxn>
              <a:cxn ang="0">
                <a:pos x="228" y="384"/>
              </a:cxn>
              <a:cxn ang="0">
                <a:pos x="232" y="384"/>
              </a:cxn>
              <a:cxn ang="0">
                <a:pos x="232" y="384"/>
              </a:cxn>
              <a:cxn ang="0">
                <a:pos x="234" y="383"/>
              </a:cxn>
              <a:cxn ang="0">
                <a:pos x="235" y="383"/>
              </a:cxn>
              <a:cxn ang="0">
                <a:pos x="237" y="381"/>
              </a:cxn>
              <a:cxn ang="0">
                <a:pos x="237" y="381"/>
              </a:cxn>
              <a:cxn ang="0">
                <a:pos x="239" y="379"/>
              </a:cxn>
              <a:cxn ang="0">
                <a:pos x="240" y="378"/>
              </a:cxn>
              <a:cxn ang="0">
                <a:pos x="443" y="301"/>
              </a:cxn>
              <a:cxn ang="0">
                <a:pos x="456" y="287"/>
              </a:cxn>
              <a:cxn ang="0">
                <a:pos x="456" y="14"/>
              </a:cxn>
              <a:cxn ang="0">
                <a:pos x="452" y="4"/>
              </a:cxn>
              <a:cxn ang="0">
                <a:pos x="443" y="0"/>
              </a:cxn>
              <a:cxn ang="0">
                <a:pos x="430" y="28"/>
              </a:cxn>
              <a:cxn ang="0">
                <a:pos x="430" y="275"/>
              </a:cxn>
              <a:cxn ang="0">
                <a:pos x="242" y="336"/>
              </a:cxn>
              <a:cxn ang="0">
                <a:pos x="242" y="102"/>
              </a:cxn>
              <a:cxn ang="0">
                <a:pos x="430" y="28"/>
              </a:cxn>
            </a:cxnLst>
            <a:rect l="0" t="0" r="r" b="b"/>
            <a:pathLst>
              <a:path w="456" h="384">
                <a:moveTo>
                  <a:pt x="443" y="0"/>
                </a:moveTo>
                <a:cubicBezTo>
                  <a:pt x="436" y="0"/>
                  <a:pt x="273" y="5"/>
                  <a:pt x="217" y="90"/>
                </a:cubicBezTo>
                <a:cubicBezTo>
                  <a:pt x="216" y="92"/>
                  <a:pt x="215" y="95"/>
                  <a:pt x="215" y="97"/>
                </a:cubicBezTo>
                <a:cubicBezTo>
                  <a:pt x="215" y="97"/>
                  <a:pt x="215" y="283"/>
                  <a:pt x="215" y="336"/>
                </a:cubicBezTo>
                <a:cubicBezTo>
                  <a:pt x="159" y="288"/>
                  <a:pt x="62" y="277"/>
                  <a:pt x="27" y="275"/>
                </a:cubicBezTo>
                <a:cubicBezTo>
                  <a:pt x="27" y="253"/>
                  <a:pt x="27" y="52"/>
                  <a:pt x="27" y="28"/>
                </a:cubicBezTo>
                <a:cubicBezTo>
                  <a:pt x="59" y="30"/>
                  <a:pt x="141" y="40"/>
                  <a:pt x="191" y="77"/>
                </a:cubicBezTo>
                <a:cubicBezTo>
                  <a:pt x="197" y="82"/>
                  <a:pt x="205" y="81"/>
                  <a:pt x="210" y="75"/>
                </a:cubicBezTo>
                <a:cubicBezTo>
                  <a:pt x="214" y="69"/>
                  <a:pt x="213" y="61"/>
                  <a:pt x="207" y="56"/>
                </a:cubicBezTo>
                <a:cubicBezTo>
                  <a:pt x="137" y="3"/>
                  <a:pt x="19" y="0"/>
                  <a:pt x="14" y="0"/>
                </a:cubicBezTo>
                <a:cubicBezTo>
                  <a:pt x="10" y="0"/>
                  <a:pt x="7" y="1"/>
                  <a:pt x="4" y="4"/>
                </a:cubicBezTo>
                <a:cubicBezTo>
                  <a:pt x="2" y="6"/>
                  <a:pt x="0" y="10"/>
                  <a:pt x="0" y="14"/>
                </a:cubicBezTo>
                <a:cubicBezTo>
                  <a:pt x="0" y="287"/>
                  <a:pt x="0" y="287"/>
                  <a:pt x="0" y="287"/>
                </a:cubicBezTo>
                <a:cubicBezTo>
                  <a:pt x="0" y="294"/>
                  <a:pt x="6" y="300"/>
                  <a:pt x="13" y="301"/>
                </a:cubicBezTo>
                <a:cubicBezTo>
                  <a:pt x="15" y="301"/>
                  <a:pt x="169" y="305"/>
                  <a:pt x="217" y="378"/>
                </a:cubicBezTo>
                <a:cubicBezTo>
                  <a:pt x="217" y="379"/>
                  <a:pt x="218" y="379"/>
                  <a:pt x="218" y="379"/>
                </a:cubicBezTo>
                <a:cubicBezTo>
                  <a:pt x="218" y="380"/>
                  <a:pt x="219" y="380"/>
                  <a:pt x="219" y="381"/>
                </a:cubicBezTo>
                <a:cubicBezTo>
                  <a:pt x="219" y="381"/>
                  <a:pt x="220" y="381"/>
                  <a:pt x="220" y="382"/>
                </a:cubicBezTo>
                <a:cubicBezTo>
                  <a:pt x="221" y="382"/>
                  <a:pt x="221" y="382"/>
                  <a:pt x="221" y="382"/>
                </a:cubicBezTo>
                <a:cubicBezTo>
                  <a:pt x="221" y="382"/>
                  <a:pt x="221" y="382"/>
                  <a:pt x="222" y="383"/>
                </a:cubicBezTo>
                <a:cubicBezTo>
                  <a:pt x="222" y="383"/>
                  <a:pt x="223" y="383"/>
                  <a:pt x="224" y="384"/>
                </a:cubicBezTo>
                <a:cubicBezTo>
                  <a:pt x="224" y="384"/>
                  <a:pt x="224" y="384"/>
                  <a:pt x="225" y="384"/>
                </a:cubicBezTo>
                <a:cubicBezTo>
                  <a:pt x="226" y="384"/>
                  <a:pt x="227" y="384"/>
                  <a:pt x="228" y="384"/>
                </a:cubicBezTo>
                <a:cubicBezTo>
                  <a:pt x="228" y="384"/>
                  <a:pt x="228" y="384"/>
                  <a:pt x="228" y="384"/>
                </a:cubicBezTo>
                <a:cubicBezTo>
                  <a:pt x="228" y="384"/>
                  <a:pt x="228" y="384"/>
                  <a:pt x="228" y="384"/>
                </a:cubicBezTo>
                <a:cubicBezTo>
                  <a:pt x="230" y="384"/>
                  <a:pt x="231" y="384"/>
                  <a:pt x="232" y="384"/>
                </a:cubicBezTo>
                <a:cubicBezTo>
                  <a:pt x="232" y="384"/>
                  <a:pt x="232" y="384"/>
                  <a:pt x="232" y="384"/>
                </a:cubicBezTo>
                <a:cubicBezTo>
                  <a:pt x="233" y="384"/>
                  <a:pt x="234" y="383"/>
                  <a:pt x="234" y="383"/>
                </a:cubicBezTo>
                <a:cubicBezTo>
                  <a:pt x="235" y="383"/>
                  <a:pt x="235" y="383"/>
                  <a:pt x="235" y="383"/>
                </a:cubicBezTo>
                <a:cubicBezTo>
                  <a:pt x="236" y="382"/>
                  <a:pt x="236" y="382"/>
                  <a:pt x="237" y="381"/>
                </a:cubicBezTo>
                <a:cubicBezTo>
                  <a:pt x="237" y="381"/>
                  <a:pt x="237" y="381"/>
                  <a:pt x="237" y="381"/>
                </a:cubicBezTo>
                <a:cubicBezTo>
                  <a:pt x="238" y="380"/>
                  <a:pt x="239" y="379"/>
                  <a:pt x="239" y="379"/>
                </a:cubicBezTo>
                <a:cubicBezTo>
                  <a:pt x="239" y="379"/>
                  <a:pt x="239" y="378"/>
                  <a:pt x="240" y="378"/>
                </a:cubicBezTo>
                <a:cubicBezTo>
                  <a:pt x="287" y="305"/>
                  <a:pt x="442" y="301"/>
                  <a:pt x="443" y="301"/>
                </a:cubicBezTo>
                <a:cubicBezTo>
                  <a:pt x="450" y="300"/>
                  <a:pt x="456" y="294"/>
                  <a:pt x="456" y="287"/>
                </a:cubicBezTo>
                <a:cubicBezTo>
                  <a:pt x="456" y="14"/>
                  <a:pt x="456" y="14"/>
                  <a:pt x="456" y="14"/>
                </a:cubicBezTo>
                <a:cubicBezTo>
                  <a:pt x="456" y="10"/>
                  <a:pt x="455" y="6"/>
                  <a:pt x="452" y="4"/>
                </a:cubicBezTo>
                <a:cubicBezTo>
                  <a:pt x="450" y="1"/>
                  <a:pt x="446" y="0"/>
                  <a:pt x="443" y="0"/>
                </a:cubicBezTo>
                <a:close/>
                <a:moveTo>
                  <a:pt x="430" y="28"/>
                </a:moveTo>
                <a:cubicBezTo>
                  <a:pt x="430" y="52"/>
                  <a:pt x="430" y="253"/>
                  <a:pt x="430" y="275"/>
                </a:cubicBezTo>
                <a:cubicBezTo>
                  <a:pt x="395" y="277"/>
                  <a:pt x="298" y="288"/>
                  <a:pt x="242" y="336"/>
                </a:cubicBezTo>
                <a:cubicBezTo>
                  <a:pt x="242" y="284"/>
                  <a:pt x="242" y="109"/>
                  <a:pt x="242" y="102"/>
                </a:cubicBezTo>
                <a:cubicBezTo>
                  <a:pt x="283" y="44"/>
                  <a:pt x="391" y="30"/>
                  <a:pt x="430" y="2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7" name="Freeform 668"/>
          <p:cNvSpPr>
            <a:spLocks/>
          </p:cNvSpPr>
          <p:nvPr userDrawn="1"/>
        </p:nvSpPr>
        <p:spPr bwMode="auto">
          <a:xfrm>
            <a:off x="11159251" y="1815211"/>
            <a:ext cx="371475" cy="377825"/>
          </a:xfrm>
          <a:custGeom>
            <a:avLst/>
            <a:gdLst/>
            <a:ahLst/>
            <a:cxnLst>
              <a:cxn ang="0">
                <a:pos x="212" y="60"/>
              </a:cxn>
              <a:cxn ang="0">
                <a:pos x="37" y="15"/>
              </a:cxn>
              <a:cxn ang="0">
                <a:pos x="0" y="57"/>
              </a:cxn>
              <a:cxn ang="0">
                <a:pos x="9" y="69"/>
              </a:cxn>
              <a:cxn ang="0">
                <a:pos x="135" y="139"/>
              </a:cxn>
              <a:cxn ang="0">
                <a:pos x="31" y="210"/>
              </a:cxn>
              <a:cxn ang="0">
                <a:pos x="7" y="222"/>
              </a:cxn>
              <a:cxn ang="0">
                <a:pos x="24" y="240"/>
              </a:cxn>
              <a:cxn ang="0">
                <a:pos x="60" y="250"/>
              </a:cxn>
              <a:cxn ang="0">
                <a:pos x="162" y="145"/>
              </a:cxn>
              <a:cxn ang="0">
                <a:pos x="165" y="135"/>
              </a:cxn>
              <a:cxn ang="0">
                <a:pos x="53" y="56"/>
              </a:cxn>
              <a:cxn ang="0">
                <a:pos x="36" y="51"/>
              </a:cxn>
              <a:cxn ang="0">
                <a:pos x="212" y="86"/>
              </a:cxn>
              <a:cxn ang="0">
                <a:pos x="273" y="34"/>
              </a:cxn>
              <a:cxn ang="0">
                <a:pos x="304" y="38"/>
              </a:cxn>
              <a:cxn ang="0">
                <a:pos x="251" y="109"/>
              </a:cxn>
              <a:cxn ang="0">
                <a:pos x="248" y="122"/>
              </a:cxn>
              <a:cxn ang="0">
                <a:pos x="283" y="297"/>
              </a:cxn>
              <a:cxn ang="0">
                <a:pos x="278" y="280"/>
              </a:cxn>
              <a:cxn ang="0">
                <a:pos x="198" y="169"/>
              </a:cxn>
              <a:cxn ang="0">
                <a:pos x="86" y="260"/>
              </a:cxn>
              <a:cxn ang="0">
                <a:pos x="83" y="274"/>
              </a:cxn>
              <a:cxn ang="0">
                <a:pos x="94" y="309"/>
              </a:cxn>
              <a:cxn ang="0">
                <a:pos x="94" y="327"/>
              </a:cxn>
              <a:cxn ang="0">
                <a:pos x="121" y="316"/>
              </a:cxn>
              <a:cxn ang="0">
                <a:pos x="124" y="302"/>
              </a:cxn>
              <a:cxn ang="0">
                <a:pos x="194" y="199"/>
              </a:cxn>
              <a:cxn ang="0">
                <a:pos x="264" y="324"/>
              </a:cxn>
              <a:cxn ang="0">
                <a:pos x="285" y="330"/>
              </a:cxn>
              <a:cxn ang="0">
                <a:pos x="322" y="288"/>
              </a:cxn>
              <a:cxn ang="0">
                <a:pos x="273" y="122"/>
              </a:cxn>
              <a:cxn ang="0">
                <a:pos x="329" y="39"/>
              </a:cxn>
              <a:cxn ang="0">
                <a:pos x="256" y="17"/>
              </a:cxn>
            </a:cxnLst>
            <a:rect l="0" t="0" r="r" b="b"/>
            <a:pathLst>
              <a:path w="329" h="334">
                <a:moveTo>
                  <a:pt x="256" y="17"/>
                </a:moveTo>
                <a:cubicBezTo>
                  <a:pt x="256" y="17"/>
                  <a:pt x="220" y="52"/>
                  <a:pt x="212" y="60"/>
                </a:cubicBezTo>
                <a:cubicBezTo>
                  <a:pt x="199" y="56"/>
                  <a:pt x="49" y="12"/>
                  <a:pt x="49" y="12"/>
                </a:cubicBezTo>
                <a:cubicBezTo>
                  <a:pt x="45" y="10"/>
                  <a:pt x="40" y="12"/>
                  <a:pt x="37" y="15"/>
                </a:cubicBezTo>
                <a:cubicBezTo>
                  <a:pt x="4" y="49"/>
                  <a:pt x="4" y="49"/>
                  <a:pt x="4" y="49"/>
                </a:cubicBezTo>
                <a:cubicBezTo>
                  <a:pt x="1" y="51"/>
                  <a:pt x="0" y="54"/>
                  <a:pt x="0" y="57"/>
                </a:cubicBezTo>
                <a:cubicBezTo>
                  <a:pt x="0" y="58"/>
                  <a:pt x="0" y="59"/>
                  <a:pt x="0" y="61"/>
                </a:cubicBezTo>
                <a:cubicBezTo>
                  <a:pt x="2" y="65"/>
                  <a:pt x="5" y="68"/>
                  <a:pt x="9" y="69"/>
                </a:cubicBezTo>
                <a:cubicBezTo>
                  <a:pt x="9" y="69"/>
                  <a:pt x="38" y="76"/>
                  <a:pt x="41" y="77"/>
                </a:cubicBezTo>
                <a:cubicBezTo>
                  <a:pt x="45" y="79"/>
                  <a:pt x="117" y="127"/>
                  <a:pt x="135" y="139"/>
                </a:cubicBezTo>
                <a:cubicBezTo>
                  <a:pt x="121" y="155"/>
                  <a:pt x="71" y="213"/>
                  <a:pt x="62" y="224"/>
                </a:cubicBezTo>
                <a:cubicBezTo>
                  <a:pt x="51" y="219"/>
                  <a:pt x="31" y="210"/>
                  <a:pt x="31" y="210"/>
                </a:cubicBezTo>
                <a:cubicBezTo>
                  <a:pt x="27" y="208"/>
                  <a:pt x="21" y="209"/>
                  <a:pt x="17" y="212"/>
                </a:cubicBezTo>
                <a:cubicBezTo>
                  <a:pt x="7" y="222"/>
                  <a:pt x="7" y="222"/>
                  <a:pt x="7" y="222"/>
                </a:cubicBezTo>
                <a:cubicBezTo>
                  <a:pt x="2" y="227"/>
                  <a:pt x="2" y="235"/>
                  <a:pt x="7" y="240"/>
                </a:cubicBezTo>
                <a:cubicBezTo>
                  <a:pt x="12" y="245"/>
                  <a:pt x="20" y="245"/>
                  <a:pt x="24" y="240"/>
                </a:cubicBezTo>
                <a:cubicBezTo>
                  <a:pt x="24" y="240"/>
                  <a:pt x="27" y="238"/>
                  <a:pt x="29" y="236"/>
                </a:cubicBezTo>
                <a:cubicBezTo>
                  <a:pt x="38" y="240"/>
                  <a:pt x="60" y="250"/>
                  <a:pt x="60" y="250"/>
                </a:cubicBezTo>
                <a:cubicBezTo>
                  <a:pt x="65" y="253"/>
                  <a:pt x="71" y="251"/>
                  <a:pt x="74" y="247"/>
                </a:cubicBezTo>
                <a:cubicBezTo>
                  <a:pt x="162" y="145"/>
                  <a:pt x="162" y="145"/>
                  <a:pt x="162" y="145"/>
                </a:cubicBezTo>
                <a:cubicBezTo>
                  <a:pt x="164" y="143"/>
                  <a:pt x="165" y="140"/>
                  <a:pt x="165" y="137"/>
                </a:cubicBezTo>
                <a:cubicBezTo>
                  <a:pt x="165" y="136"/>
                  <a:pt x="165" y="136"/>
                  <a:pt x="165" y="135"/>
                </a:cubicBezTo>
                <a:cubicBezTo>
                  <a:pt x="165" y="132"/>
                  <a:pt x="163" y="129"/>
                  <a:pt x="160" y="127"/>
                </a:cubicBezTo>
                <a:cubicBezTo>
                  <a:pt x="53" y="56"/>
                  <a:pt x="53" y="56"/>
                  <a:pt x="53" y="56"/>
                </a:cubicBezTo>
                <a:cubicBezTo>
                  <a:pt x="52" y="55"/>
                  <a:pt x="51" y="54"/>
                  <a:pt x="49" y="54"/>
                </a:cubicBezTo>
                <a:cubicBezTo>
                  <a:pt x="49" y="54"/>
                  <a:pt x="43" y="52"/>
                  <a:pt x="36" y="51"/>
                </a:cubicBezTo>
                <a:cubicBezTo>
                  <a:pt x="43" y="44"/>
                  <a:pt x="46" y="41"/>
                  <a:pt x="49" y="37"/>
                </a:cubicBezTo>
                <a:cubicBezTo>
                  <a:pt x="62" y="41"/>
                  <a:pt x="212" y="86"/>
                  <a:pt x="212" y="86"/>
                </a:cubicBezTo>
                <a:cubicBezTo>
                  <a:pt x="216" y="87"/>
                  <a:pt x="221" y="86"/>
                  <a:pt x="224" y="83"/>
                </a:cubicBezTo>
                <a:cubicBezTo>
                  <a:pt x="273" y="34"/>
                  <a:pt x="273" y="34"/>
                  <a:pt x="273" y="34"/>
                </a:cubicBezTo>
                <a:cubicBezTo>
                  <a:pt x="277" y="30"/>
                  <a:pt x="296" y="28"/>
                  <a:pt x="303" y="31"/>
                </a:cubicBezTo>
                <a:cubicBezTo>
                  <a:pt x="304" y="32"/>
                  <a:pt x="304" y="35"/>
                  <a:pt x="304" y="38"/>
                </a:cubicBezTo>
                <a:cubicBezTo>
                  <a:pt x="304" y="47"/>
                  <a:pt x="302" y="58"/>
                  <a:pt x="300" y="61"/>
                </a:cubicBezTo>
                <a:cubicBezTo>
                  <a:pt x="251" y="109"/>
                  <a:pt x="251" y="109"/>
                  <a:pt x="251" y="109"/>
                </a:cubicBezTo>
                <a:cubicBezTo>
                  <a:pt x="248" y="112"/>
                  <a:pt x="247" y="115"/>
                  <a:pt x="247" y="118"/>
                </a:cubicBezTo>
                <a:cubicBezTo>
                  <a:pt x="247" y="119"/>
                  <a:pt x="247" y="120"/>
                  <a:pt x="248" y="122"/>
                </a:cubicBezTo>
                <a:cubicBezTo>
                  <a:pt x="248" y="122"/>
                  <a:pt x="292" y="271"/>
                  <a:pt x="296" y="284"/>
                </a:cubicBezTo>
                <a:cubicBezTo>
                  <a:pt x="293" y="288"/>
                  <a:pt x="290" y="291"/>
                  <a:pt x="283" y="297"/>
                </a:cubicBezTo>
                <a:cubicBezTo>
                  <a:pt x="281" y="291"/>
                  <a:pt x="280" y="284"/>
                  <a:pt x="280" y="284"/>
                </a:cubicBezTo>
                <a:cubicBezTo>
                  <a:pt x="279" y="283"/>
                  <a:pt x="279" y="282"/>
                  <a:pt x="278" y="280"/>
                </a:cubicBezTo>
                <a:cubicBezTo>
                  <a:pt x="207" y="174"/>
                  <a:pt x="207" y="174"/>
                  <a:pt x="207" y="174"/>
                </a:cubicBezTo>
                <a:cubicBezTo>
                  <a:pt x="205" y="171"/>
                  <a:pt x="202" y="169"/>
                  <a:pt x="198" y="169"/>
                </a:cubicBezTo>
                <a:cubicBezTo>
                  <a:pt x="195" y="168"/>
                  <a:pt x="191" y="169"/>
                  <a:pt x="189" y="171"/>
                </a:cubicBezTo>
                <a:cubicBezTo>
                  <a:pt x="86" y="260"/>
                  <a:pt x="86" y="260"/>
                  <a:pt x="86" y="260"/>
                </a:cubicBezTo>
                <a:cubicBezTo>
                  <a:pt x="84" y="262"/>
                  <a:pt x="82" y="265"/>
                  <a:pt x="82" y="269"/>
                </a:cubicBezTo>
                <a:cubicBezTo>
                  <a:pt x="82" y="271"/>
                  <a:pt x="83" y="272"/>
                  <a:pt x="83" y="274"/>
                </a:cubicBezTo>
                <a:cubicBezTo>
                  <a:pt x="83" y="274"/>
                  <a:pt x="93" y="295"/>
                  <a:pt x="98" y="305"/>
                </a:cubicBezTo>
                <a:cubicBezTo>
                  <a:pt x="96" y="307"/>
                  <a:pt x="94" y="309"/>
                  <a:pt x="94" y="309"/>
                </a:cubicBezTo>
                <a:cubicBezTo>
                  <a:pt x="91" y="312"/>
                  <a:pt x="90" y="315"/>
                  <a:pt x="90" y="318"/>
                </a:cubicBezTo>
                <a:cubicBezTo>
                  <a:pt x="90" y="321"/>
                  <a:pt x="91" y="324"/>
                  <a:pt x="94" y="327"/>
                </a:cubicBezTo>
                <a:cubicBezTo>
                  <a:pt x="99" y="331"/>
                  <a:pt x="106" y="331"/>
                  <a:pt x="111" y="327"/>
                </a:cubicBezTo>
                <a:cubicBezTo>
                  <a:pt x="121" y="316"/>
                  <a:pt x="121" y="316"/>
                  <a:pt x="121" y="316"/>
                </a:cubicBezTo>
                <a:cubicBezTo>
                  <a:pt x="124" y="314"/>
                  <a:pt x="125" y="311"/>
                  <a:pt x="125" y="308"/>
                </a:cubicBezTo>
                <a:cubicBezTo>
                  <a:pt x="125" y="306"/>
                  <a:pt x="125" y="304"/>
                  <a:pt x="124" y="302"/>
                </a:cubicBezTo>
                <a:cubicBezTo>
                  <a:pt x="124" y="302"/>
                  <a:pt x="114" y="282"/>
                  <a:pt x="110" y="272"/>
                </a:cubicBezTo>
                <a:cubicBezTo>
                  <a:pt x="120" y="263"/>
                  <a:pt x="179" y="212"/>
                  <a:pt x="194" y="199"/>
                </a:cubicBezTo>
                <a:cubicBezTo>
                  <a:pt x="206" y="217"/>
                  <a:pt x="254" y="289"/>
                  <a:pt x="256" y="292"/>
                </a:cubicBezTo>
                <a:cubicBezTo>
                  <a:pt x="257" y="296"/>
                  <a:pt x="264" y="324"/>
                  <a:pt x="264" y="324"/>
                </a:cubicBezTo>
                <a:cubicBezTo>
                  <a:pt x="266" y="329"/>
                  <a:pt x="269" y="332"/>
                  <a:pt x="273" y="333"/>
                </a:cubicBezTo>
                <a:cubicBezTo>
                  <a:pt x="277" y="334"/>
                  <a:pt x="282" y="333"/>
                  <a:pt x="285" y="330"/>
                </a:cubicBezTo>
                <a:cubicBezTo>
                  <a:pt x="319" y="296"/>
                  <a:pt x="319" y="296"/>
                  <a:pt x="319" y="296"/>
                </a:cubicBezTo>
                <a:cubicBezTo>
                  <a:pt x="321" y="294"/>
                  <a:pt x="322" y="291"/>
                  <a:pt x="322" y="288"/>
                </a:cubicBezTo>
                <a:cubicBezTo>
                  <a:pt x="322" y="287"/>
                  <a:pt x="322" y="285"/>
                  <a:pt x="322" y="284"/>
                </a:cubicBezTo>
                <a:cubicBezTo>
                  <a:pt x="322" y="284"/>
                  <a:pt x="277" y="134"/>
                  <a:pt x="273" y="122"/>
                </a:cubicBezTo>
                <a:cubicBezTo>
                  <a:pt x="282" y="113"/>
                  <a:pt x="317" y="78"/>
                  <a:pt x="317" y="78"/>
                </a:cubicBezTo>
                <a:cubicBezTo>
                  <a:pt x="324" y="71"/>
                  <a:pt x="329" y="54"/>
                  <a:pt x="329" y="39"/>
                </a:cubicBezTo>
                <a:cubicBezTo>
                  <a:pt x="329" y="28"/>
                  <a:pt x="326" y="18"/>
                  <a:pt x="321" y="13"/>
                </a:cubicBezTo>
                <a:cubicBezTo>
                  <a:pt x="308" y="0"/>
                  <a:pt x="268" y="4"/>
                  <a:pt x="256" y="1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1" name="Freeform 17"/>
          <p:cNvSpPr>
            <a:spLocks noEditPoints="1"/>
          </p:cNvSpPr>
          <p:nvPr userDrawn="1"/>
        </p:nvSpPr>
        <p:spPr bwMode="auto">
          <a:xfrm>
            <a:off x="887413" y="6024563"/>
            <a:ext cx="174625" cy="92075"/>
          </a:xfrm>
          <a:custGeom>
            <a:avLst/>
            <a:gdLst/>
            <a:ahLst/>
            <a:cxnLst>
              <a:cxn ang="0">
                <a:pos x="149" y="6"/>
              </a:cxn>
              <a:cxn ang="0">
                <a:pos x="149" y="6"/>
              </a:cxn>
              <a:cxn ang="0">
                <a:pos x="149" y="6"/>
              </a:cxn>
              <a:cxn ang="0">
                <a:pos x="152" y="60"/>
              </a:cxn>
              <a:cxn ang="0">
                <a:pos x="153" y="53"/>
              </a:cxn>
              <a:cxn ang="0">
                <a:pos x="153" y="23"/>
              </a:cxn>
              <a:cxn ang="0">
                <a:pos x="153" y="14"/>
              </a:cxn>
              <a:cxn ang="0">
                <a:pos x="149" y="6"/>
              </a:cxn>
              <a:cxn ang="0">
                <a:pos x="140" y="2"/>
              </a:cxn>
              <a:cxn ang="0">
                <a:pos x="132" y="2"/>
              </a:cxn>
              <a:cxn ang="0">
                <a:pos x="103" y="3"/>
              </a:cxn>
              <a:cxn ang="0">
                <a:pos x="96" y="4"/>
              </a:cxn>
              <a:cxn ang="0">
                <a:pos x="88" y="16"/>
              </a:cxn>
              <a:cxn ang="0">
                <a:pos x="102" y="25"/>
              </a:cxn>
              <a:cxn ang="0">
                <a:pos x="114" y="24"/>
              </a:cxn>
              <a:cxn ang="0">
                <a:pos x="98" y="39"/>
              </a:cxn>
              <a:cxn ang="0">
                <a:pos x="77" y="48"/>
              </a:cxn>
              <a:cxn ang="0">
                <a:pos x="28" y="12"/>
              </a:cxn>
              <a:cxn ang="0">
                <a:pos x="12" y="1"/>
              </a:cxn>
              <a:cxn ang="0">
                <a:pos x="1" y="17"/>
              </a:cxn>
              <a:cxn ang="0">
                <a:pos x="82" y="75"/>
              </a:cxn>
              <a:cxn ang="0">
                <a:pos x="112" y="62"/>
              </a:cxn>
              <a:cxn ang="0">
                <a:pos x="132" y="43"/>
              </a:cxn>
              <a:cxn ang="0">
                <a:pos x="131" y="54"/>
              </a:cxn>
              <a:cxn ang="0">
                <a:pos x="140" y="68"/>
              </a:cxn>
              <a:cxn ang="0">
                <a:pos x="152" y="60"/>
              </a:cxn>
            </a:cxnLst>
            <a:rect l="0" t="0" r="r" b="b"/>
            <a:pathLst>
              <a:path w="154" h="81">
                <a:moveTo>
                  <a:pt x="149" y="6"/>
                </a:moveTo>
                <a:cubicBezTo>
                  <a:pt x="149" y="6"/>
                  <a:pt x="149" y="6"/>
                  <a:pt x="149" y="6"/>
                </a:cubicBezTo>
                <a:cubicBezTo>
                  <a:pt x="149" y="6"/>
                  <a:pt x="149" y="6"/>
                  <a:pt x="149" y="6"/>
                </a:cubicBezTo>
                <a:close/>
                <a:moveTo>
                  <a:pt x="152" y="60"/>
                </a:moveTo>
                <a:cubicBezTo>
                  <a:pt x="153" y="53"/>
                  <a:pt x="153" y="53"/>
                  <a:pt x="153" y="53"/>
                </a:cubicBezTo>
                <a:cubicBezTo>
                  <a:pt x="153" y="23"/>
                  <a:pt x="153" y="23"/>
                  <a:pt x="153" y="23"/>
                </a:cubicBezTo>
                <a:cubicBezTo>
                  <a:pt x="154" y="19"/>
                  <a:pt x="154" y="17"/>
                  <a:pt x="153" y="14"/>
                </a:cubicBezTo>
                <a:cubicBezTo>
                  <a:pt x="153" y="12"/>
                  <a:pt x="151" y="9"/>
                  <a:pt x="149" y="6"/>
                </a:cubicBezTo>
                <a:cubicBezTo>
                  <a:pt x="146" y="3"/>
                  <a:pt x="143" y="2"/>
                  <a:pt x="140" y="2"/>
                </a:cubicBezTo>
                <a:cubicBezTo>
                  <a:pt x="138" y="1"/>
                  <a:pt x="135" y="1"/>
                  <a:pt x="132" y="2"/>
                </a:cubicBezTo>
                <a:cubicBezTo>
                  <a:pt x="103" y="3"/>
                  <a:pt x="103" y="3"/>
                  <a:pt x="103" y="3"/>
                </a:cubicBezTo>
                <a:cubicBezTo>
                  <a:pt x="96" y="4"/>
                  <a:pt x="96" y="4"/>
                  <a:pt x="96" y="4"/>
                </a:cubicBezTo>
                <a:cubicBezTo>
                  <a:pt x="96" y="4"/>
                  <a:pt x="86" y="4"/>
                  <a:pt x="88" y="16"/>
                </a:cubicBezTo>
                <a:cubicBezTo>
                  <a:pt x="89" y="24"/>
                  <a:pt x="94" y="26"/>
                  <a:pt x="102" y="25"/>
                </a:cubicBezTo>
                <a:cubicBezTo>
                  <a:pt x="105" y="25"/>
                  <a:pt x="109" y="25"/>
                  <a:pt x="114" y="24"/>
                </a:cubicBezTo>
                <a:cubicBezTo>
                  <a:pt x="107" y="32"/>
                  <a:pt x="98" y="39"/>
                  <a:pt x="98" y="39"/>
                </a:cubicBezTo>
                <a:cubicBezTo>
                  <a:pt x="92" y="44"/>
                  <a:pt x="85" y="47"/>
                  <a:pt x="77" y="48"/>
                </a:cubicBezTo>
                <a:cubicBezTo>
                  <a:pt x="54" y="52"/>
                  <a:pt x="32" y="36"/>
                  <a:pt x="28" y="12"/>
                </a:cubicBezTo>
                <a:cubicBezTo>
                  <a:pt x="26" y="5"/>
                  <a:pt x="20" y="0"/>
                  <a:pt x="12" y="1"/>
                </a:cubicBezTo>
                <a:cubicBezTo>
                  <a:pt x="5" y="3"/>
                  <a:pt x="0" y="9"/>
                  <a:pt x="1" y="17"/>
                </a:cubicBezTo>
                <a:cubicBezTo>
                  <a:pt x="7" y="55"/>
                  <a:pt x="44" y="81"/>
                  <a:pt x="82" y="75"/>
                </a:cubicBezTo>
                <a:cubicBezTo>
                  <a:pt x="93" y="73"/>
                  <a:pt x="103" y="68"/>
                  <a:pt x="112" y="62"/>
                </a:cubicBezTo>
                <a:cubicBezTo>
                  <a:pt x="112" y="62"/>
                  <a:pt x="124" y="53"/>
                  <a:pt x="132" y="43"/>
                </a:cubicBezTo>
                <a:cubicBezTo>
                  <a:pt x="132" y="47"/>
                  <a:pt x="131" y="50"/>
                  <a:pt x="131" y="54"/>
                </a:cubicBezTo>
                <a:cubicBezTo>
                  <a:pt x="130" y="62"/>
                  <a:pt x="132" y="67"/>
                  <a:pt x="140" y="68"/>
                </a:cubicBezTo>
                <a:cubicBezTo>
                  <a:pt x="152" y="69"/>
                  <a:pt x="152" y="60"/>
                  <a:pt x="152" y="60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5" name="Freeform 21"/>
          <p:cNvSpPr>
            <a:spLocks noEditPoints="1"/>
          </p:cNvSpPr>
          <p:nvPr userDrawn="1"/>
        </p:nvSpPr>
        <p:spPr bwMode="auto">
          <a:xfrm>
            <a:off x="1243013" y="6003926"/>
            <a:ext cx="160337" cy="117475"/>
          </a:xfrm>
          <a:custGeom>
            <a:avLst/>
            <a:gdLst/>
            <a:ahLst/>
            <a:cxnLst>
              <a:cxn ang="0">
                <a:pos x="132" y="35"/>
              </a:cxn>
              <a:cxn ang="0">
                <a:pos x="107" y="12"/>
              </a:cxn>
              <a:cxn ang="0">
                <a:pos x="102" y="8"/>
              </a:cxn>
              <a:cxn ang="0">
                <a:pos x="86" y="11"/>
              </a:cxn>
              <a:cxn ang="0">
                <a:pos x="90" y="29"/>
              </a:cxn>
              <a:cxn ang="0">
                <a:pos x="100" y="38"/>
              </a:cxn>
              <a:cxn ang="0">
                <a:pos x="14" y="38"/>
              </a:cxn>
              <a:cxn ang="0">
                <a:pos x="0" y="51"/>
              </a:cxn>
              <a:cxn ang="0">
                <a:pos x="0" y="53"/>
              </a:cxn>
              <a:cxn ang="0">
                <a:pos x="14" y="65"/>
              </a:cxn>
              <a:cxn ang="0">
                <a:pos x="100" y="65"/>
              </a:cxn>
              <a:cxn ang="0">
                <a:pos x="90" y="74"/>
              </a:cxn>
              <a:cxn ang="0">
                <a:pos x="86" y="92"/>
              </a:cxn>
              <a:cxn ang="0">
                <a:pos x="102" y="95"/>
              </a:cxn>
              <a:cxn ang="0">
                <a:pos x="108" y="90"/>
              </a:cxn>
              <a:cxn ang="0">
                <a:pos x="132" y="68"/>
              </a:cxn>
              <a:cxn ang="0">
                <a:pos x="138" y="62"/>
              </a:cxn>
              <a:cxn ang="0">
                <a:pos x="141" y="52"/>
              </a:cxn>
              <a:cxn ang="0">
                <a:pos x="138" y="42"/>
              </a:cxn>
              <a:cxn ang="0">
                <a:pos x="132" y="35"/>
              </a:cxn>
              <a:cxn ang="0">
                <a:pos x="141" y="52"/>
              </a:cxn>
              <a:cxn ang="0">
                <a:pos x="141" y="52"/>
              </a:cxn>
              <a:cxn ang="0">
                <a:pos x="141" y="52"/>
              </a:cxn>
              <a:cxn ang="0">
                <a:pos x="141" y="52"/>
              </a:cxn>
            </a:cxnLst>
            <a:rect l="0" t="0" r="r" b="b"/>
            <a:pathLst>
              <a:path w="141" h="103">
                <a:moveTo>
                  <a:pt x="132" y="35"/>
                </a:moveTo>
                <a:cubicBezTo>
                  <a:pt x="107" y="12"/>
                  <a:pt x="107" y="12"/>
                  <a:pt x="107" y="12"/>
                </a:cubicBezTo>
                <a:cubicBezTo>
                  <a:pt x="102" y="8"/>
                  <a:pt x="102" y="8"/>
                  <a:pt x="102" y="8"/>
                </a:cubicBezTo>
                <a:cubicBezTo>
                  <a:pt x="102" y="8"/>
                  <a:pt x="94" y="0"/>
                  <a:pt x="86" y="11"/>
                </a:cubicBezTo>
                <a:cubicBezTo>
                  <a:pt x="80" y="18"/>
                  <a:pt x="83" y="23"/>
                  <a:pt x="90" y="29"/>
                </a:cubicBezTo>
                <a:cubicBezTo>
                  <a:pt x="92" y="31"/>
                  <a:pt x="96" y="35"/>
                  <a:pt x="100" y="38"/>
                </a:cubicBezTo>
                <a:cubicBezTo>
                  <a:pt x="14" y="38"/>
                  <a:pt x="14" y="38"/>
                  <a:pt x="14" y="38"/>
                </a:cubicBezTo>
                <a:cubicBezTo>
                  <a:pt x="4" y="38"/>
                  <a:pt x="0" y="43"/>
                  <a:pt x="0" y="51"/>
                </a:cubicBezTo>
                <a:cubicBezTo>
                  <a:pt x="0" y="53"/>
                  <a:pt x="0" y="53"/>
                  <a:pt x="0" y="53"/>
                </a:cubicBezTo>
                <a:cubicBezTo>
                  <a:pt x="0" y="60"/>
                  <a:pt x="4" y="65"/>
                  <a:pt x="14" y="65"/>
                </a:cubicBezTo>
                <a:cubicBezTo>
                  <a:pt x="100" y="65"/>
                  <a:pt x="100" y="65"/>
                  <a:pt x="100" y="65"/>
                </a:cubicBezTo>
                <a:cubicBezTo>
                  <a:pt x="96" y="68"/>
                  <a:pt x="93" y="71"/>
                  <a:pt x="90" y="74"/>
                </a:cubicBezTo>
                <a:cubicBezTo>
                  <a:pt x="83" y="80"/>
                  <a:pt x="81" y="85"/>
                  <a:pt x="86" y="92"/>
                </a:cubicBezTo>
                <a:cubicBezTo>
                  <a:pt x="94" y="103"/>
                  <a:pt x="102" y="95"/>
                  <a:pt x="102" y="95"/>
                </a:cubicBezTo>
                <a:cubicBezTo>
                  <a:pt x="108" y="90"/>
                  <a:pt x="108" y="90"/>
                  <a:pt x="108" y="90"/>
                </a:cubicBezTo>
                <a:cubicBezTo>
                  <a:pt x="132" y="68"/>
                  <a:pt x="132" y="68"/>
                  <a:pt x="132" y="68"/>
                </a:cubicBezTo>
                <a:cubicBezTo>
                  <a:pt x="135" y="66"/>
                  <a:pt x="137" y="64"/>
                  <a:pt x="138" y="62"/>
                </a:cubicBezTo>
                <a:cubicBezTo>
                  <a:pt x="140" y="59"/>
                  <a:pt x="141" y="56"/>
                  <a:pt x="141" y="52"/>
                </a:cubicBezTo>
                <a:cubicBezTo>
                  <a:pt x="141" y="48"/>
                  <a:pt x="140" y="44"/>
                  <a:pt x="138" y="42"/>
                </a:cubicBezTo>
                <a:cubicBezTo>
                  <a:pt x="137" y="39"/>
                  <a:pt x="135" y="38"/>
                  <a:pt x="132" y="35"/>
                </a:cubicBezTo>
                <a:close/>
                <a:moveTo>
                  <a:pt x="141" y="52"/>
                </a:moveTo>
                <a:cubicBezTo>
                  <a:pt x="141" y="52"/>
                  <a:pt x="141" y="52"/>
                  <a:pt x="141" y="52"/>
                </a:cubicBezTo>
                <a:cubicBezTo>
                  <a:pt x="141" y="52"/>
                  <a:pt x="141" y="52"/>
                  <a:pt x="141" y="52"/>
                </a:cubicBezTo>
                <a:cubicBezTo>
                  <a:pt x="141" y="52"/>
                  <a:pt x="141" y="52"/>
                  <a:pt x="141" y="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49" name="Freeform 25"/>
          <p:cNvSpPr>
            <a:spLocks/>
          </p:cNvSpPr>
          <p:nvPr userDrawn="1"/>
        </p:nvSpPr>
        <p:spPr bwMode="auto">
          <a:xfrm>
            <a:off x="1579563" y="5995988"/>
            <a:ext cx="171450" cy="147637"/>
          </a:xfrm>
          <a:custGeom>
            <a:avLst/>
            <a:gdLst/>
            <a:ahLst/>
            <a:cxnLst>
              <a:cxn ang="0">
                <a:pos x="143" y="34"/>
              </a:cxn>
              <a:cxn ang="0">
                <a:pos x="138" y="30"/>
              </a:cxn>
              <a:cxn ang="0">
                <a:pos x="118" y="8"/>
              </a:cxn>
              <a:cxn ang="0">
                <a:pos x="112" y="2"/>
              </a:cxn>
              <a:cxn ang="0">
                <a:pos x="103" y="0"/>
              </a:cxn>
              <a:cxn ang="0">
                <a:pos x="94" y="2"/>
              </a:cxn>
              <a:cxn ang="0">
                <a:pos x="88" y="8"/>
              </a:cxn>
              <a:cxn ang="0">
                <a:pos x="69" y="30"/>
              </a:cxn>
              <a:cxn ang="0">
                <a:pos x="64" y="35"/>
              </a:cxn>
              <a:cxn ang="0">
                <a:pos x="67" y="49"/>
              </a:cxn>
              <a:cxn ang="0">
                <a:pos x="84" y="45"/>
              </a:cxn>
              <a:cxn ang="0">
                <a:pos x="91" y="37"/>
              </a:cxn>
              <a:cxn ang="0">
                <a:pos x="90" y="58"/>
              </a:cxn>
              <a:cxn ang="0">
                <a:pos x="82" y="79"/>
              </a:cxn>
              <a:cxn ang="0">
                <a:pos x="22" y="89"/>
              </a:cxn>
              <a:cxn ang="0">
                <a:pos x="4" y="92"/>
              </a:cxn>
              <a:cxn ang="0">
                <a:pos x="7" y="110"/>
              </a:cxn>
              <a:cxn ang="0">
                <a:pos x="104" y="94"/>
              </a:cxn>
              <a:cxn ang="0">
                <a:pos x="116" y="64"/>
              </a:cxn>
              <a:cxn ang="0">
                <a:pos x="117" y="37"/>
              </a:cxn>
              <a:cxn ang="0">
                <a:pos x="124" y="45"/>
              </a:cxn>
              <a:cxn ang="0">
                <a:pos x="140" y="49"/>
              </a:cxn>
              <a:cxn ang="0">
                <a:pos x="143" y="34"/>
              </a:cxn>
            </a:cxnLst>
            <a:rect l="0" t="0" r="r" b="b"/>
            <a:pathLst>
              <a:path w="150" h="132">
                <a:moveTo>
                  <a:pt x="143" y="34"/>
                </a:moveTo>
                <a:cubicBezTo>
                  <a:pt x="138" y="30"/>
                  <a:pt x="138" y="30"/>
                  <a:pt x="138" y="30"/>
                </a:cubicBezTo>
                <a:cubicBezTo>
                  <a:pt x="118" y="8"/>
                  <a:pt x="118" y="8"/>
                  <a:pt x="118" y="8"/>
                </a:cubicBezTo>
                <a:cubicBezTo>
                  <a:pt x="116" y="5"/>
                  <a:pt x="114" y="3"/>
                  <a:pt x="112" y="2"/>
                </a:cubicBezTo>
                <a:cubicBezTo>
                  <a:pt x="110" y="0"/>
                  <a:pt x="107" y="0"/>
                  <a:pt x="103" y="0"/>
                </a:cubicBezTo>
                <a:cubicBezTo>
                  <a:pt x="99" y="0"/>
                  <a:pt x="96" y="0"/>
                  <a:pt x="94" y="2"/>
                </a:cubicBezTo>
                <a:cubicBezTo>
                  <a:pt x="92" y="4"/>
                  <a:pt x="90" y="6"/>
                  <a:pt x="88" y="8"/>
                </a:cubicBezTo>
                <a:cubicBezTo>
                  <a:pt x="69" y="30"/>
                  <a:pt x="69" y="30"/>
                  <a:pt x="69" y="30"/>
                </a:cubicBezTo>
                <a:cubicBezTo>
                  <a:pt x="64" y="35"/>
                  <a:pt x="64" y="35"/>
                  <a:pt x="64" y="35"/>
                </a:cubicBezTo>
                <a:cubicBezTo>
                  <a:pt x="64" y="35"/>
                  <a:pt x="58" y="42"/>
                  <a:pt x="67" y="49"/>
                </a:cubicBezTo>
                <a:cubicBezTo>
                  <a:pt x="74" y="54"/>
                  <a:pt x="78" y="52"/>
                  <a:pt x="84" y="45"/>
                </a:cubicBezTo>
                <a:cubicBezTo>
                  <a:pt x="86" y="43"/>
                  <a:pt x="88" y="40"/>
                  <a:pt x="91" y="37"/>
                </a:cubicBezTo>
                <a:cubicBezTo>
                  <a:pt x="91" y="47"/>
                  <a:pt x="90" y="58"/>
                  <a:pt x="90" y="58"/>
                </a:cubicBezTo>
                <a:cubicBezTo>
                  <a:pt x="89" y="65"/>
                  <a:pt x="87" y="72"/>
                  <a:pt x="82" y="79"/>
                </a:cubicBezTo>
                <a:cubicBezTo>
                  <a:pt x="69" y="98"/>
                  <a:pt x="42" y="102"/>
                  <a:pt x="22" y="89"/>
                </a:cubicBezTo>
                <a:cubicBezTo>
                  <a:pt x="17" y="84"/>
                  <a:pt x="8" y="86"/>
                  <a:pt x="4" y="92"/>
                </a:cubicBezTo>
                <a:cubicBezTo>
                  <a:pt x="0" y="98"/>
                  <a:pt x="1" y="106"/>
                  <a:pt x="7" y="110"/>
                </a:cubicBezTo>
                <a:cubicBezTo>
                  <a:pt x="38" y="132"/>
                  <a:pt x="82" y="125"/>
                  <a:pt x="104" y="94"/>
                </a:cubicBezTo>
                <a:cubicBezTo>
                  <a:pt x="111" y="85"/>
                  <a:pt x="115" y="75"/>
                  <a:pt x="116" y="64"/>
                </a:cubicBezTo>
                <a:cubicBezTo>
                  <a:pt x="116" y="64"/>
                  <a:pt x="118" y="49"/>
                  <a:pt x="117" y="37"/>
                </a:cubicBezTo>
                <a:cubicBezTo>
                  <a:pt x="119" y="40"/>
                  <a:pt x="121" y="42"/>
                  <a:pt x="124" y="45"/>
                </a:cubicBezTo>
                <a:cubicBezTo>
                  <a:pt x="129" y="52"/>
                  <a:pt x="134" y="54"/>
                  <a:pt x="140" y="49"/>
                </a:cubicBezTo>
                <a:cubicBezTo>
                  <a:pt x="150" y="42"/>
                  <a:pt x="143" y="34"/>
                  <a:pt x="143" y="3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53" name="Freeform 29"/>
          <p:cNvSpPr>
            <a:spLocks/>
          </p:cNvSpPr>
          <p:nvPr userDrawn="1"/>
        </p:nvSpPr>
        <p:spPr bwMode="auto">
          <a:xfrm>
            <a:off x="1920875" y="5983287"/>
            <a:ext cx="171450" cy="150813"/>
          </a:xfrm>
          <a:custGeom>
            <a:avLst/>
            <a:gdLst/>
            <a:ahLst/>
            <a:cxnLst>
              <a:cxn ang="0">
                <a:pos x="140" y="84"/>
              </a:cxn>
              <a:cxn ang="0">
                <a:pos x="124" y="87"/>
              </a:cxn>
              <a:cxn ang="0">
                <a:pos x="117" y="96"/>
              </a:cxn>
              <a:cxn ang="0">
                <a:pos x="116" y="68"/>
              </a:cxn>
              <a:cxn ang="0">
                <a:pos x="104" y="38"/>
              </a:cxn>
              <a:cxn ang="0">
                <a:pos x="7" y="23"/>
              </a:cxn>
              <a:cxn ang="0">
                <a:pos x="4" y="41"/>
              </a:cxn>
              <a:cxn ang="0">
                <a:pos x="22" y="44"/>
              </a:cxn>
              <a:cxn ang="0">
                <a:pos x="82" y="54"/>
              </a:cxn>
              <a:cxn ang="0">
                <a:pos x="90" y="75"/>
              </a:cxn>
              <a:cxn ang="0">
                <a:pos x="91" y="96"/>
              </a:cxn>
              <a:cxn ang="0">
                <a:pos x="84" y="87"/>
              </a:cxn>
              <a:cxn ang="0">
                <a:pos x="67" y="84"/>
              </a:cxn>
              <a:cxn ang="0">
                <a:pos x="64" y="98"/>
              </a:cxn>
              <a:cxn ang="0">
                <a:pos x="69" y="103"/>
              </a:cxn>
              <a:cxn ang="0">
                <a:pos x="88" y="125"/>
              </a:cxn>
              <a:cxn ang="0">
                <a:pos x="94" y="131"/>
              </a:cxn>
              <a:cxn ang="0">
                <a:pos x="103" y="133"/>
              </a:cxn>
              <a:cxn ang="0">
                <a:pos x="112" y="131"/>
              </a:cxn>
              <a:cxn ang="0">
                <a:pos x="118" y="125"/>
              </a:cxn>
              <a:cxn ang="0">
                <a:pos x="138" y="103"/>
              </a:cxn>
              <a:cxn ang="0">
                <a:pos x="143" y="98"/>
              </a:cxn>
              <a:cxn ang="0">
                <a:pos x="140" y="84"/>
              </a:cxn>
            </a:cxnLst>
            <a:rect l="0" t="0" r="r" b="b"/>
            <a:pathLst>
              <a:path w="150" h="133">
                <a:moveTo>
                  <a:pt x="140" y="84"/>
                </a:moveTo>
                <a:cubicBezTo>
                  <a:pt x="134" y="79"/>
                  <a:pt x="129" y="81"/>
                  <a:pt x="124" y="87"/>
                </a:cubicBezTo>
                <a:cubicBezTo>
                  <a:pt x="121" y="90"/>
                  <a:pt x="119" y="93"/>
                  <a:pt x="117" y="96"/>
                </a:cubicBezTo>
                <a:cubicBezTo>
                  <a:pt x="118" y="83"/>
                  <a:pt x="116" y="68"/>
                  <a:pt x="116" y="68"/>
                </a:cubicBezTo>
                <a:cubicBezTo>
                  <a:pt x="115" y="58"/>
                  <a:pt x="111" y="48"/>
                  <a:pt x="104" y="38"/>
                </a:cubicBezTo>
                <a:cubicBezTo>
                  <a:pt x="82" y="7"/>
                  <a:pt x="38" y="0"/>
                  <a:pt x="7" y="23"/>
                </a:cubicBezTo>
                <a:cubicBezTo>
                  <a:pt x="1" y="27"/>
                  <a:pt x="0" y="35"/>
                  <a:pt x="4" y="41"/>
                </a:cubicBezTo>
                <a:cubicBezTo>
                  <a:pt x="8" y="47"/>
                  <a:pt x="17" y="48"/>
                  <a:pt x="22" y="44"/>
                </a:cubicBezTo>
                <a:cubicBezTo>
                  <a:pt x="42" y="30"/>
                  <a:pt x="69" y="35"/>
                  <a:pt x="82" y="54"/>
                </a:cubicBezTo>
                <a:cubicBezTo>
                  <a:pt x="87" y="60"/>
                  <a:pt x="89" y="67"/>
                  <a:pt x="90" y="75"/>
                </a:cubicBezTo>
                <a:cubicBezTo>
                  <a:pt x="90" y="75"/>
                  <a:pt x="91" y="86"/>
                  <a:pt x="91" y="96"/>
                </a:cubicBezTo>
                <a:cubicBezTo>
                  <a:pt x="88" y="93"/>
                  <a:pt x="86" y="90"/>
                  <a:pt x="84" y="87"/>
                </a:cubicBezTo>
                <a:cubicBezTo>
                  <a:pt x="78" y="81"/>
                  <a:pt x="74" y="79"/>
                  <a:pt x="67" y="84"/>
                </a:cubicBezTo>
                <a:cubicBezTo>
                  <a:pt x="58" y="91"/>
                  <a:pt x="64" y="98"/>
                  <a:pt x="64" y="98"/>
                </a:cubicBezTo>
                <a:cubicBezTo>
                  <a:pt x="69" y="103"/>
                  <a:pt x="69" y="103"/>
                  <a:pt x="69" y="103"/>
                </a:cubicBezTo>
                <a:cubicBezTo>
                  <a:pt x="88" y="125"/>
                  <a:pt x="88" y="125"/>
                  <a:pt x="88" y="125"/>
                </a:cubicBezTo>
                <a:cubicBezTo>
                  <a:pt x="90" y="127"/>
                  <a:pt x="92" y="129"/>
                  <a:pt x="94" y="131"/>
                </a:cubicBezTo>
                <a:cubicBezTo>
                  <a:pt x="96" y="132"/>
                  <a:pt x="99" y="133"/>
                  <a:pt x="103" y="133"/>
                </a:cubicBezTo>
                <a:cubicBezTo>
                  <a:pt x="107" y="133"/>
                  <a:pt x="110" y="132"/>
                  <a:pt x="112" y="131"/>
                </a:cubicBezTo>
                <a:cubicBezTo>
                  <a:pt x="114" y="129"/>
                  <a:pt x="116" y="127"/>
                  <a:pt x="118" y="125"/>
                </a:cubicBezTo>
                <a:cubicBezTo>
                  <a:pt x="138" y="103"/>
                  <a:pt x="138" y="103"/>
                  <a:pt x="138" y="103"/>
                </a:cubicBezTo>
                <a:cubicBezTo>
                  <a:pt x="143" y="98"/>
                  <a:pt x="143" y="98"/>
                  <a:pt x="143" y="98"/>
                </a:cubicBezTo>
                <a:cubicBezTo>
                  <a:pt x="143" y="98"/>
                  <a:pt x="150" y="91"/>
                  <a:pt x="140" y="8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26" name="Group 32"/>
          <p:cNvGrpSpPr>
            <a:grpSpLocks noChangeAspect="1"/>
          </p:cNvGrpSpPr>
          <p:nvPr userDrawn="1"/>
        </p:nvGrpSpPr>
        <p:grpSpPr bwMode="auto">
          <a:xfrm>
            <a:off x="2262188" y="6015043"/>
            <a:ext cx="142875" cy="96838"/>
            <a:chOff x="1425" y="3789"/>
            <a:chExt cx="90" cy="61"/>
          </a:xfrm>
          <a:solidFill>
            <a:schemeClr val="bg1"/>
          </a:solidFill>
        </p:grpSpPr>
        <p:sp>
          <p:nvSpPr>
            <p:cNvPr id="1057" name="Freeform 33"/>
            <p:cNvSpPr>
              <a:spLocks/>
            </p:cNvSpPr>
            <p:nvPr userDrawn="1"/>
          </p:nvSpPr>
          <p:spPr bwMode="auto">
            <a:xfrm>
              <a:off x="1425" y="3789"/>
              <a:ext cx="90" cy="20"/>
            </a:xfrm>
            <a:custGeom>
              <a:avLst/>
              <a:gdLst/>
              <a:ahLst/>
              <a:cxnLst>
                <a:cxn ang="0">
                  <a:pos x="49" y="28"/>
                </a:cxn>
                <a:cxn ang="0">
                  <a:pos x="16" y="28"/>
                </a:cxn>
                <a:cxn ang="0">
                  <a:pos x="0" y="15"/>
                </a:cxn>
                <a:cxn ang="0">
                  <a:pos x="0" y="13"/>
                </a:cxn>
                <a:cxn ang="0">
                  <a:pos x="16" y="0"/>
                </a:cxn>
                <a:cxn ang="0">
                  <a:pos x="49" y="0"/>
                </a:cxn>
                <a:cxn ang="0">
                  <a:pos x="78" y="0"/>
                </a:cxn>
                <a:cxn ang="0">
                  <a:pos x="111" y="0"/>
                </a:cxn>
                <a:cxn ang="0">
                  <a:pos x="126" y="13"/>
                </a:cxn>
                <a:cxn ang="0">
                  <a:pos x="126" y="15"/>
                </a:cxn>
                <a:cxn ang="0">
                  <a:pos x="111" y="28"/>
                </a:cxn>
                <a:cxn ang="0">
                  <a:pos x="78" y="28"/>
                </a:cxn>
                <a:cxn ang="0">
                  <a:pos x="49" y="28"/>
                </a:cxn>
              </a:cxnLst>
              <a:rect l="0" t="0" r="r" b="b"/>
              <a:pathLst>
                <a:path w="126" h="28">
                  <a:moveTo>
                    <a:pt x="49" y="28"/>
                  </a:moveTo>
                  <a:cubicBezTo>
                    <a:pt x="16" y="28"/>
                    <a:pt x="16" y="28"/>
                    <a:pt x="16" y="28"/>
                  </a:cubicBezTo>
                  <a:cubicBezTo>
                    <a:pt x="5" y="28"/>
                    <a:pt x="0" y="22"/>
                    <a:pt x="0" y="15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5"/>
                    <a:pt x="5" y="0"/>
                    <a:pt x="16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78" y="0"/>
                    <a:pt x="78" y="0"/>
                    <a:pt x="78" y="0"/>
                  </a:cubicBezTo>
                  <a:cubicBezTo>
                    <a:pt x="111" y="0"/>
                    <a:pt x="111" y="0"/>
                    <a:pt x="111" y="0"/>
                  </a:cubicBezTo>
                  <a:cubicBezTo>
                    <a:pt x="122" y="0"/>
                    <a:pt x="126" y="5"/>
                    <a:pt x="126" y="13"/>
                  </a:cubicBezTo>
                  <a:cubicBezTo>
                    <a:pt x="126" y="15"/>
                    <a:pt x="126" y="15"/>
                    <a:pt x="126" y="15"/>
                  </a:cubicBezTo>
                  <a:cubicBezTo>
                    <a:pt x="126" y="22"/>
                    <a:pt x="122" y="28"/>
                    <a:pt x="111" y="28"/>
                  </a:cubicBezTo>
                  <a:cubicBezTo>
                    <a:pt x="78" y="28"/>
                    <a:pt x="78" y="28"/>
                    <a:pt x="78" y="28"/>
                  </a:cubicBezTo>
                  <a:lnTo>
                    <a:pt x="49" y="2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58" name="Freeform 34"/>
            <p:cNvSpPr>
              <a:spLocks/>
            </p:cNvSpPr>
            <p:nvPr userDrawn="1"/>
          </p:nvSpPr>
          <p:spPr bwMode="auto">
            <a:xfrm>
              <a:off x="1425" y="3830"/>
              <a:ext cx="90" cy="20"/>
            </a:xfrm>
            <a:custGeom>
              <a:avLst/>
              <a:gdLst/>
              <a:ahLst/>
              <a:cxnLst>
                <a:cxn ang="0">
                  <a:pos x="49" y="28"/>
                </a:cxn>
                <a:cxn ang="0">
                  <a:pos x="16" y="28"/>
                </a:cxn>
                <a:cxn ang="0">
                  <a:pos x="0" y="15"/>
                </a:cxn>
                <a:cxn ang="0">
                  <a:pos x="0" y="13"/>
                </a:cxn>
                <a:cxn ang="0">
                  <a:pos x="16" y="0"/>
                </a:cxn>
                <a:cxn ang="0">
                  <a:pos x="49" y="0"/>
                </a:cxn>
                <a:cxn ang="0">
                  <a:pos x="78" y="0"/>
                </a:cxn>
                <a:cxn ang="0">
                  <a:pos x="111" y="0"/>
                </a:cxn>
                <a:cxn ang="0">
                  <a:pos x="126" y="13"/>
                </a:cxn>
                <a:cxn ang="0">
                  <a:pos x="126" y="15"/>
                </a:cxn>
                <a:cxn ang="0">
                  <a:pos x="111" y="28"/>
                </a:cxn>
                <a:cxn ang="0">
                  <a:pos x="78" y="28"/>
                </a:cxn>
                <a:cxn ang="0">
                  <a:pos x="49" y="28"/>
                </a:cxn>
              </a:cxnLst>
              <a:rect l="0" t="0" r="r" b="b"/>
              <a:pathLst>
                <a:path w="126" h="28">
                  <a:moveTo>
                    <a:pt x="49" y="28"/>
                  </a:moveTo>
                  <a:cubicBezTo>
                    <a:pt x="16" y="28"/>
                    <a:pt x="16" y="28"/>
                    <a:pt x="16" y="28"/>
                  </a:cubicBezTo>
                  <a:cubicBezTo>
                    <a:pt x="5" y="28"/>
                    <a:pt x="0" y="22"/>
                    <a:pt x="0" y="15"/>
                  </a:cubicBezTo>
                  <a:cubicBezTo>
                    <a:pt x="0" y="13"/>
                    <a:pt x="0" y="13"/>
                    <a:pt x="0" y="13"/>
                  </a:cubicBezTo>
                  <a:cubicBezTo>
                    <a:pt x="0" y="5"/>
                    <a:pt x="5" y="0"/>
                    <a:pt x="16" y="0"/>
                  </a:cubicBezTo>
                  <a:cubicBezTo>
                    <a:pt x="49" y="0"/>
                    <a:pt x="49" y="0"/>
                    <a:pt x="49" y="0"/>
                  </a:cubicBezTo>
                  <a:cubicBezTo>
                    <a:pt x="78" y="0"/>
                    <a:pt x="78" y="0"/>
                    <a:pt x="78" y="0"/>
                  </a:cubicBezTo>
                  <a:cubicBezTo>
                    <a:pt x="111" y="0"/>
                    <a:pt x="111" y="0"/>
                    <a:pt x="111" y="0"/>
                  </a:cubicBezTo>
                  <a:cubicBezTo>
                    <a:pt x="122" y="0"/>
                    <a:pt x="126" y="5"/>
                    <a:pt x="126" y="13"/>
                  </a:cubicBezTo>
                  <a:cubicBezTo>
                    <a:pt x="126" y="15"/>
                    <a:pt x="126" y="15"/>
                    <a:pt x="126" y="15"/>
                  </a:cubicBezTo>
                  <a:cubicBezTo>
                    <a:pt x="126" y="22"/>
                    <a:pt x="122" y="28"/>
                    <a:pt x="111" y="28"/>
                  </a:cubicBezTo>
                  <a:cubicBezTo>
                    <a:pt x="78" y="28"/>
                    <a:pt x="78" y="28"/>
                    <a:pt x="78" y="28"/>
                  </a:cubicBezTo>
                  <a:lnTo>
                    <a:pt x="49" y="2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062" name="Freeform 38"/>
          <p:cNvSpPr>
            <a:spLocks/>
          </p:cNvSpPr>
          <p:nvPr userDrawn="1"/>
        </p:nvSpPr>
        <p:spPr bwMode="auto">
          <a:xfrm>
            <a:off x="2584450" y="6048375"/>
            <a:ext cx="141288" cy="31750"/>
          </a:xfrm>
          <a:custGeom>
            <a:avLst/>
            <a:gdLst/>
            <a:ahLst/>
            <a:cxnLst>
              <a:cxn ang="0">
                <a:pos x="49" y="28"/>
              </a:cxn>
              <a:cxn ang="0">
                <a:pos x="16" y="28"/>
              </a:cxn>
              <a:cxn ang="0">
                <a:pos x="0" y="15"/>
              </a:cxn>
              <a:cxn ang="0">
                <a:pos x="0" y="13"/>
              </a:cxn>
              <a:cxn ang="0">
                <a:pos x="16" y="0"/>
              </a:cxn>
              <a:cxn ang="0">
                <a:pos x="49" y="0"/>
              </a:cxn>
              <a:cxn ang="0">
                <a:pos x="78" y="0"/>
              </a:cxn>
              <a:cxn ang="0">
                <a:pos x="111" y="0"/>
              </a:cxn>
              <a:cxn ang="0">
                <a:pos x="126" y="13"/>
              </a:cxn>
              <a:cxn ang="0">
                <a:pos x="126" y="15"/>
              </a:cxn>
              <a:cxn ang="0">
                <a:pos x="111" y="28"/>
              </a:cxn>
              <a:cxn ang="0">
                <a:pos x="78" y="28"/>
              </a:cxn>
              <a:cxn ang="0">
                <a:pos x="49" y="28"/>
              </a:cxn>
            </a:cxnLst>
            <a:rect l="0" t="0" r="r" b="b"/>
            <a:pathLst>
              <a:path w="126" h="28">
                <a:moveTo>
                  <a:pt x="49" y="28"/>
                </a:moveTo>
                <a:cubicBezTo>
                  <a:pt x="16" y="28"/>
                  <a:pt x="16" y="28"/>
                  <a:pt x="16" y="28"/>
                </a:cubicBezTo>
                <a:cubicBezTo>
                  <a:pt x="5" y="28"/>
                  <a:pt x="0" y="23"/>
                  <a:pt x="0" y="15"/>
                </a:cubicBezTo>
                <a:cubicBezTo>
                  <a:pt x="0" y="13"/>
                  <a:pt x="0" y="13"/>
                  <a:pt x="0" y="13"/>
                </a:cubicBezTo>
                <a:cubicBezTo>
                  <a:pt x="0" y="6"/>
                  <a:pt x="5" y="0"/>
                  <a:pt x="16" y="0"/>
                </a:cubicBezTo>
                <a:cubicBezTo>
                  <a:pt x="49" y="0"/>
                  <a:pt x="49" y="0"/>
                  <a:pt x="49" y="0"/>
                </a:cubicBezTo>
                <a:cubicBezTo>
                  <a:pt x="78" y="0"/>
                  <a:pt x="78" y="0"/>
                  <a:pt x="78" y="0"/>
                </a:cubicBezTo>
                <a:cubicBezTo>
                  <a:pt x="111" y="0"/>
                  <a:pt x="111" y="0"/>
                  <a:pt x="111" y="0"/>
                </a:cubicBezTo>
                <a:cubicBezTo>
                  <a:pt x="122" y="0"/>
                  <a:pt x="126" y="6"/>
                  <a:pt x="126" y="13"/>
                </a:cubicBezTo>
                <a:cubicBezTo>
                  <a:pt x="126" y="15"/>
                  <a:pt x="126" y="15"/>
                  <a:pt x="126" y="15"/>
                </a:cubicBezTo>
                <a:cubicBezTo>
                  <a:pt x="126" y="23"/>
                  <a:pt x="122" y="28"/>
                  <a:pt x="111" y="28"/>
                </a:cubicBezTo>
                <a:cubicBezTo>
                  <a:pt x="78" y="28"/>
                  <a:pt x="78" y="28"/>
                  <a:pt x="78" y="28"/>
                </a:cubicBezTo>
                <a:lnTo>
                  <a:pt x="49" y="28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66" name="Freeform 42"/>
          <p:cNvSpPr>
            <a:spLocks/>
          </p:cNvSpPr>
          <p:nvPr userDrawn="1"/>
        </p:nvSpPr>
        <p:spPr bwMode="auto">
          <a:xfrm>
            <a:off x="2901950" y="5992813"/>
            <a:ext cx="142875" cy="144462"/>
          </a:xfrm>
          <a:custGeom>
            <a:avLst/>
            <a:gdLst/>
            <a:ahLst/>
            <a:cxnLst>
              <a:cxn ang="0">
                <a:pos x="16" y="76"/>
              </a:cxn>
              <a:cxn ang="0">
                <a:pos x="0" y="63"/>
              </a:cxn>
              <a:cxn ang="0">
                <a:pos x="0" y="61"/>
              </a:cxn>
              <a:cxn ang="0">
                <a:pos x="16" y="49"/>
              </a:cxn>
              <a:cxn ang="0">
                <a:pos x="49" y="49"/>
              </a:cxn>
              <a:cxn ang="0">
                <a:pos x="49" y="15"/>
              </a:cxn>
              <a:cxn ang="0">
                <a:pos x="62" y="0"/>
              </a:cxn>
              <a:cxn ang="0">
                <a:pos x="65" y="0"/>
              </a:cxn>
              <a:cxn ang="0">
                <a:pos x="78" y="15"/>
              </a:cxn>
              <a:cxn ang="0">
                <a:pos x="78" y="49"/>
              </a:cxn>
              <a:cxn ang="0">
                <a:pos x="111" y="49"/>
              </a:cxn>
              <a:cxn ang="0">
                <a:pos x="126" y="61"/>
              </a:cxn>
              <a:cxn ang="0">
                <a:pos x="126" y="63"/>
              </a:cxn>
              <a:cxn ang="0">
                <a:pos x="111" y="76"/>
              </a:cxn>
              <a:cxn ang="0">
                <a:pos x="78" y="76"/>
              </a:cxn>
              <a:cxn ang="0">
                <a:pos x="78" y="112"/>
              </a:cxn>
              <a:cxn ang="0">
                <a:pos x="65" y="127"/>
              </a:cxn>
              <a:cxn ang="0">
                <a:pos x="62" y="127"/>
              </a:cxn>
              <a:cxn ang="0">
                <a:pos x="49" y="112"/>
              </a:cxn>
              <a:cxn ang="0">
                <a:pos x="49" y="76"/>
              </a:cxn>
              <a:cxn ang="0">
                <a:pos x="16" y="76"/>
              </a:cxn>
            </a:cxnLst>
            <a:rect l="0" t="0" r="r" b="b"/>
            <a:pathLst>
              <a:path w="126" h="127">
                <a:moveTo>
                  <a:pt x="16" y="76"/>
                </a:moveTo>
                <a:cubicBezTo>
                  <a:pt x="5" y="76"/>
                  <a:pt x="0" y="71"/>
                  <a:pt x="0" y="63"/>
                </a:cubicBezTo>
                <a:cubicBezTo>
                  <a:pt x="0" y="61"/>
                  <a:pt x="0" y="61"/>
                  <a:pt x="0" y="61"/>
                </a:cubicBezTo>
                <a:cubicBezTo>
                  <a:pt x="0" y="54"/>
                  <a:pt x="5" y="49"/>
                  <a:pt x="16" y="49"/>
                </a:cubicBezTo>
                <a:cubicBezTo>
                  <a:pt x="49" y="49"/>
                  <a:pt x="49" y="49"/>
                  <a:pt x="49" y="49"/>
                </a:cubicBezTo>
                <a:cubicBezTo>
                  <a:pt x="49" y="15"/>
                  <a:pt x="49" y="15"/>
                  <a:pt x="49" y="15"/>
                </a:cubicBezTo>
                <a:cubicBezTo>
                  <a:pt x="49" y="4"/>
                  <a:pt x="54" y="0"/>
                  <a:pt x="62" y="0"/>
                </a:cubicBezTo>
                <a:cubicBezTo>
                  <a:pt x="65" y="0"/>
                  <a:pt x="65" y="0"/>
                  <a:pt x="65" y="0"/>
                </a:cubicBezTo>
                <a:cubicBezTo>
                  <a:pt x="72" y="0"/>
                  <a:pt x="78" y="4"/>
                  <a:pt x="78" y="15"/>
                </a:cubicBezTo>
                <a:cubicBezTo>
                  <a:pt x="78" y="49"/>
                  <a:pt x="78" y="49"/>
                  <a:pt x="78" y="49"/>
                </a:cubicBezTo>
                <a:cubicBezTo>
                  <a:pt x="111" y="49"/>
                  <a:pt x="111" y="49"/>
                  <a:pt x="111" y="49"/>
                </a:cubicBezTo>
                <a:cubicBezTo>
                  <a:pt x="122" y="49"/>
                  <a:pt x="126" y="54"/>
                  <a:pt x="126" y="61"/>
                </a:cubicBezTo>
                <a:cubicBezTo>
                  <a:pt x="126" y="63"/>
                  <a:pt x="126" y="63"/>
                  <a:pt x="126" y="63"/>
                </a:cubicBezTo>
                <a:cubicBezTo>
                  <a:pt x="126" y="71"/>
                  <a:pt x="122" y="76"/>
                  <a:pt x="111" y="76"/>
                </a:cubicBezTo>
                <a:cubicBezTo>
                  <a:pt x="78" y="76"/>
                  <a:pt x="78" y="76"/>
                  <a:pt x="78" y="76"/>
                </a:cubicBezTo>
                <a:cubicBezTo>
                  <a:pt x="78" y="112"/>
                  <a:pt x="78" y="112"/>
                  <a:pt x="78" y="112"/>
                </a:cubicBezTo>
                <a:cubicBezTo>
                  <a:pt x="78" y="122"/>
                  <a:pt x="72" y="127"/>
                  <a:pt x="65" y="127"/>
                </a:cubicBezTo>
                <a:cubicBezTo>
                  <a:pt x="62" y="127"/>
                  <a:pt x="62" y="127"/>
                  <a:pt x="62" y="127"/>
                </a:cubicBezTo>
                <a:cubicBezTo>
                  <a:pt x="54" y="127"/>
                  <a:pt x="49" y="122"/>
                  <a:pt x="49" y="112"/>
                </a:cubicBezTo>
                <a:cubicBezTo>
                  <a:pt x="49" y="76"/>
                  <a:pt x="49" y="76"/>
                  <a:pt x="49" y="76"/>
                </a:cubicBezTo>
                <a:lnTo>
                  <a:pt x="16" y="76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158" name="Group 45"/>
          <p:cNvGrpSpPr>
            <a:grpSpLocks noChangeAspect="1"/>
          </p:cNvGrpSpPr>
          <p:nvPr userDrawn="1"/>
        </p:nvGrpSpPr>
        <p:grpSpPr bwMode="auto">
          <a:xfrm>
            <a:off x="3222624" y="5999160"/>
            <a:ext cx="134937" cy="131762"/>
            <a:chOff x="2030" y="3779"/>
            <a:chExt cx="85" cy="83"/>
          </a:xfrm>
          <a:solidFill>
            <a:schemeClr val="bg1"/>
          </a:solidFill>
        </p:grpSpPr>
        <p:sp>
          <p:nvSpPr>
            <p:cNvPr id="1070" name="Freeform 46"/>
            <p:cNvSpPr>
              <a:spLocks noEditPoints="1"/>
            </p:cNvSpPr>
            <p:nvPr userDrawn="1"/>
          </p:nvSpPr>
          <p:spPr bwMode="auto">
            <a:xfrm>
              <a:off x="2030" y="3780"/>
              <a:ext cx="85" cy="82"/>
            </a:xfrm>
            <a:custGeom>
              <a:avLst/>
              <a:gdLst/>
              <a:ahLst/>
              <a:cxnLst>
                <a:cxn ang="0">
                  <a:pos x="28" y="54"/>
                </a:cxn>
                <a:cxn ang="0">
                  <a:pos x="16" y="52"/>
                </a:cxn>
                <a:cxn ang="0">
                  <a:pos x="7" y="46"/>
                </a:cxn>
                <a:cxn ang="0">
                  <a:pos x="2" y="38"/>
                </a:cxn>
                <a:cxn ang="0">
                  <a:pos x="0" y="27"/>
                </a:cxn>
                <a:cxn ang="0">
                  <a:pos x="0" y="26"/>
                </a:cxn>
                <a:cxn ang="0">
                  <a:pos x="2" y="15"/>
                </a:cxn>
                <a:cxn ang="0">
                  <a:pos x="8" y="7"/>
                </a:cxn>
                <a:cxn ang="0">
                  <a:pos x="16" y="2"/>
                </a:cxn>
                <a:cxn ang="0">
                  <a:pos x="28" y="0"/>
                </a:cxn>
                <a:cxn ang="0">
                  <a:pos x="39" y="2"/>
                </a:cxn>
                <a:cxn ang="0">
                  <a:pos x="48" y="7"/>
                </a:cxn>
                <a:cxn ang="0">
                  <a:pos x="53" y="15"/>
                </a:cxn>
                <a:cxn ang="0">
                  <a:pos x="55" y="26"/>
                </a:cxn>
                <a:cxn ang="0">
                  <a:pos x="55" y="27"/>
                </a:cxn>
                <a:cxn ang="0">
                  <a:pos x="53" y="38"/>
                </a:cxn>
                <a:cxn ang="0">
                  <a:pos x="48" y="46"/>
                </a:cxn>
                <a:cxn ang="0">
                  <a:pos x="39" y="52"/>
                </a:cxn>
                <a:cxn ang="0">
                  <a:pos x="28" y="54"/>
                </a:cxn>
                <a:cxn ang="0">
                  <a:pos x="28" y="41"/>
                </a:cxn>
                <a:cxn ang="0">
                  <a:pos x="36" y="37"/>
                </a:cxn>
                <a:cxn ang="0">
                  <a:pos x="39" y="28"/>
                </a:cxn>
                <a:cxn ang="0">
                  <a:pos x="39" y="25"/>
                </a:cxn>
                <a:cxn ang="0">
                  <a:pos x="36" y="16"/>
                </a:cxn>
                <a:cxn ang="0">
                  <a:pos x="28" y="13"/>
                </a:cxn>
                <a:cxn ang="0">
                  <a:pos x="19" y="16"/>
                </a:cxn>
                <a:cxn ang="0">
                  <a:pos x="16" y="25"/>
                </a:cxn>
                <a:cxn ang="0">
                  <a:pos x="16" y="28"/>
                </a:cxn>
                <a:cxn ang="0">
                  <a:pos x="20" y="37"/>
                </a:cxn>
                <a:cxn ang="0">
                  <a:pos x="28" y="41"/>
                </a:cxn>
                <a:cxn ang="0">
                  <a:pos x="91" y="113"/>
                </a:cxn>
                <a:cxn ang="0">
                  <a:pos x="80" y="111"/>
                </a:cxn>
                <a:cxn ang="0">
                  <a:pos x="71" y="106"/>
                </a:cxn>
                <a:cxn ang="0">
                  <a:pos x="65" y="97"/>
                </a:cxn>
                <a:cxn ang="0">
                  <a:pos x="63" y="87"/>
                </a:cxn>
                <a:cxn ang="0">
                  <a:pos x="63" y="85"/>
                </a:cxn>
                <a:cxn ang="0">
                  <a:pos x="65" y="75"/>
                </a:cxn>
                <a:cxn ang="0">
                  <a:pos x="71" y="66"/>
                </a:cxn>
                <a:cxn ang="0">
                  <a:pos x="80" y="61"/>
                </a:cxn>
                <a:cxn ang="0">
                  <a:pos x="91" y="59"/>
                </a:cxn>
                <a:cxn ang="0">
                  <a:pos x="102" y="61"/>
                </a:cxn>
                <a:cxn ang="0">
                  <a:pos x="111" y="66"/>
                </a:cxn>
                <a:cxn ang="0">
                  <a:pos x="117" y="75"/>
                </a:cxn>
                <a:cxn ang="0">
                  <a:pos x="119" y="85"/>
                </a:cxn>
                <a:cxn ang="0">
                  <a:pos x="119" y="87"/>
                </a:cxn>
                <a:cxn ang="0">
                  <a:pos x="117" y="97"/>
                </a:cxn>
                <a:cxn ang="0">
                  <a:pos x="111" y="106"/>
                </a:cxn>
                <a:cxn ang="0">
                  <a:pos x="102" y="111"/>
                </a:cxn>
                <a:cxn ang="0">
                  <a:pos x="91" y="113"/>
                </a:cxn>
                <a:cxn ang="0">
                  <a:pos x="91" y="100"/>
                </a:cxn>
                <a:cxn ang="0">
                  <a:pos x="99" y="96"/>
                </a:cxn>
                <a:cxn ang="0">
                  <a:pos x="102" y="87"/>
                </a:cxn>
                <a:cxn ang="0">
                  <a:pos x="102" y="85"/>
                </a:cxn>
                <a:cxn ang="0">
                  <a:pos x="99" y="75"/>
                </a:cxn>
                <a:cxn ang="0">
                  <a:pos x="91" y="72"/>
                </a:cxn>
                <a:cxn ang="0">
                  <a:pos x="83" y="75"/>
                </a:cxn>
                <a:cxn ang="0">
                  <a:pos x="80" y="85"/>
                </a:cxn>
                <a:cxn ang="0">
                  <a:pos x="80" y="87"/>
                </a:cxn>
                <a:cxn ang="0">
                  <a:pos x="83" y="96"/>
                </a:cxn>
                <a:cxn ang="0">
                  <a:pos x="91" y="100"/>
                </a:cxn>
              </a:cxnLst>
              <a:rect l="0" t="0" r="r" b="b"/>
              <a:pathLst>
                <a:path w="119" h="113">
                  <a:moveTo>
                    <a:pt x="28" y="54"/>
                  </a:moveTo>
                  <a:cubicBezTo>
                    <a:pt x="23" y="54"/>
                    <a:pt x="20" y="53"/>
                    <a:pt x="16" y="52"/>
                  </a:cubicBezTo>
                  <a:cubicBezTo>
                    <a:pt x="13" y="50"/>
                    <a:pt x="10" y="49"/>
                    <a:pt x="7" y="46"/>
                  </a:cubicBezTo>
                  <a:cubicBezTo>
                    <a:pt x="5" y="44"/>
                    <a:pt x="3" y="41"/>
                    <a:pt x="2" y="38"/>
                  </a:cubicBezTo>
                  <a:cubicBezTo>
                    <a:pt x="0" y="35"/>
                    <a:pt x="0" y="31"/>
                    <a:pt x="0" y="27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22"/>
                    <a:pt x="0" y="19"/>
                    <a:pt x="2" y="15"/>
                  </a:cubicBezTo>
                  <a:cubicBezTo>
                    <a:pt x="3" y="12"/>
                    <a:pt x="5" y="9"/>
                    <a:pt x="8" y="7"/>
                  </a:cubicBezTo>
                  <a:cubicBezTo>
                    <a:pt x="10" y="5"/>
                    <a:pt x="13" y="3"/>
                    <a:pt x="16" y="2"/>
                  </a:cubicBezTo>
                  <a:cubicBezTo>
                    <a:pt x="20" y="0"/>
                    <a:pt x="24" y="0"/>
                    <a:pt x="28" y="0"/>
                  </a:cubicBezTo>
                  <a:cubicBezTo>
                    <a:pt x="32" y="0"/>
                    <a:pt x="36" y="0"/>
                    <a:pt x="39" y="2"/>
                  </a:cubicBezTo>
                  <a:cubicBezTo>
                    <a:pt x="42" y="3"/>
                    <a:pt x="45" y="5"/>
                    <a:pt x="48" y="7"/>
                  </a:cubicBezTo>
                  <a:cubicBezTo>
                    <a:pt x="50" y="9"/>
                    <a:pt x="52" y="12"/>
                    <a:pt x="53" y="15"/>
                  </a:cubicBezTo>
                  <a:cubicBezTo>
                    <a:pt x="55" y="19"/>
                    <a:pt x="55" y="22"/>
                    <a:pt x="55" y="26"/>
                  </a:cubicBezTo>
                  <a:cubicBezTo>
                    <a:pt x="55" y="27"/>
                    <a:pt x="55" y="27"/>
                    <a:pt x="55" y="27"/>
                  </a:cubicBezTo>
                  <a:cubicBezTo>
                    <a:pt x="55" y="31"/>
                    <a:pt x="55" y="35"/>
                    <a:pt x="53" y="38"/>
                  </a:cubicBezTo>
                  <a:cubicBezTo>
                    <a:pt x="52" y="41"/>
                    <a:pt x="50" y="44"/>
                    <a:pt x="48" y="46"/>
                  </a:cubicBezTo>
                  <a:cubicBezTo>
                    <a:pt x="45" y="49"/>
                    <a:pt x="42" y="50"/>
                    <a:pt x="39" y="52"/>
                  </a:cubicBezTo>
                  <a:cubicBezTo>
                    <a:pt x="35" y="53"/>
                    <a:pt x="32" y="54"/>
                    <a:pt x="28" y="54"/>
                  </a:cubicBezTo>
                  <a:close/>
                  <a:moveTo>
                    <a:pt x="28" y="41"/>
                  </a:moveTo>
                  <a:cubicBezTo>
                    <a:pt x="31" y="41"/>
                    <a:pt x="34" y="39"/>
                    <a:pt x="36" y="37"/>
                  </a:cubicBezTo>
                  <a:cubicBezTo>
                    <a:pt x="38" y="35"/>
                    <a:pt x="39" y="32"/>
                    <a:pt x="39" y="28"/>
                  </a:cubicBezTo>
                  <a:cubicBezTo>
                    <a:pt x="39" y="25"/>
                    <a:pt x="39" y="25"/>
                    <a:pt x="39" y="25"/>
                  </a:cubicBezTo>
                  <a:cubicBezTo>
                    <a:pt x="39" y="21"/>
                    <a:pt x="38" y="18"/>
                    <a:pt x="36" y="16"/>
                  </a:cubicBezTo>
                  <a:cubicBezTo>
                    <a:pt x="34" y="14"/>
                    <a:pt x="31" y="13"/>
                    <a:pt x="28" y="13"/>
                  </a:cubicBezTo>
                  <a:cubicBezTo>
                    <a:pt x="24" y="13"/>
                    <a:pt x="22" y="14"/>
                    <a:pt x="19" y="16"/>
                  </a:cubicBezTo>
                  <a:cubicBezTo>
                    <a:pt x="17" y="18"/>
                    <a:pt x="16" y="21"/>
                    <a:pt x="16" y="25"/>
                  </a:cubicBezTo>
                  <a:cubicBezTo>
                    <a:pt x="16" y="28"/>
                    <a:pt x="16" y="28"/>
                    <a:pt x="16" y="28"/>
                  </a:cubicBezTo>
                  <a:cubicBezTo>
                    <a:pt x="16" y="32"/>
                    <a:pt x="17" y="35"/>
                    <a:pt x="20" y="37"/>
                  </a:cubicBezTo>
                  <a:cubicBezTo>
                    <a:pt x="22" y="39"/>
                    <a:pt x="24" y="41"/>
                    <a:pt x="28" y="41"/>
                  </a:cubicBezTo>
                  <a:close/>
                  <a:moveTo>
                    <a:pt x="91" y="113"/>
                  </a:moveTo>
                  <a:cubicBezTo>
                    <a:pt x="87" y="113"/>
                    <a:pt x="83" y="112"/>
                    <a:pt x="80" y="111"/>
                  </a:cubicBezTo>
                  <a:cubicBezTo>
                    <a:pt x="76" y="110"/>
                    <a:pt x="73" y="108"/>
                    <a:pt x="71" y="106"/>
                  </a:cubicBezTo>
                  <a:cubicBezTo>
                    <a:pt x="69" y="103"/>
                    <a:pt x="67" y="101"/>
                    <a:pt x="65" y="97"/>
                  </a:cubicBezTo>
                  <a:cubicBezTo>
                    <a:pt x="64" y="94"/>
                    <a:pt x="63" y="91"/>
                    <a:pt x="63" y="87"/>
                  </a:cubicBezTo>
                  <a:cubicBezTo>
                    <a:pt x="63" y="85"/>
                    <a:pt x="63" y="85"/>
                    <a:pt x="63" y="85"/>
                  </a:cubicBezTo>
                  <a:cubicBezTo>
                    <a:pt x="63" y="82"/>
                    <a:pt x="64" y="78"/>
                    <a:pt x="65" y="75"/>
                  </a:cubicBezTo>
                  <a:cubicBezTo>
                    <a:pt x="67" y="72"/>
                    <a:pt x="69" y="69"/>
                    <a:pt x="71" y="66"/>
                  </a:cubicBezTo>
                  <a:cubicBezTo>
                    <a:pt x="74" y="64"/>
                    <a:pt x="77" y="62"/>
                    <a:pt x="80" y="61"/>
                  </a:cubicBezTo>
                  <a:cubicBezTo>
                    <a:pt x="83" y="60"/>
                    <a:pt x="87" y="59"/>
                    <a:pt x="91" y="59"/>
                  </a:cubicBezTo>
                  <a:cubicBezTo>
                    <a:pt x="95" y="59"/>
                    <a:pt x="99" y="60"/>
                    <a:pt x="102" y="61"/>
                  </a:cubicBezTo>
                  <a:cubicBezTo>
                    <a:pt x="106" y="62"/>
                    <a:pt x="109" y="64"/>
                    <a:pt x="111" y="66"/>
                  </a:cubicBezTo>
                  <a:cubicBezTo>
                    <a:pt x="114" y="69"/>
                    <a:pt x="116" y="71"/>
                    <a:pt x="117" y="75"/>
                  </a:cubicBezTo>
                  <a:cubicBezTo>
                    <a:pt x="118" y="78"/>
                    <a:pt x="119" y="81"/>
                    <a:pt x="119" y="85"/>
                  </a:cubicBezTo>
                  <a:cubicBezTo>
                    <a:pt x="119" y="87"/>
                    <a:pt x="119" y="87"/>
                    <a:pt x="119" y="87"/>
                  </a:cubicBezTo>
                  <a:cubicBezTo>
                    <a:pt x="119" y="90"/>
                    <a:pt x="118" y="94"/>
                    <a:pt x="117" y="97"/>
                  </a:cubicBezTo>
                  <a:cubicBezTo>
                    <a:pt x="116" y="100"/>
                    <a:pt x="114" y="103"/>
                    <a:pt x="111" y="106"/>
                  </a:cubicBezTo>
                  <a:cubicBezTo>
                    <a:pt x="109" y="108"/>
                    <a:pt x="106" y="110"/>
                    <a:pt x="102" y="111"/>
                  </a:cubicBezTo>
                  <a:cubicBezTo>
                    <a:pt x="99" y="112"/>
                    <a:pt x="95" y="113"/>
                    <a:pt x="91" y="113"/>
                  </a:cubicBezTo>
                  <a:close/>
                  <a:moveTo>
                    <a:pt x="91" y="100"/>
                  </a:moveTo>
                  <a:cubicBezTo>
                    <a:pt x="94" y="100"/>
                    <a:pt x="97" y="99"/>
                    <a:pt x="99" y="96"/>
                  </a:cubicBezTo>
                  <a:cubicBezTo>
                    <a:pt x="101" y="94"/>
                    <a:pt x="102" y="91"/>
                    <a:pt x="102" y="87"/>
                  </a:cubicBezTo>
                  <a:cubicBezTo>
                    <a:pt x="102" y="85"/>
                    <a:pt x="102" y="85"/>
                    <a:pt x="102" y="85"/>
                  </a:cubicBezTo>
                  <a:cubicBezTo>
                    <a:pt x="102" y="81"/>
                    <a:pt x="101" y="78"/>
                    <a:pt x="99" y="75"/>
                  </a:cubicBezTo>
                  <a:cubicBezTo>
                    <a:pt x="97" y="73"/>
                    <a:pt x="94" y="72"/>
                    <a:pt x="91" y="72"/>
                  </a:cubicBezTo>
                  <a:cubicBezTo>
                    <a:pt x="88" y="72"/>
                    <a:pt x="85" y="73"/>
                    <a:pt x="83" y="75"/>
                  </a:cubicBezTo>
                  <a:cubicBezTo>
                    <a:pt x="81" y="78"/>
                    <a:pt x="80" y="81"/>
                    <a:pt x="80" y="85"/>
                  </a:cubicBezTo>
                  <a:cubicBezTo>
                    <a:pt x="80" y="87"/>
                    <a:pt x="80" y="87"/>
                    <a:pt x="80" y="87"/>
                  </a:cubicBezTo>
                  <a:cubicBezTo>
                    <a:pt x="80" y="91"/>
                    <a:pt x="81" y="94"/>
                    <a:pt x="83" y="96"/>
                  </a:cubicBezTo>
                  <a:cubicBezTo>
                    <a:pt x="85" y="99"/>
                    <a:pt x="88" y="100"/>
                    <a:pt x="91" y="100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1" name="Freeform 47"/>
            <p:cNvSpPr>
              <a:spLocks/>
            </p:cNvSpPr>
            <p:nvPr userDrawn="1"/>
          </p:nvSpPr>
          <p:spPr bwMode="auto">
            <a:xfrm>
              <a:off x="2036" y="3779"/>
              <a:ext cx="74" cy="83"/>
            </a:xfrm>
            <a:custGeom>
              <a:avLst/>
              <a:gdLst/>
              <a:ahLst/>
              <a:cxnLst>
                <a:cxn ang="0">
                  <a:pos x="35" y="90"/>
                </a:cxn>
                <a:cxn ang="0">
                  <a:pos x="17" y="111"/>
                </a:cxn>
                <a:cxn ang="0">
                  <a:pos x="10" y="116"/>
                </a:cxn>
                <a:cxn ang="0">
                  <a:pos x="4" y="113"/>
                </a:cxn>
                <a:cxn ang="0">
                  <a:pos x="3" y="113"/>
                </a:cxn>
                <a:cxn ang="0">
                  <a:pos x="0" y="107"/>
                </a:cxn>
                <a:cxn ang="0">
                  <a:pos x="4" y="99"/>
                </a:cxn>
                <a:cxn ang="0">
                  <a:pos x="16" y="85"/>
                </a:cxn>
                <a:cxn ang="0">
                  <a:pos x="19" y="82"/>
                </a:cxn>
                <a:cxn ang="0">
                  <a:pos x="66" y="29"/>
                </a:cxn>
                <a:cxn ang="0">
                  <a:pos x="67" y="27"/>
                </a:cxn>
                <a:cxn ang="0">
                  <a:pos x="86" y="5"/>
                </a:cxn>
                <a:cxn ang="0">
                  <a:pos x="99" y="3"/>
                </a:cxn>
                <a:cxn ang="0">
                  <a:pos x="100" y="4"/>
                </a:cxn>
                <a:cxn ang="0">
                  <a:pos x="100" y="17"/>
                </a:cxn>
                <a:cxn ang="0">
                  <a:pos x="80" y="39"/>
                </a:cxn>
                <a:cxn ang="0">
                  <a:pos x="76" y="44"/>
                </a:cxn>
                <a:cxn ang="0">
                  <a:pos x="35" y="91"/>
                </a:cxn>
              </a:cxnLst>
              <a:rect l="0" t="0" r="r" b="b"/>
              <a:pathLst>
                <a:path w="104" h="116">
                  <a:moveTo>
                    <a:pt x="35" y="90"/>
                  </a:moveTo>
                  <a:cubicBezTo>
                    <a:pt x="17" y="111"/>
                    <a:pt x="17" y="111"/>
                    <a:pt x="17" y="111"/>
                  </a:cubicBezTo>
                  <a:cubicBezTo>
                    <a:pt x="15" y="114"/>
                    <a:pt x="12" y="115"/>
                    <a:pt x="10" y="116"/>
                  </a:cubicBezTo>
                  <a:cubicBezTo>
                    <a:pt x="8" y="116"/>
                    <a:pt x="6" y="115"/>
                    <a:pt x="4" y="113"/>
                  </a:cubicBezTo>
                  <a:cubicBezTo>
                    <a:pt x="3" y="113"/>
                    <a:pt x="3" y="113"/>
                    <a:pt x="3" y="113"/>
                  </a:cubicBezTo>
                  <a:cubicBezTo>
                    <a:pt x="1" y="111"/>
                    <a:pt x="0" y="109"/>
                    <a:pt x="0" y="107"/>
                  </a:cubicBezTo>
                  <a:cubicBezTo>
                    <a:pt x="0" y="105"/>
                    <a:pt x="1" y="102"/>
                    <a:pt x="4" y="99"/>
                  </a:cubicBezTo>
                  <a:cubicBezTo>
                    <a:pt x="16" y="85"/>
                    <a:pt x="16" y="85"/>
                    <a:pt x="16" y="85"/>
                  </a:cubicBezTo>
                  <a:cubicBezTo>
                    <a:pt x="16" y="85"/>
                    <a:pt x="16" y="85"/>
                    <a:pt x="19" y="82"/>
                  </a:cubicBezTo>
                  <a:cubicBezTo>
                    <a:pt x="66" y="29"/>
                    <a:pt x="66" y="29"/>
                    <a:pt x="66" y="29"/>
                  </a:cubicBezTo>
                  <a:cubicBezTo>
                    <a:pt x="68" y="26"/>
                    <a:pt x="67" y="27"/>
                    <a:pt x="67" y="27"/>
                  </a:cubicBezTo>
                  <a:cubicBezTo>
                    <a:pt x="86" y="5"/>
                    <a:pt x="86" y="5"/>
                    <a:pt x="86" y="5"/>
                  </a:cubicBezTo>
                  <a:cubicBezTo>
                    <a:pt x="91" y="0"/>
                    <a:pt x="95" y="0"/>
                    <a:pt x="99" y="3"/>
                  </a:cubicBezTo>
                  <a:cubicBezTo>
                    <a:pt x="100" y="4"/>
                    <a:pt x="100" y="4"/>
                    <a:pt x="100" y="4"/>
                  </a:cubicBezTo>
                  <a:cubicBezTo>
                    <a:pt x="104" y="7"/>
                    <a:pt x="104" y="11"/>
                    <a:pt x="100" y="17"/>
                  </a:cubicBezTo>
                  <a:cubicBezTo>
                    <a:pt x="80" y="39"/>
                    <a:pt x="80" y="39"/>
                    <a:pt x="80" y="39"/>
                  </a:cubicBezTo>
                  <a:cubicBezTo>
                    <a:pt x="76" y="44"/>
                    <a:pt x="76" y="44"/>
                    <a:pt x="76" y="44"/>
                  </a:cubicBezTo>
                  <a:cubicBezTo>
                    <a:pt x="35" y="91"/>
                    <a:pt x="35" y="91"/>
                    <a:pt x="35" y="91"/>
                  </a:cubicBezTo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159" name="Group 50"/>
          <p:cNvGrpSpPr>
            <a:grpSpLocks noChangeAspect="1"/>
          </p:cNvGrpSpPr>
          <p:nvPr userDrawn="1"/>
        </p:nvGrpSpPr>
        <p:grpSpPr bwMode="auto">
          <a:xfrm>
            <a:off x="3535351" y="5994402"/>
            <a:ext cx="136525" cy="141288"/>
            <a:chOff x="2227" y="3776"/>
            <a:chExt cx="86" cy="89"/>
          </a:xfrm>
          <a:solidFill>
            <a:schemeClr val="bg1"/>
          </a:solidFill>
        </p:grpSpPr>
        <p:sp>
          <p:nvSpPr>
            <p:cNvPr id="1075" name="Freeform 51"/>
            <p:cNvSpPr>
              <a:spLocks/>
            </p:cNvSpPr>
            <p:nvPr userDrawn="1"/>
          </p:nvSpPr>
          <p:spPr bwMode="auto">
            <a:xfrm>
              <a:off x="2227" y="3811"/>
              <a:ext cx="86" cy="19"/>
            </a:xfrm>
            <a:custGeom>
              <a:avLst/>
              <a:gdLst/>
              <a:ahLst/>
              <a:cxnLst>
                <a:cxn ang="0">
                  <a:pos x="46" y="26"/>
                </a:cxn>
                <a:cxn ang="0">
                  <a:pos x="15" y="26"/>
                </a:cxn>
                <a:cxn ang="0">
                  <a:pos x="0" y="14"/>
                </a:cxn>
                <a:cxn ang="0">
                  <a:pos x="0" y="12"/>
                </a:cxn>
                <a:cxn ang="0">
                  <a:pos x="15" y="0"/>
                </a:cxn>
                <a:cxn ang="0">
                  <a:pos x="46" y="0"/>
                </a:cxn>
                <a:cxn ang="0">
                  <a:pos x="74" y="0"/>
                </a:cxn>
                <a:cxn ang="0">
                  <a:pos x="106" y="0"/>
                </a:cxn>
                <a:cxn ang="0">
                  <a:pos x="121" y="12"/>
                </a:cxn>
                <a:cxn ang="0">
                  <a:pos x="121" y="14"/>
                </a:cxn>
                <a:cxn ang="0">
                  <a:pos x="106" y="26"/>
                </a:cxn>
                <a:cxn ang="0">
                  <a:pos x="74" y="26"/>
                </a:cxn>
                <a:cxn ang="0">
                  <a:pos x="46" y="26"/>
                </a:cxn>
              </a:cxnLst>
              <a:rect l="0" t="0" r="r" b="b"/>
              <a:pathLst>
                <a:path w="121" h="26">
                  <a:moveTo>
                    <a:pt x="46" y="26"/>
                  </a:moveTo>
                  <a:cubicBezTo>
                    <a:pt x="15" y="26"/>
                    <a:pt x="15" y="26"/>
                    <a:pt x="15" y="26"/>
                  </a:cubicBezTo>
                  <a:cubicBezTo>
                    <a:pt x="5" y="26"/>
                    <a:pt x="0" y="21"/>
                    <a:pt x="0" y="14"/>
                  </a:cubicBezTo>
                  <a:cubicBezTo>
                    <a:pt x="0" y="12"/>
                    <a:pt x="0" y="12"/>
                    <a:pt x="0" y="12"/>
                  </a:cubicBezTo>
                  <a:cubicBezTo>
                    <a:pt x="0" y="5"/>
                    <a:pt x="5" y="0"/>
                    <a:pt x="15" y="0"/>
                  </a:cubicBezTo>
                  <a:cubicBezTo>
                    <a:pt x="46" y="0"/>
                    <a:pt x="46" y="0"/>
                    <a:pt x="46" y="0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106" y="0"/>
                    <a:pt x="106" y="0"/>
                    <a:pt x="106" y="0"/>
                  </a:cubicBezTo>
                  <a:cubicBezTo>
                    <a:pt x="116" y="0"/>
                    <a:pt x="121" y="5"/>
                    <a:pt x="121" y="12"/>
                  </a:cubicBezTo>
                  <a:cubicBezTo>
                    <a:pt x="121" y="14"/>
                    <a:pt x="121" y="14"/>
                    <a:pt x="121" y="14"/>
                  </a:cubicBezTo>
                  <a:cubicBezTo>
                    <a:pt x="121" y="21"/>
                    <a:pt x="116" y="26"/>
                    <a:pt x="106" y="26"/>
                  </a:cubicBezTo>
                  <a:cubicBezTo>
                    <a:pt x="74" y="26"/>
                    <a:pt x="74" y="26"/>
                    <a:pt x="74" y="26"/>
                  </a:cubicBezTo>
                  <a:lnTo>
                    <a:pt x="46" y="26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6" name="Oval 52"/>
            <p:cNvSpPr>
              <a:spLocks noChangeArrowheads="1"/>
            </p:cNvSpPr>
            <p:nvPr userDrawn="1"/>
          </p:nvSpPr>
          <p:spPr bwMode="auto">
            <a:xfrm>
              <a:off x="2260" y="3776"/>
              <a:ext cx="21" cy="21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7" name="Oval 53"/>
            <p:cNvSpPr>
              <a:spLocks noChangeArrowheads="1"/>
            </p:cNvSpPr>
            <p:nvPr userDrawn="1"/>
          </p:nvSpPr>
          <p:spPr bwMode="auto">
            <a:xfrm>
              <a:off x="2260" y="3845"/>
              <a:ext cx="21" cy="20"/>
            </a:xfrm>
            <a:prstGeom prst="ellipse">
              <a:avLst/>
            </a:pr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081" name="Freeform 57"/>
          <p:cNvSpPr>
            <a:spLocks/>
          </p:cNvSpPr>
          <p:nvPr userDrawn="1"/>
        </p:nvSpPr>
        <p:spPr bwMode="auto">
          <a:xfrm>
            <a:off x="3856038" y="5995988"/>
            <a:ext cx="109537" cy="138112"/>
          </a:xfrm>
          <a:custGeom>
            <a:avLst/>
            <a:gdLst/>
            <a:ahLst/>
            <a:cxnLst>
              <a:cxn ang="0">
                <a:pos x="11" y="73"/>
              </a:cxn>
              <a:cxn ang="0">
                <a:pos x="4" y="70"/>
              </a:cxn>
              <a:cxn ang="0">
                <a:pos x="1" y="65"/>
              </a:cxn>
              <a:cxn ang="0">
                <a:pos x="1" y="63"/>
              </a:cxn>
              <a:cxn ang="0">
                <a:pos x="4" y="58"/>
              </a:cxn>
              <a:cxn ang="0">
                <a:pos x="11" y="55"/>
              </a:cxn>
              <a:cxn ang="0">
                <a:pos x="29" y="55"/>
              </a:cxn>
              <a:cxn ang="0">
                <a:pos x="24" y="49"/>
              </a:cxn>
              <a:cxn ang="0">
                <a:pos x="20" y="41"/>
              </a:cxn>
              <a:cxn ang="0">
                <a:pos x="14" y="34"/>
              </a:cxn>
              <a:cxn ang="0">
                <a:pos x="0" y="12"/>
              </a:cxn>
              <a:cxn ang="0">
                <a:pos x="1" y="9"/>
              </a:cxn>
              <a:cxn ang="0">
                <a:pos x="3" y="6"/>
              </a:cxn>
              <a:cxn ang="0">
                <a:pos x="8" y="2"/>
              </a:cxn>
              <a:cxn ang="0">
                <a:pos x="16" y="1"/>
              </a:cxn>
              <a:cxn ang="0">
                <a:pos x="23" y="3"/>
              </a:cxn>
              <a:cxn ang="0">
                <a:pos x="28" y="10"/>
              </a:cxn>
              <a:cxn ang="0">
                <a:pos x="49" y="48"/>
              </a:cxn>
              <a:cxn ang="0">
                <a:pos x="69" y="10"/>
              </a:cxn>
              <a:cxn ang="0">
                <a:pos x="75" y="3"/>
              </a:cxn>
              <a:cxn ang="0">
                <a:pos x="82" y="0"/>
              </a:cxn>
              <a:cxn ang="0">
                <a:pos x="89" y="2"/>
              </a:cxn>
              <a:cxn ang="0">
                <a:pos x="94" y="6"/>
              </a:cxn>
              <a:cxn ang="0">
                <a:pos x="96" y="9"/>
              </a:cxn>
              <a:cxn ang="0">
                <a:pos x="96" y="12"/>
              </a:cxn>
              <a:cxn ang="0">
                <a:pos x="68" y="55"/>
              </a:cxn>
              <a:cxn ang="0">
                <a:pos x="86" y="55"/>
              </a:cxn>
              <a:cxn ang="0">
                <a:pos x="93" y="58"/>
              </a:cxn>
              <a:cxn ang="0">
                <a:pos x="95" y="63"/>
              </a:cxn>
              <a:cxn ang="0">
                <a:pos x="95" y="65"/>
              </a:cxn>
              <a:cxn ang="0">
                <a:pos x="93" y="70"/>
              </a:cxn>
              <a:cxn ang="0">
                <a:pos x="86" y="73"/>
              </a:cxn>
              <a:cxn ang="0">
                <a:pos x="60" y="73"/>
              </a:cxn>
              <a:cxn ang="0">
                <a:pos x="60" y="82"/>
              </a:cxn>
              <a:cxn ang="0">
                <a:pos x="86" y="82"/>
              </a:cxn>
              <a:cxn ang="0">
                <a:pos x="93" y="84"/>
              </a:cxn>
              <a:cxn ang="0">
                <a:pos x="95" y="90"/>
              </a:cxn>
              <a:cxn ang="0">
                <a:pos x="95" y="92"/>
              </a:cxn>
              <a:cxn ang="0">
                <a:pos x="93" y="97"/>
              </a:cxn>
              <a:cxn ang="0">
                <a:pos x="86" y="100"/>
              </a:cxn>
              <a:cxn ang="0">
                <a:pos x="60" y="100"/>
              </a:cxn>
              <a:cxn ang="0">
                <a:pos x="60" y="108"/>
              </a:cxn>
              <a:cxn ang="0">
                <a:pos x="58" y="117"/>
              </a:cxn>
              <a:cxn ang="0">
                <a:pos x="50" y="120"/>
              </a:cxn>
              <a:cxn ang="0">
                <a:pos x="47" y="120"/>
              </a:cxn>
              <a:cxn ang="0">
                <a:pos x="39" y="117"/>
              </a:cxn>
              <a:cxn ang="0">
                <a:pos x="37" y="108"/>
              </a:cxn>
              <a:cxn ang="0">
                <a:pos x="37" y="100"/>
              </a:cxn>
              <a:cxn ang="0">
                <a:pos x="11" y="100"/>
              </a:cxn>
              <a:cxn ang="0">
                <a:pos x="4" y="97"/>
              </a:cxn>
              <a:cxn ang="0">
                <a:pos x="1" y="92"/>
              </a:cxn>
              <a:cxn ang="0">
                <a:pos x="1" y="90"/>
              </a:cxn>
              <a:cxn ang="0">
                <a:pos x="4" y="84"/>
              </a:cxn>
              <a:cxn ang="0">
                <a:pos x="11" y="82"/>
              </a:cxn>
              <a:cxn ang="0">
                <a:pos x="37" y="82"/>
              </a:cxn>
              <a:cxn ang="0">
                <a:pos x="37" y="73"/>
              </a:cxn>
              <a:cxn ang="0">
                <a:pos x="11" y="73"/>
              </a:cxn>
            </a:cxnLst>
            <a:rect l="0" t="0" r="r" b="b"/>
            <a:pathLst>
              <a:path w="97" h="120">
                <a:moveTo>
                  <a:pt x="11" y="73"/>
                </a:moveTo>
                <a:cubicBezTo>
                  <a:pt x="8" y="73"/>
                  <a:pt x="5" y="72"/>
                  <a:pt x="4" y="70"/>
                </a:cubicBezTo>
                <a:cubicBezTo>
                  <a:pt x="2" y="69"/>
                  <a:pt x="1" y="67"/>
                  <a:pt x="1" y="65"/>
                </a:cubicBezTo>
                <a:cubicBezTo>
                  <a:pt x="1" y="63"/>
                  <a:pt x="1" y="63"/>
                  <a:pt x="1" y="63"/>
                </a:cubicBezTo>
                <a:cubicBezTo>
                  <a:pt x="1" y="61"/>
                  <a:pt x="2" y="59"/>
                  <a:pt x="4" y="58"/>
                </a:cubicBezTo>
                <a:cubicBezTo>
                  <a:pt x="5" y="56"/>
                  <a:pt x="8" y="55"/>
                  <a:pt x="11" y="55"/>
                </a:cubicBezTo>
                <a:cubicBezTo>
                  <a:pt x="29" y="55"/>
                  <a:pt x="29" y="55"/>
                  <a:pt x="29" y="55"/>
                </a:cubicBezTo>
                <a:cubicBezTo>
                  <a:pt x="27" y="53"/>
                  <a:pt x="26" y="51"/>
                  <a:pt x="24" y="49"/>
                </a:cubicBezTo>
                <a:cubicBezTo>
                  <a:pt x="23" y="46"/>
                  <a:pt x="21" y="44"/>
                  <a:pt x="20" y="41"/>
                </a:cubicBezTo>
                <a:cubicBezTo>
                  <a:pt x="18" y="39"/>
                  <a:pt x="16" y="36"/>
                  <a:pt x="14" y="34"/>
                </a:cubicBezTo>
                <a:cubicBezTo>
                  <a:pt x="0" y="12"/>
                  <a:pt x="0" y="12"/>
                  <a:pt x="0" y="12"/>
                </a:cubicBezTo>
                <a:cubicBezTo>
                  <a:pt x="0" y="11"/>
                  <a:pt x="0" y="11"/>
                  <a:pt x="1" y="9"/>
                </a:cubicBezTo>
                <a:cubicBezTo>
                  <a:pt x="1" y="8"/>
                  <a:pt x="2" y="7"/>
                  <a:pt x="3" y="6"/>
                </a:cubicBezTo>
                <a:cubicBezTo>
                  <a:pt x="4" y="4"/>
                  <a:pt x="6" y="3"/>
                  <a:pt x="8" y="2"/>
                </a:cubicBezTo>
                <a:cubicBezTo>
                  <a:pt x="10" y="1"/>
                  <a:pt x="13" y="1"/>
                  <a:pt x="16" y="1"/>
                </a:cubicBezTo>
                <a:cubicBezTo>
                  <a:pt x="18" y="1"/>
                  <a:pt x="21" y="1"/>
                  <a:pt x="23" y="3"/>
                </a:cubicBezTo>
                <a:cubicBezTo>
                  <a:pt x="25" y="4"/>
                  <a:pt x="27" y="7"/>
                  <a:pt x="28" y="10"/>
                </a:cubicBezTo>
                <a:cubicBezTo>
                  <a:pt x="49" y="48"/>
                  <a:pt x="49" y="48"/>
                  <a:pt x="49" y="48"/>
                </a:cubicBezTo>
                <a:cubicBezTo>
                  <a:pt x="69" y="10"/>
                  <a:pt x="69" y="10"/>
                  <a:pt x="69" y="10"/>
                </a:cubicBezTo>
                <a:cubicBezTo>
                  <a:pt x="71" y="6"/>
                  <a:pt x="73" y="4"/>
                  <a:pt x="75" y="3"/>
                </a:cubicBezTo>
                <a:cubicBezTo>
                  <a:pt x="77" y="1"/>
                  <a:pt x="80" y="0"/>
                  <a:pt x="82" y="0"/>
                </a:cubicBezTo>
                <a:cubicBezTo>
                  <a:pt x="85" y="0"/>
                  <a:pt x="87" y="1"/>
                  <a:pt x="89" y="2"/>
                </a:cubicBezTo>
                <a:cubicBezTo>
                  <a:pt x="91" y="3"/>
                  <a:pt x="93" y="4"/>
                  <a:pt x="94" y="6"/>
                </a:cubicBezTo>
                <a:cubicBezTo>
                  <a:pt x="95" y="7"/>
                  <a:pt x="96" y="8"/>
                  <a:pt x="96" y="9"/>
                </a:cubicBezTo>
                <a:cubicBezTo>
                  <a:pt x="97" y="11"/>
                  <a:pt x="97" y="11"/>
                  <a:pt x="96" y="12"/>
                </a:cubicBezTo>
                <a:cubicBezTo>
                  <a:pt x="68" y="55"/>
                  <a:pt x="68" y="55"/>
                  <a:pt x="68" y="55"/>
                </a:cubicBezTo>
                <a:cubicBezTo>
                  <a:pt x="86" y="55"/>
                  <a:pt x="86" y="55"/>
                  <a:pt x="86" y="55"/>
                </a:cubicBezTo>
                <a:cubicBezTo>
                  <a:pt x="89" y="55"/>
                  <a:pt x="92" y="56"/>
                  <a:pt x="93" y="58"/>
                </a:cubicBezTo>
                <a:cubicBezTo>
                  <a:pt x="95" y="59"/>
                  <a:pt x="95" y="61"/>
                  <a:pt x="95" y="63"/>
                </a:cubicBezTo>
                <a:cubicBezTo>
                  <a:pt x="95" y="65"/>
                  <a:pt x="95" y="65"/>
                  <a:pt x="95" y="65"/>
                </a:cubicBezTo>
                <a:cubicBezTo>
                  <a:pt x="95" y="67"/>
                  <a:pt x="95" y="69"/>
                  <a:pt x="93" y="70"/>
                </a:cubicBezTo>
                <a:cubicBezTo>
                  <a:pt x="92" y="72"/>
                  <a:pt x="89" y="73"/>
                  <a:pt x="86" y="73"/>
                </a:cubicBezTo>
                <a:cubicBezTo>
                  <a:pt x="60" y="73"/>
                  <a:pt x="60" y="73"/>
                  <a:pt x="60" y="73"/>
                </a:cubicBezTo>
                <a:cubicBezTo>
                  <a:pt x="60" y="82"/>
                  <a:pt x="60" y="82"/>
                  <a:pt x="60" y="82"/>
                </a:cubicBezTo>
                <a:cubicBezTo>
                  <a:pt x="86" y="82"/>
                  <a:pt x="86" y="82"/>
                  <a:pt x="86" y="82"/>
                </a:cubicBezTo>
                <a:cubicBezTo>
                  <a:pt x="89" y="82"/>
                  <a:pt x="92" y="83"/>
                  <a:pt x="93" y="84"/>
                </a:cubicBezTo>
                <a:cubicBezTo>
                  <a:pt x="95" y="86"/>
                  <a:pt x="95" y="88"/>
                  <a:pt x="95" y="90"/>
                </a:cubicBezTo>
                <a:cubicBezTo>
                  <a:pt x="95" y="92"/>
                  <a:pt x="95" y="92"/>
                  <a:pt x="95" y="92"/>
                </a:cubicBezTo>
                <a:cubicBezTo>
                  <a:pt x="95" y="94"/>
                  <a:pt x="95" y="96"/>
                  <a:pt x="93" y="97"/>
                </a:cubicBezTo>
                <a:cubicBezTo>
                  <a:pt x="92" y="99"/>
                  <a:pt x="89" y="100"/>
                  <a:pt x="86" y="100"/>
                </a:cubicBezTo>
                <a:cubicBezTo>
                  <a:pt x="60" y="100"/>
                  <a:pt x="60" y="100"/>
                  <a:pt x="60" y="100"/>
                </a:cubicBezTo>
                <a:cubicBezTo>
                  <a:pt x="60" y="108"/>
                  <a:pt x="60" y="108"/>
                  <a:pt x="60" y="108"/>
                </a:cubicBezTo>
                <a:cubicBezTo>
                  <a:pt x="60" y="112"/>
                  <a:pt x="59" y="115"/>
                  <a:pt x="58" y="117"/>
                </a:cubicBezTo>
                <a:cubicBezTo>
                  <a:pt x="56" y="119"/>
                  <a:pt x="53" y="120"/>
                  <a:pt x="50" y="120"/>
                </a:cubicBezTo>
                <a:cubicBezTo>
                  <a:pt x="47" y="120"/>
                  <a:pt x="47" y="120"/>
                  <a:pt x="47" y="120"/>
                </a:cubicBezTo>
                <a:cubicBezTo>
                  <a:pt x="43" y="120"/>
                  <a:pt x="40" y="119"/>
                  <a:pt x="39" y="117"/>
                </a:cubicBezTo>
                <a:cubicBezTo>
                  <a:pt x="37" y="115"/>
                  <a:pt x="37" y="112"/>
                  <a:pt x="37" y="108"/>
                </a:cubicBezTo>
                <a:cubicBezTo>
                  <a:pt x="37" y="100"/>
                  <a:pt x="37" y="100"/>
                  <a:pt x="37" y="100"/>
                </a:cubicBezTo>
                <a:cubicBezTo>
                  <a:pt x="11" y="100"/>
                  <a:pt x="11" y="100"/>
                  <a:pt x="11" y="100"/>
                </a:cubicBezTo>
                <a:cubicBezTo>
                  <a:pt x="8" y="100"/>
                  <a:pt x="5" y="99"/>
                  <a:pt x="4" y="97"/>
                </a:cubicBezTo>
                <a:cubicBezTo>
                  <a:pt x="2" y="96"/>
                  <a:pt x="1" y="94"/>
                  <a:pt x="1" y="92"/>
                </a:cubicBezTo>
                <a:cubicBezTo>
                  <a:pt x="1" y="90"/>
                  <a:pt x="1" y="90"/>
                  <a:pt x="1" y="90"/>
                </a:cubicBezTo>
                <a:cubicBezTo>
                  <a:pt x="1" y="88"/>
                  <a:pt x="2" y="86"/>
                  <a:pt x="4" y="84"/>
                </a:cubicBezTo>
                <a:cubicBezTo>
                  <a:pt x="5" y="83"/>
                  <a:pt x="8" y="82"/>
                  <a:pt x="11" y="82"/>
                </a:cubicBezTo>
                <a:cubicBezTo>
                  <a:pt x="37" y="82"/>
                  <a:pt x="37" y="82"/>
                  <a:pt x="37" y="82"/>
                </a:cubicBezTo>
                <a:cubicBezTo>
                  <a:pt x="37" y="73"/>
                  <a:pt x="37" y="73"/>
                  <a:pt x="37" y="73"/>
                </a:cubicBezTo>
                <a:lnTo>
                  <a:pt x="11" y="73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85" name="Freeform 61"/>
          <p:cNvSpPr>
            <a:spLocks/>
          </p:cNvSpPr>
          <p:nvPr userDrawn="1"/>
        </p:nvSpPr>
        <p:spPr bwMode="auto">
          <a:xfrm>
            <a:off x="4160838" y="6000750"/>
            <a:ext cx="100013" cy="130175"/>
          </a:xfrm>
          <a:custGeom>
            <a:avLst/>
            <a:gdLst/>
            <a:ahLst/>
            <a:cxnLst>
              <a:cxn ang="0">
                <a:pos x="66" y="52"/>
              </a:cxn>
              <a:cxn ang="0">
                <a:pos x="81" y="63"/>
              </a:cxn>
              <a:cxn ang="0">
                <a:pos x="87" y="80"/>
              </a:cxn>
              <a:cxn ang="0">
                <a:pos x="75" y="104"/>
              </a:cxn>
              <a:cxn ang="0">
                <a:pos x="42" y="113"/>
              </a:cxn>
              <a:cxn ang="0">
                <a:pos x="24" y="111"/>
              </a:cxn>
              <a:cxn ang="0">
                <a:pos x="11" y="105"/>
              </a:cxn>
              <a:cxn ang="0">
                <a:pos x="3" y="97"/>
              </a:cxn>
              <a:cxn ang="0">
                <a:pos x="0" y="88"/>
              </a:cxn>
              <a:cxn ang="0">
                <a:pos x="2" y="81"/>
              </a:cxn>
              <a:cxn ang="0">
                <a:pos x="7" y="77"/>
              </a:cxn>
              <a:cxn ang="0">
                <a:pos x="12" y="76"/>
              </a:cxn>
              <a:cxn ang="0">
                <a:pos x="15" y="76"/>
              </a:cxn>
              <a:cxn ang="0">
                <a:pos x="24" y="89"/>
              </a:cxn>
              <a:cxn ang="0">
                <a:pos x="41" y="94"/>
              </a:cxn>
              <a:cxn ang="0">
                <a:pos x="57" y="90"/>
              </a:cxn>
              <a:cxn ang="0">
                <a:pos x="63" y="78"/>
              </a:cxn>
              <a:cxn ang="0">
                <a:pos x="44" y="63"/>
              </a:cxn>
              <a:cxn ang="0">
                <a:pos x="38" y="63"/>
              </a:cxn>
              <a:cxn ang="0">
                <a:pos x="29" y="61"/>
              </a:cxn>
              <a:cxn ang="0">
                <a:pos x="26" y="55"/>
              </a:cxn>
              <a:cxn ang="0">
                <a:pos x="26" y="54"/>
              </a:cxn>
              <a:cxn ang="0">
                <a:pos x="38" y="45"/>
              </a:cxn>
              <a:cxn ang="0">
                <a:pos x="46" y="45"/>
              </a:cxn>
              <a:cxn ang="0">
                <a:pos x="57" y="42"/>
              </a:cxn>
              <a:cxn ang="0">
                <a:pos x="61" y="33"/>
              </a:cxn>
              <a:cxn ang="0">
                <a:pos x="56" y="22"/>
              </a:cxn>
              <a:cxn ang="0">
                <a:pos x="41" y="19"/>
              </a:cxn>
              <a:cxn ang="0">
                <a:pos x="32" y="20"/>
              </a:cxn>
              <a:cxn ang="0">
                <a:pos x="25" y="24"/>
              </a:cxn>
              <a:cxn ang="0">
                <a:pos x="20" y="28"/>
              </a:cxn>
              <a:cxn ang="0">
                <a:pos x="17" y="34"/>
              </a:cxn>
              <a:cxn ang="0">
                <a:pos x="15" y="35"/>
              </a:cxn>
              <a:cxn ang="0">
                <a:pos x="10" y="33"/>
              </a:cxn>
              <a:cxn ang="0">
                <a:pos x="5" y="30"/>
              </a:cxn>
              <a:cxn ang="0">
                <a:pos x="3" y="23"/>
              </a:cxn>
              <a:cxn ang="0">
                <a:pos x="5" y="14"/>
              </a:cxn>
              <a:cxn ang="0">
                <a:pos x="13" y="7"/>
              </a:cxn>
              <a:cxn ang="0">
                <a:pos x="25" y="2"/>
              </a:cxn>
              <a:cxn ang="0">
                <a:pos x="42" y="0"/>
              </a:cxn>
              <a:cxn ang="0">
                <a:pos x="74" y="7"/>
              </a:cxn>
              <a:cxn ang="0">
                <a:pos x="85" y="29"/>
              </a:cxn>
              <a:cxn ang="0">
                <a:pos x="66" y="52"/>
              </a:cxn>
            </a:cxnLst>
            <a:rect l="0" t="0" r="r" b="b"/>
            <a:pathLst>
              <a:path w="87" h="113">
                <a:moveTo>
                  <a:pt x="66" y="52"/>
                </a:moveTo>
                <a:cubicBezTo>
                  <a:pt x="73" y="54"/>
                  <a:pt x="78" y="58"/>
                  <a:pt x="81" y="63"/>
                </a:cubicBezTo>
                <a:cubicBezTo>
                  <a:pt x="85" y="68"/>
                  <a:pt x="87" y="73"/>
                  <a:pt x="87" y="80"/>
                </a:cubicBezTo>
                <a:cubicBezTo>
                  <a:pt x="87" y="90"/>
                  <a:pt x="83" y="99"/>
                  <a:pt x="75" y="104"/>
                </a:cubicBezTo>
                <a:cubicBezTo>
                  <a:pt x="67" y="110"/>
                  <a:pt x="56" y="113"/>
                  <a:pt x="42" y="113"/>
                </a:cubicBezTo>
                <a:cubicBezTo>
                  <a:pt x="35" y="113"/>
                  <a:pt x="29" y="112"/>
                  <a:pt x="24" y="111"/>
                </a:cubicBezTo>
                <a:cubicBezTo>
                  <a:pt x="19" y="109"/>
                  <a:pt x="14" y="107"/>
                  <a:pt x="11" y="105"/>
                </a:cubicBezTo>
                <a:cubicBezTo>
                  <a:pt x="7" y="103"/>
                  <a:pt x="5" y="100"/>
                  <a:pt x="3" y="97"/>
                </a:cubicBezTo>
                <a:cubicBezTo>
                  <a:pt x="1" y="94"/>
                  <a:pt x="0" y="91"/>
                  <a:pt x="0" y="88"/>
                </a:cubicBezTo>
                <a:cubicBezTo>
                  <a:pt x="0" y="85"/>
                  <a:pt x="1" y="83"/>
                  <a:pt x="2" y="81"/>
                </a:cubicBezTo>
                <a:cubicBezTo>
                  <a:pt x="4" y="79"/>
                  <a:pt x="5" y="78"/>
                  <a:pt x="7" y="77"/>
                </a:cubicBezTo>
                <a:cubicBezTo>
                  <a:pt x="9" y="77"/>
                  <a:pt x="11" y="76"/>
                  <a:pt x="12" y="76"/>
                </a:cubicBezTo>
                <a:cubicBezTo>
                  <a:pt x="14" y="76"/>
                  <a:pt x="15" y="76"/>
                  <a:pt x="15" y="76"/>
                </a:cubicBezTo>
                <a:cubicBezTo>
                  <a:pt x="16" y="82"/>
                  <a:pt x="20" y="86"/>
                  <a:pt x="24" y="89"/>
                </a:cubicBezTo>
                <a:cubicBezTo>
                  <a:pt x="29" y="92"/>
                  <a:pt x="35" y="94"/>
                  <a:pt x="41" y="94"/>
                </a:cubicBezTo>
                <a:cubicBezTo>
                  <a:pt x="48" y="94"/>
                  <a:pt x="53" y="92"/>
                  <a:pt x="57" y="90"/>
                </a:cubicBezTo>
                <a:cubicBezTo>
                  <a:pt x="61" y="87"/>
                  <a:pt x="63" y="83"/>
                  <a:pt x="63" y="78"/>
                </a:cubicBezTo>
                <a:cubicBezTo>
                  <a:pt x="63" y="68"/>
                  <a:pt x="57" y="63"/>
                  <a:pt x="44" y="63"/>
                </a:cubicBezTo>
                <a:cubicBezTo>
                  <a:pt x="38" y="63"/>
                  <a:pt x="38" y="63"/>
                  <a:pt x="38" y="63"/>
                </a:cubicBezTo>
                <a:cubicBezTo>
                  <a:pt x="34" y="63"/>
                  <a:pt x="31" y="63"/>
                  <a:pt x="29" y="61"/>
                </a:cubicBezTo>
                <a:cubicBezTo>
                  <a:pt x="27" y="60"/>
                  <a:pt x="26" y="58"/>
                  <a:pt x="26" y="55"/>
                </a:cubicBezTo>
                <a:cubicBezTo>
                  <a:pt x="26" y="54"/>
                  <a:pt x="26" y="54"/>
                  <a:pt x="26" y="54"/>
                </a:cubicBezTo>
                <a:cubicBezTo>
                  <a:pt x="26" y="48"/>
                  <a:pt x="30" y="45"/>
                  <a:pt x="38" y="45"/>
                </a:cubicBezTo>
                <a:cubicBezTo>
                  <a:pt x="46" y="45"/>
                  <a:pt x="46" y="45"/>
                  <a:pt x="46" y="45"/>
                </a:cubicBezTo>
                <a:cubicBezTo>
                  <a:pt x="51" y="45"/>
                  <a:pt x="55" y="44"/>
                  <a:pt x="57" y="42"/>
                </a:cubicBezTo>
                <a:cubicBezTo>
                  <a:pt x="60" y="40"/>
                  <a:pt x="61" y="36"/>
                  <a:pt x="61" y="33"/>
                </a:cubicBezTo>
                <a:cubicBezTo>
                  <a:pt x="61" y="28"/>
                  <a:pt x="59" y="25"/>
                  <a:pt x="56" y="22"/>
                </a:cubicBezTo>
                <a:cubicBezTo>
                  <a:pt x="52" y="20"/>
                  <a:pt x="48" y="19"/>
                  <a:pt x="41" y="19"/>
                </a:cubicBezTo>
                <a:cubicBezTo>
                  <a:pt x="38" y="19"/>
                  <a:pt x="35" y="19"/>
                  <a:pt x="32" y="20"/>
                </a:cubicBezTo>
                <a:cubicBezTo>
                  <a:pt x="29" y="21"/>
                  <a:pt x="27" y="22"/>
                  <a:pt x="25" y="24"/>
                </a:cubicBezTo>
                <a:cubicBezTo>
                  <a:pt x="23" y="25"/>
                  <a:pt x="21" y="27"/>
                  <a:pt x="20" y="28"/>
                </a:cubicBezTo>
                <a:cubicBezTo>
                  <a:pt x="19" y="30"/>
                  <a:pt x="18" y="32"/>
                  <a:pt x="17" y="34"/>
                </a:cubicBezTo>
                <a:cubicBezTo>
                  <a:pt x="17" y="35"/>
                  <a:pt x="16" y="35"/>
                  <a:pt x="15" y="35"/>
                </a:cubicBezTo>
                <a:cubicBezTo>
                  <a:pt x="13" y="35"/>
                  <a:pt x="11" y="34"/>
                  <a:pt x="10" y="33"/>
                </a:cubicBezTo>
                <a:cubicBezTo>
                  <a:pt x="8" y="33"/>
                  <a:pt x="6" y="32"/>
                  <a:pt x="5" y="30"/>
                </a:cubicBezTo>
                <a:cubicBezTo>
                  <a:pt x="3" y="28"/>
                  <a:pt x="3" y="26"/>
                  <a:pt x="3" y="23"/>
                </a:cubicBezTo>
                <a:cubicBezTo>
                  <a:pt x="3" y="20"/>
                  <a:pt x="4" y="17"/>
                  <a:pt x="5" y="14"/>
                </a:cubicBezTo>
                <a:cubicBezTo>
                  <a:pt x="7" y="12"/>
                  <a:pt x="10" y="9"/>
                  <a:pt x="13" y="7"/>
                </a:cubicBezTo>
                <a:cubicBezTo>
                  <a:pt x="17" y="5"/>
                  <a:pt x="21" y="3"/>
                  <a:pt x="25" y="2"/>
                </a:cubicBezTo>
                <a:cubicBezTo>
                  <a:pt x="30" y="0"/>
                  <a:pt x="36" y="0"/>
                  <a:pt x="42" y="0"/>
                </a:cubicBezTo>
                <a:cubicBezTo>
                  <a:pt x="56" y="0"/>
                  <a:pt x="66" y="2"/>
                  <a:pt x="74" y="7"/>
                </a:cubicBezTo>
                <a:cubicBezTo>
                  <a:pt x="81" y="12"/>
                  <a:pt x="85" y="20"/>
                  <a:pt x="85" y="29"/>
                </a:cubicBezTo>
                <a:cubicBezTo>
                  <a:pt x="85" y="41"/>
                  <a:pt x="78" y="48"/>
                  <a:pt x="66" y="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89" name="Freeform 65"/>
          <p:cNvSpPr>
            <a:spLocks noEditPoints="1"/>
          </p:cNvSpPr>
          <p:nvPr userDrawn="1"/>
        </p:nvSpPr>
        <p:spPr bwMode="auto">
          <a:xfrm>
            <a:off x="4456113" y="6002338"/>
            <a:ext cx="109538" cy="127000"/>
          </a:xfrm>
          <a:custGeom>
            <a:avLst/>
            <a:gdLst/>
            <a:ahLst/>
            <a:cxnLst>
              <a:cxn ang="0">
                <a:pos x="86" y="64"/>
              </a:cxn>
              <a:cxn ang="0">
                <a:pos x="94" y="66"/>
              </a:cxn>
              <a:cxn ang="0">
                <a:pos x="96" y="73"/>
              </a:cxn>
              <a:cxn ang="0">
                <a:pos x="96" y="74"/>
              </a:cxn>
              <a:cxn ang="0">
                <a:pos x="94" y="81"/>
              </a:cxn>
              <a:cxn ang="0">
                <a:pos x="86" y="83"/>
              </a:cxn>
              <a:cxn ang="0">
                <a:pos x="77" y="83"/>
              </a:cxn>
              <a:cxn ang="0">
                <a:pos x="77" y="100"/>
              </a:cxn>
              <a:cxn ang="0">
                <a:pos x="67" y="111"/>
              </a:cxn>
              <a:cxn ang="0">
                <a:pos x="64" y="111"/>
              </a:cxn>
              <a:cxn ang="0">
                <a:pos x="57" y="108"/>
              </a:cxn>
              <a:cxn ang="0">
                <a:pos x="55" y="100"/>
              </a:cxn>
              <a:cxn ang="0">
                <a:pos x="55" y="83"/>
              </a:cxn>
              <a:cxn ang="0">
                <a:pos x="14" y="83"/>
              </a:cxn>
              <a:cxn ang="0">
                <a:pos x="4" y="80"/>
              </a:cxn>
              <a:cxn ang="0">
                <a:pos x="0" y="73"/>
              </a:cxn>
              <a:cxn ang="0">
                <a:pos x="0" y="68"/>
              </a:cxn>
              <a:cxn ang="0">
                <a:pos x="2" y="62"/>
              </a:cxn>
              <a:cxn ang="0">
                <a:pos x="6" y="55"/>
              </a:cxn>
              <a:cxn ang="0">
                <a:pos x="39" y="9"/>
              </a:cxn>
              <a:cxn ang="0">
                <a:pos x="42" y="4"/>
              </a:cxn>
              <a:cxn ang="0">
                <a:pos x="46" y="2"/>
              </a:cxn>
              <a:cxn ang="0">
                <a:pos x="52" y="0"/>
              </a:cxn>
              <a:cxn ang="0">
                <a:pos x="59" y="0"/>
              </a:cxn>
              <a:cxn ang="0">
                <a:pos x="73" y="3"/>
              </a:cxn>
              <a:cxn ang="0">
                <a:pos x="77" y="16"/>
              </a:cxn>
              <a:cxn ang="0">
                <a:pos x="77" y="64"/>
              </a:cxn>
              <a:cxn ang="0">
                <a:pos x="86" y="64"/>
              </a:cxn>
              <a:cxn ang="0">
                <a:pos x="56" y="65"/>
              </a:cxn>
              <a:cxn ang="0">
                <a:pos x="56" y="18"/>
              </a:cxn>
              <a:cxn ang="0">
                <a:pos x="22" y="65"/>
              </a:cxn>
              <a:cxn ang="0">
                <a:pos x="56" y="65"/>
              </a:cxn>
            </a:cxnLst>
            <a:rect l="0" t="0" r="r" b="b"/>
            <a:pathLst>
              <a:path w="96" h="111">
                <a:moveTo>
                  <a:pt x="86" y="64"/>
                </a:moveTo>
                <a:cubicBezTo>
                  <a:pt x="90" y="64"/>
                  <a:pt x="92" y="65"/>
                  <a:pt x="94" y="66"/>
                </a:cubicBezTo>
                <a:cubicBezTo>
                  <a:pt x="95" y="68"/>
                  <a:pt x="96" y="70"/>
                  <a:pt x="96" y="73"/>
                </a:cubicBezTo>
                <a:cubicBezTo>
                  <a:pt x="96" y="74"/>
                  <a:pt x="96" y="74"/>
                  <a:pt x="96" y="74"/>
                </a:cubicBezTo>
                <a:cubicBezTo>
                  <a:pt x="96" y="77"/>
                  <a:pt x="95" y="80"/>
                  <a:pt x="94" y="81"/>
                </a:cubicBezTo>
                <a:cubicBezTo>
                  <a:pt x="92" y="83"/>
                  <a:pt x="90" y="83"/>
                  <a:pt x="86" y="83"/>
                </a:cubicBezTo>
                <a:cubicBezTo>
                  <a:pt x="77" y="83"/>
                  <a:pt x="77" y="83"/>
                  <a:pt x="77" y="83"/>
                </a:cubicBezTo>
                <a:cubicBezTo>
                  <a:pt x="77" y="100"/>
                  <a:pt x="77" y="100"/>
                  <a:pt x="77" y="100"/>
                </a:cubicBezTo>
                <a:cubicBezTo>
                  <a:pt x="77" y="107"/>
                  <a:pt x="74" y="111"/>
                  <a:pt x="67" y="111"/>
                </a:cubicBezTo>
                <a:cubicBezTo>
                  <a:pt x="64" y="111"/>
                  <a:pt x="64" y="111"/>
                  <a:pt x="64" y="111"/>
                </a:cubicBezTo>
                <a:cubicBezTo>
                  <a:pt x="61" y="111"/>
                  <a:pt x="59" y="110"/>
                  <a:pt x="57" y="108"/>
                </a:cubicBezTo>
                <a:cubicBezTo>
                  <a:pt x="55" y="106"/>
                  <a:pt x="55" y="103"/>
                  <a:pt x="55" y="100"/>
                </a:cubicBezTo>
                <a:cubicBezTo>
                  <a:pt x="55" y="83"/>
                  <a:pt x="55" y="83"/>
                  <a:pt x="55" y="83"/>
                </a:cubicBezTo>
                <a:cubicBezTo>
                  <a:pt x="14" y="83"/>
                  <a:pt x="14" y="83"/>
                  <a:pt x="14" y="83"/>
                </a:cubicBezTo>
                <a:cubicBezTo>
                  <a:pt x="10" y="83"/>
                  <a:pt x="7" y="82"/>
                  <a:pt x="4" y="80"/>
                </a:cubicBezTo>
                <a:cubicBezTo>
                  <a:pt x="2" y="78"/>
                  <a:pt x="0" y="76"/>
                  <a:pt x="0" y="73"/>
                </a:cubicBezTo>
                <a:cubicBezTo>
                  <a:pt x="0" y="68"/>
                  <a:pt x="0" y="68"/>
                  <a:pt x="0" y="68"/>
                </a:cubicBezTo>
                <a:cubicBezTo>
                  <a:pt x="0" y="66"/>
                  <a:pt x="1" y="64"/>
                  <a:pt x="2" y="62"/>
                </a:cubicBezTo>
                <a:cubicBezTo>
                  <a:pt x="2" y="60"/>
                  <a:pt x="4" y="58"/>
                  <a:pt x="6" y="55"/>
                </a:cubicBezTo>
                <a:cubicBezTo>
                  <a:pt x="39" y="9"/>
                  <a:pt x="39" y="9"/>
                  <a:pt x="39" y="9"/>
                </a:cubicBezTo>
                <a:cubicBezTo>
                  <a:pt x="40" y="7"/>
                  <a:pt x="41" y="6"/>
                  <a:pt x="42" y="4"/>
                </a:cubicBezTo>
                <a:cubicBezTo>
                  <a:pt x="44" y="3"/>
                  <a:pt x="45" y="2"/>
                  <a:pt x="46" y="2"/>
                </a:cubicBezTo>
                <a:cubicBezTo>
                  <a:pt x="48" y="1"/>
                  <a:pt x="50" y="0"/>
                  <a:pt x="52" y="0"/>
                </a:cubicBezTo>
                <a:cubicBezTo>
                  <a:pt x="54" y="0"/>
                  <a:pt x="56" y="0"/>
                  <a:pt x="59" y="0"/>
                </a:cubicBezTo>
                <a:cubicBezTo>
                  <a:pt x="66" y="0"/>
                  <a:pt x="70" y="1"/>
                  <a:pt x="73" y="3"/>
                </a:cubicBezTo>
                <a:cubicBezTo>
                  <a:pt x="76" y="6"/>
                  <a:pt x="77" y="10"/>
                  <a:pt x="77" y="16"/>
                </a:cubicBezTo>
                <a:cubicBezTo>
                  <a:pt x="77" y="64"/>
                  <a:pt x="77" y="64"/>
                  <a:pt x="77" y="64"/>
                </a:cubicBezTo>
                <a:lnTo>
                  <a:pt x="86" y="64"/>
                </a:lnTo>
                <a:close/>
                <a:moveTo>
                  <a:pt x="56" y="65"/>
                </a:moveTo>
                <a:cubicBezTo>
                  <a:pt x="56" y="18"/>
                  <a:pt x="56" y="18"/>
                  <a:pt x="56" y="18"/>
                </a:cubicBezTo>
                <a:cubicBezTo>
                  <a:pt x="22" y="65"/>
                  <a:pt x="22" y="65"/>
                  <a:pt x="22" y="65"/>
                </a:cubicBezTo>
                <a:lnTo>
                  <a:pt x="56" y="65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93" name="Freeform 69"/>
          <p:cNvSpPr>
            <a:spLocks/>
          </p:cNvSpPr>
          <p:nvPr userDrawn="1"/>
        </p:nvSpPr>
        <p:spPr bwMode="auto">
          <a:xfrm>
            <a:off x="4764088" y="6002338"/>
            <a:ext cx="96838" cy="127000"/>
          </a:xfrm>
          <a:custGeom>
            <a:avLst/>
            <a:gdLst/>
            <a:ahLst/>
            <a:cxnLst>
              <a:cxn ang="0">
                <a:pos x="34" y="41"/>
              </a:cxn>
              <a:cxn ang="0">
                <a:pos x="45" y="40"/>
              </a:cxn>
              <a:cxn ang="0">
                <a:pos x="61" y="43"/>
              </a:cxn>
              <a:cxn ang="0">
                <a:pos x="74" y="50"/>
              </a:cxn>
              <a:cxn ang="0">
                <a:pos x="82" y="60"/>
              </a:cxn>
              <a:cxn ang="0">
                <a:pos x="85" y="75"/>
              </a:cxn>
              <a:cxn ang="0">
                <a:pos x="82" y="90"/>
              </a:cxn>
              <a:cxn ang="0">
                <a:pos x="73" y="101"/>
              </a:cxn>
              <a:cxn ang="0">
                <a:pos x="59" y="108"/>
              </a:cxn>
              <a:cxn ang="0">
                <a:pos x="40" y="111"/>
              </a:cxn>
              <a:cxn ang="0">
                <a:pos x="23" y="109"/>
              </a:cxn>
              <a:cxn ang="0">
                <a:pos x="11" y="104"/>
              </a:cxn>
              <a:cxn ang="0">
                <a:pos x="3" y="97"/>
              </a:cxn>
              <a:cxn ang="0">
                <a:pos x="0" y="90"/>
              </a:cxn>
              <a:cxn ang="0">
                <a:pos x="1" y="85"/>
              </a:cxn>
              <a:cxn ang="0">
                <a:pos x="5" y="81"/>
              </a:cxn>
              <a:cxn ang="0">
                <a:pos x="8" y="78"/>
              </a:cxn>
              <a:cxn ang="0">
                <a:pos x="10" y="78"/>
              </a:cxn>
              <a:cxn ang="0">
                <a:pos x="23" y="89"/>
              </a:cxn>
              <a:cxn ang="0">
                <a:pos x="40" y="93"/>
              </a:cxn>
              <a:cxn ang="0">
                <a:pos x="57" y="88"/>
              </a:cxn>
              <a:cxn ang="0">
                <a:pos x="63" y="75"/>
              </a:cxn>
              <a:cxn ang="0">
                <a:pos x="57" y="62"/>
              </a:cxn>
              <a:cxn ang="0">
                <a:pos x="41" y="57"/>
              </a:cxn>
              <a:cxn ang="0">
                <a:pos x="28" y="59"/>
              </a:cxn>
              <a:cxn ang="0">
                <a:pos x="18" y="64"/>
              </a:cxn>
              <a:cxn ang="0">
                <a:pos x="7" y="60"/>
              </a:cxn>
              <a:cxn ang="0">
                <a:pos x="4" y="50"/>
              </a:cxn>
              <a:cxn ang="0">
                <a:pos x="4" y="14"/>
              </a:cxn>
              <a:cxn ang="0">
                <a:pos x="7" y="3"/>
              </a:cxn>
              <a:cxn ang="0">
                <a:pos x="16" y="0"/>
              </a:cxn>
              <a:cxn ang="0">
                <a:pos x="69" y="0"/>
              </a:cxn>
              <a:cxn ang="0">
                <a:pos x="80" y="10"/>
              </a:cxn>
              <a:cxn ang="0">
                <a:pos x="80" y="10"/>
              </a:cxn>
              <a:cxn ang="0">
                <a:pos x="69" y="20"/>
              </a:cxn>
              <a:cxn ang="0">
                <a:pos x="25" y="20"/>
              </a:cxn>
              <a:cxn ang="0">
                <a:pos x="25" y="44"/>
              </a:cxn>
              <a:cxn ang="0">
                <a:pos x="34" y="41"/>
              </a:cxn>
            </a:cxnLst>
            <a:rect l="0" t="0" r="r" b="b"/>
            <a:pathLst>
              <a:path w="85" h="111">
                <a:moveTo>
                  <a:pt x="34" y="41"/>
                </a:moveTo>
                <a:cubicBezTo>
                  <a:pt x="37" y="41"/>
                  <a:pt x="41" y="40"/>
                  <a:pt x="45" y="40"/>
                </a:cubicBezTo>
                <a:cubicBezTo>
                  <a:pt x="51" y="40"/>
                  <a:pt x="56" y="41"/>
                  <a:pt x="61" y="43"/>
                </a:cubicBezTo>
                <a:cubicBezTo>
                  <a:pt x="66" y="44"/>
                  <a:pt x="70" y="47"/>
                  <a:pt x="74" y="50"/>
                </a:cubicBezTo>
                <a:cubicBezTo>
                  <a:pt x="77" y="53"/>
                  <a:pt x="80" y="56"/>
                  <a:pt x="82" y="60"/>
                </a:cubicBezTo>
                <a:cubicBezTo>
                  <a:pt x="84" y="65"/>
                  <a:pt x="85" y="69"/>
                  <a:pt x="85" y="75"/>
                </a:cubicBezTo>
                <a:cubicBezTo>
                  <a:pt x="85" y="80"/>
                  <a:pt x="84" y="85"/>
                  <a:pt x="82" y="90"/>
                </a:cubicBezTo>
                <a:cubicBezTo>
                  <a:pt x="80" y="94"/>
                  <a:pt x="77" y="98"/>
                  <a:pt x="73" y="101"/>
                </a:cubicBezTo>
                <a:cubicBezTo>
                  <a:pt x="69" y="104"/>
                  <a:pt x="64" y="107"/>
                  <a:pt x="59" y="108"/>
                </a:cubicBezTo>
                <a:cubicBezTo>
                  <a:pt x="53" y="110"/>
                  <a:pt x="47" y="111"/>
                  <a:pt x="40" y="111"/>
                </a:cubicBezTo>
                <a:cubicBezTo>
                  <a:pt x="34" y="111"/>
                  <a:pt x="28" y="110"/>
                  <a:pt x="23" y="109"/>
                </a:cubicBezTo>
                <a:cubicBezTo>
                  <a:pt x="18" y="108"/>
                  <a:pt x="14" y="106"/>
                  <a:pt x="11" y="104"/>
                </a:cubicBezTo>
                <a:cubicBezTo>
                  <a:pt x="7" y="102"/>
                  <a:pt x="5" y="100"/>
                  <a:pt x="3" y="97"/>
                </a:cubicBezTo>
                <a:cubicBezTo>
                  <a:pt x="1" y="95"/>
                  <a:pt x="0" y="92"/>
                  <a:pt x="0" y="90"/>
                </a:cubicBezTo>
                <a:cubicBezTo>
                  <a:pt x="0" y="88"/>
                  <a:pt x="0" y="86"/>
                  <a:pt x="1" y="85"/>
                </a:cubicBezTo>
                <a:cubicBezTo>
                  <a:pt x="2" y="83"/>
                  <a:pt x="4" y="82"/>
                  <a:pt x="5" y="81"/>
                </a:cubicBezTo>
                <a:cubicBezTo>
                  <a:pt x="6" y="80"/>
                  <a:pt x="7" y="79"/>
                  <a:pt x="8" y="78"/>
                </a:cubicBezTo>
                <a:cubicBezTo>
                  <a:pt x="9" y="78"/>
                  <a:pt x="10" y="78"/>
                  <a:pt x="10" y="78"/>
                </a:cubicBezTo>
                <a:cubicBezTo>
                  <a:pt x="13" y="83"/>
                  <a:pt x="18" y="86"/>
                  <a:pt x="23" y="89"/>
                </a:cubicBezTo>
                <a:cubicBezTo>
                  <a:pt x="28" y="91"/>
                  <a:pt x="34" y="93"/>
                  <a:pt x="40" y="93"/>
                </a:cubicBezTo>
                <a:cubicBezTo>
                  <a:pt x="47" y="93"/>
                  <a:pt x="53" y="91"/>
                  <a:pt x="57" y="88"/>
                </a:cubicBezTo>
                <a:cubicBezTo>
                  <a:pt x="61" y="85"/>
                  <a:pt x="63" y="80"/>
                  <a:pt x="63" y="75"/>
                </a:cubicBezTo>
                <a:cubicBezTo>
                  <a:pt x="63" y="69"/>
                  <a:pt x="61" y="65"/>
                  <a:pt x="57" y="62"/>
                </a:cubicBezTo>
                <a:cubicBezTo>
                  <a:pt x="53" y="59"/>
                  <a:pt x="48" y="57"/>
                  <a:pt x="41" y="57"/>
                </a:cubicBezTo>
                <a:cubicBezTo>
                  <a:pt x="36" y="57"/>
                  <a:pt x="31" y="58"/>
                  <a:pt x="28" y="59"/>
                </a:cubicBezTo>
                <a:cubicBezTo>
                  <a:pt x="24" y="61"/>
                  <a:pt x="21" y="62"/>
                  <a:pt x="18" y="64"/>
                </a:cubicBezTo>
                <a:cubicBezTo>
                  <a:pt x="14" y="64"/>
                  <a:pt x="10" y="63"/>
                  <a:pt x="7" y="60"/>
                </a:cubicBezTo>
                <a:cubicBezTo>
                  <a:pt x="5" y="58"/>
                  <a:pt x="4" y="55"/>
                  <a:pt x="4" y="50"/>
                </a:cubicBezTo>
                <a:cubicBezTo>
                  <a:pt x="4" y="14"/>
                  <a:pt x="4" y="14"/>
                  <a:pt x="4" y="14"/>
                </a:cubicBezTo>
                <a:cubicBezTo>
                  <a:pt x="4" y="9"/>
                  <a:pt x="5" y="6"/>
                  <a:pt x="7" y="3"/>
                </a:cubicBezTo>
                <a:cubicBezTo>
                  <a:pt x="9" y="1"/>
                  <a:pt x="12" y="0"/>
                  <a:pt x="16" y="0"/>
                </a:cubicBezTo>
                <a:cubicBezTo>
                  <a:pt x="69" y="0"/>
                  <a:pt x="69" y="0"/>
                  <a:pt x="69" y="0"/>
                </a:cubicBezTo>
                <a:cubicBezTo>
                  <a:pt x="76" y="0"/>
                  <a:pt x="80" y="3"/>
                  <a:pt x="80" y="10"/>
                </a:cubicBezTo>
                <a:cubicBezTo>
                  <a:pt x="80" y="10"/>
                  <a:pt x="80" y="10"/>
                  <a:pt x="80" y="10"/>
                </a:cubicBezTo>
                <a:cubicBezTo>
                  <a:pt x="80" y="17"/>
                  <a:pt x="76" y="20"/>
                  <a:pt x="69" y="20"/>
                </a:cubicBezTo>
                <a:cubicBezTo>
                  <a:pt x="25" y="20"/>
                  <a:pt x="25" y="20"/>
                  <a:pt x="25" y="20"/>
                </a:cubicBezTo>
                <a:cubicBezTo>
                  <a:pt x="25" y="44"/>
                  <a:pt x="25" y="44"/>
                  <a:pt x="25" y="44"/>
                </a:cubicBezTo>
                <a:cubicBezTo>
                  <a:pt x="28" y="43"/>
                  <a:pt x="31" y="42"/>
                  <a:pt x="34" y="4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97" name="Freeform 73"/>
          <p:cNvSpPr>
            <a:spLocks noEditPoints="1"/>
          </p:cNvSpPr>
          <p:nvPr userDrawn="1"/>
        </p:nvSpPr>
        <p:spPr bwMode="auto">
          <a:xfrm>
            <a:off x="5060950" y="6000750"/>
            <a:ext cx="103188" cy="130175"/>
          </a:xfrm>
          <a:custGeom>
            <a:avLst/>
            <a:gdLst/>
            <a:ahLst/>
            <a:cxnLst>
              <a:cxn ang="0">
                <a:pos x="37" y="45"/>
              </a:cxn>
              <a:cxn ang="0">
                <a:pos x="54" y="41"/>
              </a:cxn>
              <a:cxn ang="0">
                <a:pos x="69" y="44"/>
              </a:cxn>
              <a:cxn ang="0">
                <a:pos x="81" y="50"/>
              </a:cxn>
              <a:cxn ang="0">
                <a:pos x="88" y="60"/>
              </a:cxn>
              <a:cxn ang="0">
                <a:pos x="91" y="74"/>
              </a:cxn>
              <a:cxn ang="0">
                <a:pos x="91" y="75"/>
              </a:cxn>
              <a:cxn ang="0">
                <a:pos x="87" y="90"/>
              </a:cxn>
              <a:cxn ang="0">
                <a:pos x="78" y="102"/>
              </a:cxn>
              <a:cxn ang="0">
                <a:pos x="65" y="110"/>
              </a:cxn>
              <a:cxn ang="0">
                <a:pos x="47" y="113"/>
              </a:cxn>
              <a:cxn ang="0">
                <a:pos x="27" y="109"/>
              </a:cxn>
              <a:cxn ang="0">
                <a:pos x="13" y="99"/>
              </a:cxn>
              <a:cxn ang="0">
                <a:pos x="3" y="83"/>
              </a:cxn>
              <a:cxn ang="0">
                <a:pos x="0" y="62"/>
              </a:cxn>
              <a:cxn ang="0">
                <a:pos x="0" y="52"/>
              </a:cxn>
              <a:cxn ang="0">
                <a:pos x="4" y="30"/>
              </a:cxn>
              <a:cxn ang="0">
                <a:pos x="13" y="14"/>
              </a:cxn>
              <a:cxn ang="0">
                <a:pos x="29" y="3"/>
              </a:cxn>
              <a:cxn ang="0">
                <a:pos x="49" y="0"/>
              </a:cxn>
              <a:cxn ang="0">
                <a:pos x="65" y="1"/>
              </a:cxn>
              <a:cxn ang="0">
                <a:pos x="77" y="6"/>
              </a:cxn>
              <a:cxn ang="0">
                <a:pos x="84" y="13"/>
              </a:cxn>
              <a:cxn ang="0">
                <a:pos x="86" y="21"/>
              </a:cxn>
              <a:cxn ang="0">
                <a:pos x="84" y="27"/>
              </a:cxn>
              <a:cxn ang="0">
                <a:pos x="80" y="30"/>
              </a:cxn>
              <a:cxn ang="0">
                <a:pos x="76" y="32"/>
              </a:cxn>
              <a:cxn ang="0">
                <a:pos x="74" y="32"/>
              </a:cxn>
              <a:cxn ang="0">
                <a:pos x="65" y="23"/>
              </a:cxn>
              <a:cxn ang="0">
                <a:pos x="51" y="19"/>
              </a:cxn>
              <a:cxn ang="0">
                <a:pos x="25" y="51"/>
              </a:cxn>
              <a:cxn ang="0">
                <a:pos x="25" y="52"/>
              </a:cxn>
              <a:cxn ang="0">
                <a:pos x="37" y="45"/>
              </a:cxn>
              <a:cxn ang="0">
                <a:pos x="25" y="68"/>
              </a:cxn>
              <a:cxn ang="0">
                <a:pos x="31" y="87"/>
              </a:cxn>
              <a:cxn ang="0">
                <a:pos x="47" y="94"/>
              </a:cxn>
              <a:cxn ang="0">
                <a:pos x="61" y="89"/>
              </a:cxn>
              <a:cxn ang="0">
                <a:pos x="67" y="77"/>
              </a:cxn>
              <a:cxn ang="0">
                <a:pos x="67" y="76"/>
              </a:cxn>
              <a:cxn ang="0">
                <a:pos x="62" y="63"/>
              </a:cxn>
              <a:cxn ang="0">
                <a:pos x="47" y="59"/>
              </a:cxn>
              <a:cxn ang="0">
                <a:pos x="35" y="61"/>
              </a:cxn>
              <a:cxn ang="0">
                <a:pos x="25" y="68"/>
              </a:cxn>
            </a:cxnLst>
            <a:rect l="0" t="0" r="r" b="b"/>
            <a:pathLst>
              <a:path w="91" h="113">
                <a:moveTo>
                  <a:pt x="37" y="45"/>
                </a:moveTo>
                <a:cubicBezTo>
                  <a:pt x="42" y="43"/>
                  <a:pt x="48" y="41"/>
                  <a:pt x="54" y="41"/>
                </a:cubicBezTo>
                <a:cubicBezTo>
                  <a:pt x="60" y="41"/>
                  <a:pt x="65" y="42"/>
                  <a:pt x="69" y="44"/>
                </a:cubicBezTo>
                <a:cubicBezTo>
                  <a:pt x="73" y="45"/>
                  <a:pt x="77" y="47"/>
                  <a:pt x="81" y="50"/>
                </a:cubicBezTo>
                <a:cubicBezTo>
                  <a:pt x="84" y="53"/>
                  <a:pt x="86" y="56"/>
                  <a:pt x="88" y="60"/>
                </a:cubicBezTo>
                <a:cubicBezTo>
                  <a:pt x="90" y="64"/>
                  <a:pt x="91" y="69"/>
                  <a:pt x="91" y="74"/>
                </a:cubicBezTo>
                <a:cubicBezTo>
                  <a:pt x="91" y="75"/>
                  <a:pt x="91" y="75"/>
                  <a:pt x="91" y="75"/>
                </a:cubicBezTo>
                <a:cubicBezTo>
                  <a:pt x="91" y="81"/>
                  <a:pt x="89" y="86"/>
                  <a:pt x="87" y="90"/>
                </a:cubicBezTo>
                <a:cubicBezTo>
                  <a:pt x="85" y="95"/>
                  <a:pt x="82" y="99"/>
                  <a:pt x="78" y="102"/>
                </a:cubicBezTo>
                <a:cubicBezTo>
                  <a:pt x="75" y="106"/>
                  <a:pt x="70" y="108"/>
                  <a:pt x="65" y="110"/>
                </a:cubicBezTo>
                <a:cubicBezTo>
                  <a:pt x="60" y="112"/>
                  <a:pt x="54" y="113"/>
                  <a:pt x="47" y="113"/>
                </a:cubicBezTo>
                <a:cubicBezTo>
                  <a:pt x="40" y="113"/>
                  <a:pt x="33" y="112"/>
                  <a:pt x="27" y="109"/>
                </a:cubicBezTo>
                <a:cubicBezTo>
                  <a:pt x="22" y="107"/>
                  <a:pt x="17" y="103"/>
                  <a:pt x="13" y="99"/>
                </a:cubicBezTo>
                <a:cubicBezTo>
                  <a:pt x="9" y="94"/>
                  <a:pt x="5" y="89"/>
                  <a:pt x="3" y="83"/>
                </a:cubicBezTo>
                <a:cubicBezTo>
                  <a:pt x="1" y="77"/>
                  <a:pt x="0" y="70"/>
                  <a:pt x="0" y="62"/>
                </a:cubicBezTo>
                <a:cubicBezTo>
                  <a:pt x="0" y="52"/>
                  <a:pt x="0" y="52"/>
                  <a:pt x="0" y="52"/>
                </a:cubicBezTo>
                <a:cubicBezTo>
                  <a:pt x="0" y="44"/>
                  <a:pt x="1" y="37"/>
                  <a:pt x="4" y="30"/>
                </a:cubicBezTo>
                <a:cubicBezTo>
                  <a:pt x="6" y="24"/>
                  <a:pt x="9" y="18"/>
                  <a:pt x="13" y="14"/>
                </a:cubicBezTo>
                <a:cubicBezTo>
                  <a:pt x="18" y="9"/>
                  <a:pt x="23" y="6"/>
                  <a:pt x="29" y="3"/>
                </a:cubicBezTo>
                <a:cubicBezTo>
                  <a:pt x="35" y="1"/>
                  <a:pt x="42" y="0"/>
                  <a:pt x="49" y="0"/>
                </a:cubicBezTo>
                <a:cubicBezTo>
                  <a:pt x="55" y="0"/>
                  <a:pt x="61" y="0"/>
                  <a:pt x="65" y="1"/>
                </a:cubicBezTo>
                <a:cubicBezTo>
                  <a:pt x="70" y="3"/>
                  <a:pt x="74" y="4"/>
                  <a:pt x="77" y="6"/>
                </a:cubicBezTo>
                <a:cubicBezTo>
                  <a:pt x="80" y="8"/>
                  <a:pt x="82" y="10"/>
                  <a:pt x="84" y="13"/>
                </a:cubicBezTo>
                <a:cubicBezTo>
                  <a:pt x="85" y="15"/>
                  <a:pt x="86" y="18"/>
                  <a:pt x="86" y="21"/>
                </a:cubicBezTo>
                <a:cubicBezTo>
                  <a:pt x="86" y="23"/>
                  <a:pt x="86" y="25"/>
                  <a:pt x="84" y="27"/>
                </a:cubicBezTo>
                <a:cubicBezTo>
                  <a:pt x="83" y="28"/>
                  <a:pt x="82" y="29"/>
                  <a:pt x="80" y="30"/>
                </a:cubicBezTo>
                <a:cubicBezTo>
                  <a:pt x="79" y="31"/>
                  <a:pt x="77" y="31"/>
                  <a:pt x="76" y="32"/>
                </a:cubicBezTo>
                <a:cubicBezTo>
                  <a:pt x="75" y="32"/>
                  <a:pt x="74" y="32"/>
                  <a:pt x="74" y="32"/>
                </a:cubicBezTo>
                <a:cubicBezTo>
                  <a:pt x="72" y="28"/>
                  <a:pt x="69" y="26"/>
                  <a:pt x="65" y="23"/>
                </a:cubicBezTo>
                <a:cubicBezTo>
                  <a:pt x="62" y="21"/>
                  <a:pt x="57" y="19"/>
                  <a:pt x="51" y="19"/>
                </a:cubicBezTo>
                <a:cubicBezTo>
                  <a:pt x="33" y="19"/>
                  <a:pt x="25" y="30"/>
                  <a:pt x="25" y="51"/>
                </a:cubicBezTo>
                <a:cubicBezTo>
                  <a:pt x="25" y="52"/>
                  <a:pt x="25" y="52"/>
                  <a:pt x="25" y="52"/>
                </a:cubicBezTo>
                <a:cubicBezTo>
                  <a:pt x="28" y="49"/>
                  <a:pt x="32" y="47"/>
                  <a:pt x="37" y="45"/>
                </a:cubicBezTo>
                <a:close/>
                <a:moveTo>
                  <a:pt x="25" y="68"/>
                </a:moveTo>
                <a:cubicBezTo>
                  <a:pt x="26" y="76"/>
                  <a:pt x="28" y="83"/>
                  <a:pt x="31" y="87"/>
                </a:cubicBezTo>
                <a:cubicBezTo>
                  <a:pt x="35" y="92"/>
                  <a:pt x="40" y="94"/>
                  <a:pt x="47" y="94"/>
                </a:cubicBezTo>
                <a:cubicBezTo>
                  <a:pt x="53" y="94"/>
                  <a:pt x="57" y="93"/>
                  <a:pt x="61" y="89"/>
                </a:cubicBezTo>
                <a:cubicBezTo>
                  <a:pt x="65" y="86"/>
                  <a:pt x="67" y="82"/>
                  <a:pt x="67" y="77"/>
                </a:cubicBezTo>
                <a:cubicBezTo>
                  <a:pt x="67" y="76"/>
                  <a:pt x="67" y="76"/>
                  <a:pt x="67" y="76"/>
                </a:cubicBezTo>
                <a:cubicBezTo>
                  <a:pt x="67" y="70"/>
                  <a:pt x="65" y="66"/>
                  <a:pt x="62" y="63"/>
                </a:cubicBezTo>
                <a:cubicBezTo>
                  <a:pt x="58" y="60"/>
                  <a:pt x="53" y="59"/>
                  <a:pt x="47" y="59"/>
                </a:cubicBezTo>
                <a:cubicBezTo>
                  <a:pt x="43" y="59"/>
                  <a:pt x="39" y="60"/>
                  <a:pt x="35" y="61"/>
                </a:cubicBezTo>
                <a:cubicBezTo>
                  <a:pt x="31" y="63"/>
                  <a:pt x="28" y="65"/>
                  <a:pt x="25" y="6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01" name="Freeform 77"/>
          <p:cNvSpPr>
            <a:spLocks/>
          </p:cNvSpPr>
          <p:nvPr userDrawn="1"/>
        </p:nvSpPr>
        <p:spPr bwMode="auto">
          <a:xfrm>
            <a:off x="5365750" y="6002338"/>
            <a:ext cx="95250" cy="125412"/>
          </a:xfrm>
          <a:custGeom>
            <a:avLst/>
            <a:gdLst/>
            <a:ahLst/>
            <a:cxnLst>
              <a:cxn ang="0">
                <a:pos x="58" y="21"/>
              </a:cxn>
              <a:cxn ang="0">
                <a:pos x="11" y="21"/>
              </a:cxn>
              <a:cxn ang="0">
                <a:pos x="2" y="19"/>
              </a:cxn>
              <a:cxn ang="0">
                <a:pos x="0" y="11"/>
              </a:cxn>
              <a:cxn ang="0">
                <a:pos x="0" y="10"/>
              </a:cxn>
              <a:cxn ang="0">
                <a:pos x="2" y="3"/>
              </a:cxn>
              <a:cxn ang="0">
                <a:pos x="11" y="0"/>
              </a:cxn>
              <a:cxn ang="0">
                <a:pos x="69" y="0"/>
              </a:cxn>
              <a:cxn ang="0">
                <a:pos x="77" y="1"/>
              </a:cxn>
              <a:cxn ang="0">
                <a:pos x="82" y="4"/>
              </a:cxn>
              <a:cxn ang="0">
                <a:pos x="84" y="8"/>
              </a:cxn>
              <a:cxn ang="0">
                <a:pos x="85" y="13"/>
              </a:cxn>
              <a:cxn ang="0">
                <a:pos x="85" y="14"/>
              </a:cxn>
              <a:cxn ang="0">
                <a:pos x="82" y="24"/>
              </a:cxn>
              <a:cxn ang="0">
                <a:pos x="78" y="33"/>
              </a:cxn>
              <a:cxn ang="0">
                <a:pos x="40" y="102"/>
              </a:cxn>
              <a:cxn ang="0">
                <a:pos x="34" y="108"/>
              </a:cxn>
              <a:cxn ang="0">
                <a:pos x="27" y="110"/>
              </a:cxn>
              <a:cxn ang="0">
                <a:pos x="21" y="109"/>
              </a:cxn>
              <a:cxn ang="0">
                <a:pos x="17" y="107"/>
              </a:cxn>
              <a:cxn ang="0">
                <a:pos x="14" y="104"/>
              </a:cxn>
              <a:cxn ang="0">
                <a:pos x="13" y="101"/>
              </a:cxn>
              <a:cxn ang="0">
                <a:pos x="58" y="21"/>
              </a:cxn>
            </a:cxnLst>
            <a:rect l="0" t="0" r="r" b="b"/>
            <a:pathLst>
              <a:path w="85" h="110">
                <a:moveTo>
                  <a:pt x="58" y="21"/>
                </a:moveTo>
                <a:cubicBezTo>
                  <a:pt x="11" y="21"/>
                  <a:pt x="11" y="21"/>
                  <a:pt x="11" y="21"/>
                </a:cubicBezTo>
                <a:cubicBezTo>
                  <a:pt x="7" y="21"/>
                  <a:pt x="4" y="20"/>
                  <a:pt x="2" y="19"/>
                </a:cubicBezTo>
                <a:cubicBezTo>
                  <a:pt x="1" y="17"/>
                  <a:pt x="0" y="15"/>
                  <a:pt x="0" y="11"/>
                </a:cubicBezTo>
                <a:cubicBezTo>
                  <a:pt x="0" y="10"/>
                  <a:pt x="0" y="10"/>
                  <a:pt x="0" y="10"/>
                </a:cubicBezTo>
                <a:cubicBezTo>
                  <a:pt x="0" y="7"/>
                  <a:pt x="1" y="4"/>
                  <a:pt x="2" y="3"/>
                </a:cubicBezTo>
                <a:cubicBezTo>
                  <a:pt x="4" y="1"/>
                  <a:pt x="7" y="0"/>
                  <a:pt x="11" y="0"/>
                </a:cubicBezTo>
                <a:cubicBezTo>
                  <a:pt x="69" y="0"/>
                  <a:pt x="69" y="0"/>
                  <a:pt x="69" y="0"/>
                </a:cubicBezTo>
                <a:cubicBezTo>
                  <a:pt x="72" y="0"/>
                  <a:pt x="75" y="1"/>
                  <a:pt x="77" y="1"/>
                </a:cubicBezTo>
                <a:cubicBezTo>
                  <a:pt x="79" y="2"/>
                  <a:pt x="81" y="3"/>
                  <a:pt x="82" y="4"/>
                </a:cubicBezTo>
                <a:cubicBezTo>
                  <a:pt x="83" y="5"/>
                  <a:pt x="84" y="7"/>
                  <a:pt x="84" y="8"/>
                </a:cubicBezTo>
                <a:cubicBezTo>
                  <a:pt x="85" y="10"/>
                  <a:pt x="85" y="11"/>
                  <a:pt x="85" y="13"/>
                </a:cubicBezTo>
                <a:cubicBezTo>
                  <a:pt x="85" y="14"/>
                  <a:pt x="85" y="14"/>
                  <a:pt x="85" y="14"/>
                </a:cubicBezTo>
                <a:cubicBezTo>
                  <a:pt x="85" y="17"/>
                  <a:pt x="84" y="20"/>
                  <a:pt x="82" y="24"/>
                </a:cubicBezTo>
                <a:cubicBezTo>
                  <a:pt x="81" y="27"/>
                  <a:pt x="79" y="30"/>
                  <a:pt x="78" y="33"/>
                </a:cubicBezTo>
                <a:cubicBezTo>
                  <a:pt x="40" y="102"/>
                  <a:pt x="40" y="102"/>
                  <a:pt x="40" y="102"/>
                </a:cubicBezTo>
                <a:cubicBezTo>
                  <a:pt x="38" y="105"/>
                  <a:pt x="36" y="107"/>
                  <a:pt x="34" y="108"/>
                </a:cubicBezTo>
                <a:cubicBezTo>
                  <a:pt x="31" y="110"/>
                  <a:pt x="29" y="110"/>
                  <a:pt x="27" y="110"/>
                </a:cubicBezTo>
                <a:cubicBezTo>
                  <a:pt x="25" y="110"/>
                  <a:pt x="23" y="110"/>
                  <a:pt x="21" y="109"/>
                </a:cubicBezTo>
                <a:cubicBezTo>
                  <a:pt x="19" y="108"/>
                  <a:pt x="18" y="108"/>
                  <a:pt x="17" y="107"/>
                </a:cubicBezTo>
                <a:cubicBezTo>
                  <a:pt x="15" y="106"/>
                  <a:pt x="14" y="105"/>
                  <a:pt x="14" y="104"/>
                </a:cubicBezTo>
                <a:cubicBezTo>
                  <a:pt x="13" y="103"/>
                  <a:pt x="13" y="102"/>
                  <a:pt x="13" y="101"/>
                </a:cubicBezTo>
                <a:lnTo>
                  <a:pt x="58" y="21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05" name="Freeform 81"/>
          <p:cNvSpPr>
            <a:spLocks noEditPoints="1"/>
          </p:cNvSpPr>
          <p:nvPr userDrawn="1"/>
        </p:nvSpPr>
        <p:spPr bwMode="auto">
          <a:xfrm>
            <a:off x="5662613" y="6000750"/>
            <a:ext cx="103188" cy="130175"/>
          </a:xfrm>
          <a:custGeom>
            <a:avLst/>
            <a:gdLst/>
            <a:ahLst/>
            <a:cxnLst>
              <a:cxn ang="0">
                <a:pos x="22" y="55"/>
              </a:cxn>
              <a:cxn ang="0">
                <a:pos x="8" y="46"/>
              </a:cxn>
              <a:cxn ang="0">
                <a:pos x="3" y="31"/>
              </a:cxn>
              <a:cxn ang="0">
                <a:pos x="6" y="18"/>
              </a:cxn>
              <a:cxn ang="0">
                <a:pos x="15" y="8"/>
              </a:cxn>
              <a:cxn ang="0">
                <a:pos x="28" y="2"/>
              </a:cxn>
              <a:cxn ang="0">
                <a:pos x="46" y="0"/>
              </a:cxn>
              <a:cxn ang="0">
                <a:pos x="63" y="2"/>
              </a:cxn>
              <a:cxn ang="0">
                <a:pos x="76" y="8"/>
              </a:cxn>
              <a:cxn ang="0">
                <a:pos x="84" y="18"/>
              </a:cxn>
              <a:cxn ang="0">
                <a:pos x="87" y="30"/>
              </a:cxn>
              <a:cxn ang="0">
                <a:pos x="83" y="45"/>
              </a:cxn>
              <a:cxn ang="0">
                <a:pos x="69" y="55"/>
              </a:cxn>
              <a:cxn ang="0">
                <a:pos x="85" y="65"/>
              </a:cxn>
              <a:cxn ang="0">
                <a:pos x="91" y="82"/>
              </a:cxn>
              <a:cxn ang="0">
                <a:pos x="88" y="94"/>
              </a:cxn>
              <a:cxn ang="0">
                <a:pos x="78" y="104"/>
              </a:cxn>
              <a:cxn ang="0">
                <a:pos x="64" y="111"/>
              </a:cxn>
              <a:cxn ang="0">
                <a:pos x="45" y="113"/>
              </a:cxn>
              <a:cxn ang="0">
                <a:pos x="12" y="105"/>
              </a:cxn>
              <a:cxn ang="0">
                <a:pos x="0" y="82"/>
              </a:cxn>
              <a:cxn ang="0">
                <a:pos x="5" y="65"/>
              </a:cxn>
              <a:cxn ang="0">
                <a:pos x="22" y="55"/>
              </a:cxn>
              <a:cxn ang="0">
                <a:pos x="45" y="95"/>
              </a:cxn>
              <a:cxn ang="0">
                <a:pos x="61" y="91"/>
              </a:cxn>
              <a:cxn ang="0">
                <a:pos x="67" y="79"/>
              </a:cxn>
              <a:cxn ang="0">
                <a:pos x="61" y="67"/>
              </a:cxn>
              <a:cxn ang="0">
                <a:pos x="45" y="63"/>
              </a:cxn>
              <a:cxn ang="0">
                <a:pos x="30" y="67"/>
              </a:cxn>
              <a:cxn ang="0">
                <a:pos x="24" y="79"/>
              </a:cxn>
              <a:cxn ang="0">
                <a:pos x="30" y="91"/>
              </a:cxn>
              <a:cxn ang="0">
                <a:pos x="45" y="95"/>
              </a:cxn>
              <a:cxn ang="0">
                <a:pos x="45" y="48"/>
              </a:cxn>
              <a:cxn ang="0">
                <a:pos x="59" y="44"/>
              </a:cxn>
              <a:cxn ang="0">
                <a:pos x="64" y="33"/>
              </a:cxn>
              <a:cxn ang="0">
                <a:pos x="59" y="22"/>
              </a:cxn>
              <a:cxn ang="0">
                <a:pos x="45" y="18"/>
              </a:cxn>
              <a:cxn ang="0">
                <a:pos x="31" y="22"/>
              </a:cxn>
              <a:cxn ang="0">
                <a:pos x="26" y="33"/>
              </a:cxn>
              <a:cxn ang="0">
                <a:pos x="32" y="43"/>
              </a:cxn>
              <a:cxn ang="0">
                <a:pos x="45" y="48"/>
              </a:cxn>
            </a:cxnLst>
            <a:rect l="0" t="0" r="r" b="b"/>
            <a:pathLst>
              <a:path w="91" h="113">
                <a:moveTo>
                  <a:pt x="22" y="55"/>
                </a:moveTo>
                <a:cubicBezTo>
                  <a:pt x="15" y="53"/>
                  <a:pt x="11" y="50"/>
                  <a:pt x="8" y="46"/>
                </a:cubicBezTo>
                <a:cubicBezTo>
                  <a:pt x="5" y="42"/>
                  <a:pt x="3" y="37"/>
                  <a:pt x="3" y="31"/>
                </a:cubicBezTo>
                <a:cubicBezTo>
                  <a:pt x="3" y="26"/>
                  <a:pt x="4" y="22"/>
                  <a:pt x="6" y="18"/>
                </a:cubicBezTo>
                <a:cubicBezTo>
                  <a:pt x="8" y="14"/>
                  <a:pt x="11" y="11"/>
                  <a:pt x="15" y="8"/>
                </a:cubicBezTo>
                <a:cubicBezTo>
                  <a:pt x="18" y="6"/>
                  <a:pt x="23" y="3"/>
                  <a:pt x="28" y="2"/>
                </a:cubicBezTo>
                <a:cubicBezTo>
                  <a:pt x="33" y="0"/>
                  <a:pt x="39" y="0"/>
                  <a:pt x="46" y="0"/>
                </a:cubicBezTo>
                <a:cubicBezTo>
                  <a:pt x="52" y="0"/>
                  <a:pt x="58" y="0"/>
                  <a:pt x="63" y="2"/>
                </a:cubicBezTo>
                <a:cubicBezTo>
                  <a:pt x="68" y="3"/>
                  <a:pt x="72" y="5"/>
                  <a:pt x="76" y="8"/>
                </a:cubicBezTo>
                <a:cubicBezTo>
                  <a:pt x="80" y="11"/>
                  <a:pt x="82" y="14"/>
                  <a:pt x="84" y="18"/>
                </a:cubicBezTo>
                <a:cubicBezTo>
                  <a:pt x="86" y="21"/>
                  <a:pt x="87" y="26"/>
                  <a:pt x="87" y="30"/>
                </a:cubicBezTo>
                <a:cubicBezTo>
                  <a:pt x="87" y="36"/>
                  <a:pt x="86" y="41"/>
                  <a:pt x="83" y="45"/>
                </a:cubicBezTo>
                <a:cubicBezTo>
                  <a:pt x="80" y="49"/>
                  <a:pt x="75" y="53"/>
                  <a:pt x="69" y="55"/>
                </a:cubicBezTo>
                <a:cubicBezTo>
                  <a:pt x="76" y="57"/>
                  <a:pt x="82" y="60"/>
                  <a:pt x="85" y="65"/>
                </a:cubicBezTo>
                <a:cubicBezTo>
                  <a:pt x="89" y="70"/>
                  <a:pt x="91" y="75"/>
                  <a:pt x="91" y="82"/>
                </a:cubicBezTo>
                <a:cubicBezTo>
                  <a:pt x="91" y="86"/>
                  <a:pt x="90" y="91"/>
                  <a:pt x="88" y="94"/>
                </a:cubicBezTo>
                <a:cubicBezTo>
                  <a:pt x="85" y="98"/>
                  <a:pt x="82" y="102"/>
                  <a:pt x="78" y="104"/>
                </a:cubicBezTo>
                <a:cubicBezTo>
                  <a:pt x="74" y="107"/>
                  <a:pt x="70" y="109"/>
                  <a:pt x="64" y="111"/>
                </a:cubicBezTo>
                <a:cubicBezTo>
                  <a:pt x="58" y="112"/>
                  <a:pt x="52" y="113"/>
                  <a:pt x="45" y="113"/>
                </a:cubicBezTo>
                <a:cubicBezTo>
                  <a:pt x="31" y="113"/>
                  <a:pt x="20" y="110"/>
                  <a:pt x="12" y="105"/>
                </a:cubicBezTo>
                <a:cubicBezTo>
                  <a:pt x="4" y="99"/>
                  <a:pt x="0" y="91"/>
                  <a:pt x="0" y="82"/>
                </a:cubicBezTo>
                <a:cubicBezTo>
                  <a:pt x="0" y="75"/>
                  <a:pt x="2" y="70"/>
                  <a:pt x="5" y="65"/>
                </a:cubicBezTo>
                <a:cubicBezTo>
                  <a:pt x="9" y="61"/>
                  <a:pt x="14" y="57"/>
                  <a:pt x="22" y="55"/>
                </a:cubicBezTo>
                <a:close/>
                <a:moveTo>
                  <a:pt x="45" y="95"/>
                </a:moveTo>
                <a:cubicBezTo>
                  <a:pt x="52" y="95"/>
                  <a:pt x="58" y="94"/>
                  <a:pt x="61" y="91"/>
                </a:cubicBezTo>
                <a:cubicBezTo>
                  <a:pt x="65" y="88"/>
                  <a:pt x="67" y="84"/>
                  <a:pt x="67" y="79"/>
                </a:cubicBezTo>
                <a:cubicBezTo>
                  <a:pt x="67" y="74"/>
                  <a:pt x="65" y="70"/>
                  <a:pt x="61" y="67"/>
                </a:cubicBezTo>
                <a:cubicBezTo>
                  <a:pt x="57" y="65"/>
                  <a:pt x="52" y="63"/>
                  <a:pt x="45" y="63"/>
                </a:cubicBezTo>
                <a:cubicBezTo>
                  <a:pt x="39" y="63"/>
                  <a:pt x="33" y="65"/>
                  <a:pt x="30" y="67"/>
                </a:cubicBezTo>
                <a:cubicBezTo>
                  <a:pt x="26" y="70"/>
                  <a:pt x="24" y="74"/>
                  <a:pt x="24" y="79"/>
                </a:cubicBezTo>
                <a:cubicBezTo>
                  <a:pt x="24" y="84"/>
                  <a:pt x="26" y="88"/>
                  <a:pt x="30" y="91"/>
                </a:cubicBezTo>
                <a:cubicBezTo>
                  <a:pt x="33" y="94"/>
                  <a:pt x="39" y="95"/>
                  <a:pt x="45" y="95"/>
                </a:cubicBezTo>
                <a:close/>
                <a:moveTo>
                  <a:pt x="45" y="48"/>
                </a:moveTo>
                <a:cubicBezTo>
                  <a:pt x="51" y="48"/>
                  <a:pt x="56" y="46"/>
                  <a:pt x="59" y="44"/>
                </a:cubicBezTo>
                <a:cubicBezTo>
                  <a:pt x="63" y="41"/>
                  <a:pt x="64" y="37"/>
                  <a:pt x="64" y="33"/>
                </a:cubicBezTo>
                <a:cubicBezTo>
                  <a:pt x="64" y="28"/>
                  <a:pt x="63" y="25"/>
                  <a:pt x="59" y="22"/>
                </a:cubicBezTo>
                <a:cubicBezTo>
                  <a:pt x="56" y="19"/>
                  <a:pt x="51" y="18"/>
                  <a:pt x="45" y="18"/>
                </a:cubicBezTo>
                <a:cubicBezTo>
                  <a:pt x="39" y="18"/>
                  <a:pt x="35" y="19"/>
                  <a:pt x="31" y="22"/>
                </a:cubicBezTo>
                <a:cubicBezTo>
                  <a:pt x="28" y="25"/>
                  <a:pt x="26" y="28"/>
                  <a:pt x="26" y="33"/>
                </a:cubicBezTo>
                <a:cubicBezTo>
                  <a:pt x="26" y="37"/>
                  <a:pt x="28" y="41"/>
                  <a:pt x="32" y="43"/>
                </a:cubicBezTo>
                <a:cubicBezTo>
                  <a:pt x="35" y="46"/>
                  <a:pt x="40" y="48"/>
                  <a:pt x="45" y="4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09" name="Freeform 85"/>
          <p:cNvSpPr>
            <a:spLocks noEditPoints="1"/>
          </p:cNvSpPr>
          <p:nvPr userDrawn="1"/>
        </p:nvSpPr>
        <p:spPr bwMode="auto">
          <a:xfrm>
            <a:off x="5962650" y="6000750"/>
            <a:ext cx="103188" cy="130175"/>
          </a:xfrm>
          <a:custGeom>
            <a:avLst/>
            <a:gdLst/>
            <a:ahLst/>
            <a:cxnLst>
              <a:cxn ang="0">
                <a:pos x="54" y="69"/>
              </a:cxn>
              <a:cxn ang="0">
                <a:pos x="37" y="72"/>
              </a:cxn>
              <a:cxn ang="0">
                <a:pos x="22" y="70"/>
              </a:cxn>
              <a:cxn ang="0">
                <a:pos x="10" y="63"/>
              </a:cxn>
              <a:cxn ang="0">
                <a:pos x="3" y="53"/>
              </a:cxn>
              <a:cxn ang="0">
                <a:pos x="0" y="39"/>
              </a:cxn>
              <a:cxn ang="0">
                <a:pos x="0" y="38"/>
              </a:cxn>
              <a:cxn ang="0">
                <a:pos x="3" y="23"/>
              </a:cxn>
              <a:cxn ang="0">
                <a:pos x="12" y="11"/>
              </a:cxn>
              <a:cxn ang="0">
                <a:pos x="26" y="3"/>
              </a:cxn>
              <a:cxn ang="0">
                <a:pos x="43" y="0"/>
              </a:cxn>
              <a:cxn ang="0">
                <a:pos x="63" y="3"/>
              </a:cxn>
              <a:cxn ang="0">
                <a:pos x="78" y="13"/>
              </a:cxn>
              <a:cxn ang="0">
                <a:pos x="87" y="29"/>
              </a:cxn>
              <a:cxn ang="0">
                <a:pos x="90" y="51"/>
              </a:cxn>
              <a:cxn ang="0">
                <a:pos x="90" y="61"/>
              </a:cxn>
              <a:cxn ang="0">
                <a:pos x="78" y="100"/>
              </a:cxn>
              <a:cxn ang="0">
                <a:pos x="41" y="113"/>
              </a:cxn>
              <a:cxn ang="0">
                <a:pos x="25" y="111"/>
              </a:cxn>
              <a:cxn ang="0">
                <a:pos x="13" y="107"/>
              </a:cxn>
              <a:cxn ang="0">
                <a:pos x="6" y="101"/>
              </a:cxn>
              <a:cxn ang="0">
                <a:pos x="4" y="94"/>
              </a:cxn>
              <a:cxn ang="0">
                <a:pos x="5" y="88"/>
              </a:cxn>
              <a:cxn ang="0">
                <a:pos x="8" y="84"/>
              </a:cxn>
              <a:cxn ang="0">
                <a:pos x="11" y="82"/>
              </a:cxn>
              <a:cxn ang="0">
                <a:pos x="13" y="82"/>
              </a:cxn>
              <a:cxn ang="0">
                <a:pos x="24" y="90"/>
              </a:cxn>
              <a:cxn ang="0">
                <a:pos x="39" y="93"/>
              </a:cxn>
              <a:cxn ang="0">
                <a:pos x="60" y="86"/>
              </a:cxn>
              <a:cxn ang="0">
                <a:pos x="66" y="62"/>
              </a:cxn>
              <a:cxn ang="0">
                <a:pos x="66" y="61"/>
              </a:cxn>
              <a:cxn ang="0">
                <a:pos x="54" y="69"/>
              </a:cxn>
              <a:cxn ang="0">
                <a:pos x="66" y="45"/>
              </a:cxn>
              <a:cxn ang="0">
                <a:pos x="60" y="25"/>
              </a:cxn>
              <a:cxn ang="0">
                <a:pos x="44" y="18"/>
              </a:cxn>
              <a:cxn ang="0">
                <a:pos x="30" y="24"/>
              </a:cxn>
              <a:cxn ang="0">
                <a:pos x="24" y="37"/>
              </a:cxn>
              <a:cxn ang="0">
                <a:pos x="24" y="37"/>
              </a:cxn>
              <a:cxn ang="0">
                <a:pos x="29" y="50"/>
              </a:cxn>
              <a:cxn ang="0">
                <a:pos x="44" y="54"/>
              </a:cxn>
              <a:cxn ang="0">
                <a:pos x="56" y="52"/>
              </a:cxn>
              <a:cxn ang="0">
                <a:pos x="66" y="45"/>
              </a:cxn>
            </a:cxnLst>
            <a:rect l="0" t="0" r="r" b="b"/>
            <a:pathLst>
              <a:path w="90" h="113">
                <a:moveTo>
                  <a:pt x="54" y="69"/>
                </a:moveTo>
                <a:cubicBezTo>
                  <a:pt x="49" y="71"/>
                  <a:pt x="43" y="72"/>
                  <a:pt x="37" y="72"/>
                </a:cubicBezTo>
                <a:cubicBezTo>
                  <a:pt x="31" y="72"/>
                  <a:pt x="26" y="71"/>
                  <a:pt x="22" y="70"/>
                </a:cubicBezTo>
                <a:cubicBezTo>
                  <a:pt x="17" y="68"/>
                  <a:pt x="13" y="66"/>
                  <a:pt x="10" y="63"/>
                </a:cubicBezTo>
                <a:cubicBezTo>
                  <a:pt x="7" y="61"/>
                  <a:pt x="5" y="57"/>
                  <a:pt x="3" y="53"/>
                </a:cubicBezTo>
                <a:cubicBezTo>
                  <a:pt x="1" y="49"/>
                  <a:pt x="0" y="44"/>
                  <a:pt x="0" y="39"/>
                </a:cubicBezTo>
                <a:cubicBezTo>
                  <a:pt x="0" y="38"/>
                  <a:pt x="0" y="38"/>
                  <a:pt x="0" y="38"/>
                </a:cubicBezTo>
                <a:cubicBezTo>
                  <a:pt x="0" y="33"/>
                  <a:pt x="1" y="28"/>
                  <a:pt x="3" y="23"/>
                </a:cubicBezTo>
                <a:cubicBezTo>
                  <a:pt x="6" y="18"/>
                  <a:pt x="8" y="14"/>
                  <a:pt x="12" y="11"/>
                </a:cubicBezTo>
                <a:cubicBezTo>
                  <a:pt x="16" y="7"/>
                  <a:pt x="21" y="5"/>
                  <a:pt x="26" y="3"/>
                </a:cubicBezTo>
                <a:cubicBezTo>
                  <a:pt x="31" y="1"/>
                  <a:pt x="37" y="0"/>
                  <a:pt x="43" y="0"/>
                </a:cubicBezTo>
                <a:cubicBezTo>
                  <a:pt x="51" y="0"/>
                  <a:pt x="57" y="1"/>
                  <a:pt x="63" y="3"/>
                </a:cubicBezTo>
                <a:cubicBezTo>
                  <a:pt x="69" y="6"/>
                  <a:pt x="74" y="9"/>
                  <a:pt x="78" y="13"/>
                </a:cubicBezTo>
                <a:cubicBezTo>
                  <a:pt x="82" y="18"/>
                  <a:pt x="85" y="23"/>
                  <a:pt x="87" y="29"/>
                </a:cubicBezTo>
                <a:cubicBezTo>
                  <a:pt x="89" y="36"/>
                  <a:pt x="90" y="43"/>
                  <a:pt x="90" y="51"/>
                </a:cubicBezTo>
                <a:cubicBezTo>
                  <a:pt x="90" y="61"/>
                  <a:pt x="90" y="61"/>
                  <a:pt x="90" y="61"/>
                </a:cubicBezTo>
                <a:cubicBezTo>
                  <a:pt x="90" y="78"/>
                  <a:pt x="86" y="91"/>
                  <a:pt x="78" y="100"/>
                </a:cubicBezTo>
                <a:cubicBezTo>
                  <a:pt x="69" y="109"/>
                  <a:pt x="57" y="113"/>
                  <a:pt x="41" y="113"/>
                </a:cubicBezTo>
                <a:cubicBezTo>
                  <a:pt x="35" y="113"/>
                  <a:pt x="29" y="113"/>
                  <a:pt x="25" y="111"/>
                </a:cubicBezTo>
                <a:cubicBezTo>
                  <a:pt x="20" y="110"/>
                  <a:pt x="16" y="109"/>
                  <a:pt x="13" y="107"/>
                </a:cubicBezTo>
                <a:cubicBezTo>
                  <a:pt x="10" y="105"/>
                  <a:pt x="8" y="103"/>
                  <a:pt x="6" y="101"/>
                </a:cubicBezTo>
                <a:cubicBezTo>
                  <a:pt x="5" y="99"/>
                  <a:pt x="4" y="96"/>
                  <a:pt x="4" y="94"/>
                </a:cubicBezTo>
                <a:cubicBezTo>
                  <a:pt x="4" y="92"/>
                  <a:pt x="5" y="90"/>
                  <a:pt x="5" y="88"/>
                </a:cubicBezTo>
                <a:cubicBezTo>
                  <a:pt x="6" y="86"/>
                  <a:pt x="7" y="85"/>
                  <a:pt x="8" y="84"/>
                </a:cubicBezTo>
                <a:cubicBezTo>
                  <a:pt x="9" y="83"/>
                  <a:pt x="10" y="83"/>
                  <a:pt x="11" y="82"/>
                </a:cubicBezTo>
                <a:cubicBezTo>
                  <a:pt x="12" y="82"/>
                  <a:pt x="13" y="82"/>
                  <a:pt x="13" y="82"/>
                </a:cubicBezTo>
                <a:cubicBezTo>
                  <a:pt x="16" y="85"/>
                  <a:pt x="19" y="88"/>
                  <a:pt x="24" y="90"/>
                </a:cubicBezTo>
                <a:cubicBezTo>
                  <a:pt x="28" y="92"/>
                  <a:pt x="33" y="93"/>
                  <a:pt x="39" y="93"/>
                </a:cubicBezTo>
                <a:cubicBezTo>
                  <a:pt x="48" y="93"/>
                  <a:pt x="55" y="91"/>
                  <a:pt x="60" y="86"/>
                </a:cubicBezTo>
                <a:cubicBezTo>
                  <a:pt x="64" y="81"/>
                  <a:pt x="66" y="73"/>
                  <a:pt x="66" y="62"/>
                </a:cubicBezTo>
                <a:cubicBezTo>
                  <a:pt x="66" y="61"/>
                  <a:pt x="66" y="61"/>
                  <a:pt x="66" y="61"/>
                </a:cubicBezTo>
                <a:cubicBezTo>
                  <a:pt x="63" y="64"/>
                  <a:pt x="59" y="66"/>
                  <a:pt x="54" y="69"/>
                </a:cubicBezTo>
                <a:close/>
                <a:moveTo>
                  <a:pt x="66" y="45"/>
                </a:moveTo>
                <a:cubicBezTo>
                  <a:pt x="65" y="37"/>
                  <a:pt x="63" y="30"/>
                  <a:pt x="60" y="25"/>
                </a:cubicBezTo>
                <a:cubicBezTo>
                  <a:pt x="56" y="21"/>
                  <a:pt x="51" y="18"/>
                  <a:pt x="44" y="18"/>
                </a:cubicBezTo>
                <a:cubicBezTo>
                  <a:pt x="38" y="18"/>
                  <a:pt x="33" y="20"/>
                  <a:pt x="30" y="24"/>
                </a:cubicBezTo>
                <a:cubicBezTo>
                  <a:pt x="26" y="27"/>
                  <a:pt x="24" y="32"/>
                  <a:pt x="24" y="37"/>
                </a:cubicBezTo>
                <a:cubicBezTo>
                  <a:pt x="24" y="37"/>
                  <a:pt x="24" y="37"/>
                  <a:pt x="24" y="37"/>
                </a:cubicBezTo>
                <a:cubicBezTo>
                  <a:pt x="24" y="43"/>
                  <a:pt x="26" y="47"/>
                  <a:pt x="29" y="50"/>
                </a:cubicBezTo>
                <a:cubicBezTo>
                  <a:pt x="32" y="53"/>
                  <a:pt x="37" y="54"/>
                  <a:pt x="44" y="54"/>
                </a:cubicBezTo>
                <a:cubicBezTo>
                  <a:pt x="48" y="54"/>
                  <a:pt x="52" y="54"/>
                  <a:pt x="56" y="52"/>
                </a:cubicBezTo>
                <a:cubicBezTo>
                  <a:pt x="59" y="50"/>
                  <a:pt x="63" y="48"/>
                  <a:pt x="66" y="4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13" name="Freeform 89"/>
          <p:cNvSpPr>
            <a:spLocks noEditPoints="1"/>
          </p:cNvSpPr>
          <p:nvPr userDrawn="1"/>
        </p:nvSpPr>
        <p:spPr bwMode="auto">
          <a:xfrm>
            <a:off x="6257925" y="5976938"/>
            <a:ext cx="117475" cy="160338"/>
          </a:xfrm>
          <a:custGeom>
            <a:avLst/>
            <a:gdLst/>
            <a:ahLst/>
            <a:cxnLst>
              <a:cxn ang="0">
                <a:pos x="67" y="132"/>
              </a:cxn>
              <a:cxn ang="0">
                <a:pos x="90" y="107"/>
              </a:cxn>
              <a:cxn ang="0">
                <a:pos x="95" y="102"/>
              </a:cxn>
              <a:cxn ang="0">
                <a:pos x="92" y="86"/>
              </a:cxn>
              <a:cxn ang="0">
                <a:pos x="74" y="90"/>
              </a:cxn>
              <a:cxn ang="0">
                <a:pos x="64" y="100"/>
              </a:cxn>
              <a:cxn ang="0">
                <a:pos x="64" y="14"/>
              </a:cxn>
              <a:cxn ang="0">
                <a:pos x="52" y="0"/>
              </a:cxn>
              <a:cxn ang="0">
                <a:pos x="50" y="0"/>
              </a:cxn>
              <a:cxn ang="0">
                <a:pos x="38" y="14"/>
              </a:cxn>
              <a:cxn ang="0">
                <a:pos x="38" y="100"/>
              </a:cxn>
              <a:cxn ang="0">
                <a:pos x="29" y="90"/>
              </a:cxn>
              <a:cxn ang="0">
                <a:pos x="11" y="86"/>
              </a:cxn>
              <a:cxn ang="0">
                <a:pos x="8" y="102"/>
              </a:cxn>
              <a:cxn ang="0">
                <a:pos x="12" y="108"/>
              </a:cxn>
              <a:cxn ang="0">
                <a:pos x="34" y="132"/>
              </a:cxn>
              <a:cxn ang="0">
                <a:pos x="41" y="138"/>
              </a:cxn>
              <a:cxn ang="0">
                <a:pos x="51" y="141"/>
              </a:cxn>
              <a:cxn ang="0">
                <a:pos x="61" y="138"/>
              </a:cxn>
              <a:cxn ang="0">
                <a:pos x="67" y="132"/>
              </a:cxn>
              <a:cxn ang="0">
                <a:pos x="51" y="141"/>
              </a:cxn>
              <a:cxn ang="0">
                <a:pos x="51" y="141"/>
              </a:cxn>
              <a:cxn ang="0">
                <a:pos x="51" y="141"/>
              </a:cxn>
              <a:cxn ang="0">
                <a:pos x="51" y="141"/>
              </a:cxn>
            </a:cxnLst>
            <a:rect l="0" t="0" r="r" b="b"/>
            <a:pathLst>
              <a:path w="103" h="141">
                <a:moveTo>
                  <a:pt x="67" y="132"/>
                </a:moveTo>
                <a:cubicBezTo>
                  <a:pt x="90" y="107"/>
                  <a:pt x="90" y="107"/>
                  <a:pt x="90" y="107"/>
                </a:cubicBezTo>
                <a:cubicBezTo>
                  <a:pt x="95" y="102"/>
                  <a:pt x="95" y="102"/>
                  <a:pt x="95" y="102"/>
                </a:cubicBezTo>
                <a:cubicBezTo>
                  <a:pt x="95" y="102"/>
                  <a:pt x="103" y="94"/>
                  <a:pt x="92" y="86"/>
                </a:cubicBezTo>
                <a:cubicBezTo>
                  <a:pt x="85" y="80"/>
                  <a:pt x="80" y="83"/>
                  <a:pt x="74" y="90"/>
                </a:cubicBezTo>
                <a:cubicBezTo>
                  <a:pt x="71" y="92"/>
                  <a:pt x="68" y="96"/>
                  <a:pt x="64" y="100"/>
                </a:cubicBezTo>
                <a:cubicBezTo>
                  <a:pt x="64" y="14"/>
                  <a:pt x="64" y="14"/>
                  <a:pt x="64" y="14"/>
                </a:cubicBezTo>
                <a:cubicBezTo>
                  <a:pt x="64" y="4"/>
                  <a:pt x="59" y="0"/>
                  <a:pt x="52" y="0"/>
                </a:cubicBezTo>
                <a:cubicBezTo>
                  <a:pt x="50" y="0"/>
                  <a:pt x="50" y="0"/>
                  <a:pt x="50" y="0"/>
                </a:cubicBezTo>
                <a:cubicBezTo>
                  <a:pt x="43" y="0"/>
                  <a:pt x="38" y="4"/>
                  <a:pt x="38" y="14"/>
                </a:cubicBezTo>
                <a:cubicBezTo>
                  <a:pt x="38" y="100"/>
                  <a:pt x="38" y="100"/>
                  <a:pt x="38" y="100"/>
                </a:cubicBezTo>
                <a:cubicBezTo>
                  <a:pt x="34" y="96"/>
                  <a:pt x="31" y="93"/>
                  <a:pt x="29" y="90"/>
                </a:cubicBezTo>
                <a:cubicBezTo>
                  <a:pt x="23" y="83"/>
                  <a:pt x="18" y="81"/>
                  <a:pt x="11" y="86"/>
                </a:cubicBezTo>
                <a:cubicBezTo>
                  <a:pt x="0" y="94"/>
                  <a:pt x="8" y="102"/>
                  <a:pt x="8" y="102"/>
                </a:cubicBezTo>
                <a:cubicBezTo>
                  <a:pt x="12" y="108"/>
                  <a:pt x="12" y="108"/>
                  <a:pt x="12" y="108"/>
                </a:cubicBezTo>
                <a:cubicBezTo>
                  <a:pt x="34" y="132"/>
                  <a:pt x="34" y="132"/>
                  <a:pt x="34" y="132"/>
                </a:cubicBezTo>
                <a:cubicBezTo>
                  <a:pt x="37" y="135"/>
                  <a:pt x="39" y="137"/>
                  <a:pt x="41" y="138"/>
                </a:cubicBezTo>
                <a:cubicBezTo>
                  <a:pt x="43" y="140"/>
                  <a:pt x="47" y="141"/>
                  <a:pt x="51" y="141"/>
                </a:cubicBezTo>
                <a:cubicBezTo>
                  <a:pt x="55" y="141"/>
                  <a:pt x="59" y="140"/>
                  <a:pt x="61" y="138"/>
                </a:cubicBezTo>
                <a:cubicBezTo>
                  <a:pt x="63" y="137"/>
                  <a:pt x="65" y="135"/>
                  <a:pt x="67" y="132"/>
                </a:cubicBezTo>
                <a:close/>
                <a:moveTo>
                  <a:pt x="51" y="141"/>
                </a:moveTo>
                <a:cubicBezTo>
                  <a:pt x="51" y="141"/>
                  <a:pt x="51" y="141"/>
                  <a:pt x="51" y="141"/>
                </a:cubicBezTo>
                <a:cubicBezTo>
                  <a:pt x="51" y="141"/>
                  <a:pt x="51" y="141"/>
                  <a:pt x="51" y="141"/>
                </a:cubicBezTo>
                <a:cubicBezTo>
                  <a:pt x="51" y="141"/>
                  <a:pt x="51" y="141"/>
                  <a:pt x="51" y="14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17" name="Freeform 93"/>
          <p:cNvSpPr>
            <a:spLocks/>
          </p:cNvSpPr>
          <p:nvPr userDrawn="1"/>
        </p:nvSpPr>
        <p:spPr bwMode="auto">
          <a:xfrm>
            <a:off x="6559551" y="6000750"/>
            <a:ext cx="112713" cy="130175"/>
          </a:xfrm>
          <a:custGeom>
            <a:avLst/>
            <a:gdLst/>
            <a:ahLst/>
            <a:cxnLst>
              <a:cxn ang="0">
                <a:pos x="8" y="52"/>
              </a:cxn>
              <a:cxn ang="0">
                <a:pos x="2" y="50"/>
              </a:cxn>
              <a:cxn ang="0">
                <a:pos x="0" y="46"/>
              </a:cxn>
              <a:cxn ang="0">
                <a:pos x="0" y="44"/>
              </a:cxn>
              <a:cxn ang="0">
                <a:pos x="2" y="39"/>
              </a:cxn>
              <a:cxn ang="0">
                <a:pos x="8" y="37"/>
              </a:cxn>
              <a:cxn ang="0">
                <a:pos x="16" y="37"/>
              </a:cxn>
              <a:cxn ang="0">
                <a:pos x="32" y="10"/>
              </a:cxn>
              <a:cxn ang="0">
                <a:pos x="62" y="0"/>
              </a:cxn>
              <a:cxn ang="0">
                <a:pos x="77" y="2"/>
              </a:cxn>
              <a:cxn ang="0">
                <a:pos x="89" y="7"/>
              </a:cxn>
              <a:cxn ang="0">
                <a:pos x="96" y="14"/>
              </a:cxn>
              <a:cxn ang="0">
                <a:pos x="98" y="22"/>
              </a:cxn>
              <a:cxn ang="0">
                <a:pos x="97" y="28"/>
              </a:cxn>
              <a:cxn ang="0">
                <a:pos x="93" y="32"/>
              </a:cxn>
              <a:cxn ang="0">
                <a:pos x="89" y="34"/>
              </a:cxn>
              <a:cxn ang="0">
                <a:pos x="87" y="34"/>
              </a:cxn>
              <a:cxn ang="0">
                <a:pos x="77" y="24"/>
              </a:cxn>
              <a:cxn ang="0">
                <a:pos x="62" y="21"/>
              </a:cxn>
              <a:cxn ang="0">
                <a:pos x="48" y="25"/>
              </a:cxn>
              <a:cxn ang="0">
                <a:pos x="40" y="37"/>
              </a:cxn>
              <a:cxn ang="0">
                <a:pos x="67" y="37"/>
              </a:cxn>
              <a:cxn ang="0">
                <a:pos x="73" y="39"/>
              </a:cxn>
              <a:cxn ang="0">
                <a:pos x="75" y="44"/>
              </a:cxn>
              <a:cxn ang="0">
                <a:pos x="75" y="46"/>
              </a:cxn>
              <a:cxn ang="0">
                <a:pos x="73" y="50"/>
              </a:cxn>
              <a:cxn ang="0">
                <a:pos x="67" y="52"/>
              </a:cxn>
              <a:cxn ang="0">
                <a:pos x="38" y="52"/>
              </a:cxn>
              <a:cxn ang="0">
                <a:pos x="38" y="62"/>
              </a:cxn>
              <a:cxn ang="0">
                <a:pos x="67" y="62"/>
              </a:cxn>
              <a:cxn ang="0">
                <a:pos x="73" y="64"/>
              </a:cxn>
              <a:cxn ang="0">
                <a:pos x="75" y="69"/>
              </a:cxn>
              <a:cxn ang="0">
                <a:pos x="75" y="71"/>
              </a:cxn>
              <a:cxn ang="0">
                <a:pos x="73" y="75"/>
              </a:cxn>
              <a:cxn ang="0">
                <a:pos x="67" y="77"/>
              </a:cxn>
              <a:cxn ang="0">
                <a:pos x="40" y="77"/>
              </a:cxn>
              <a:cxn ang="0">
                <a:pos x="48" y="90"/>
              </a:cxn>
              <a:cxn ang="0">
                <a:pos x="63" y="94"/>
              </a:cxn>
              <a:cxn ang="0">
                <a:pos x="77" y="90"/>
              </a:cxn>
              <a:cxn ang="0">
                <a:pos x="87" y="80"/>
              </a:cxn>
              <a:cxn ang="0">
                <a:pos x="89" y="80"/>
              </a:cxn>
              <a:cxn ang="0">
                <a:pos x="93" y="82"/>
              </a:cxn>
              <a:cxn ang="0">
                <a:pos x="97" y="86"/>
              </a:cxn>
              <a:cxn ang="0">
                <a:pos x="99" y="92"/>
              </a:cxn>
              <a:cxn ang="0">
                <a:pos x="97" y="99"/>
              </a:cxn>
              <a:cxn ang="0">
                <a:pos x="90" y="107"/>
              </a:cxn>
              <a:cxn ang="0">
                <a:pos x="79" y="112"/>
              </a:cxn>
              <a:cxn ang="0">
                <a:pos x="62" y="115"/>
              </a:cxn>
              <a:cxn ang="0">
                <a:pos x="32" y="105"/>
              </a:cxn>
              <a:cxn ang="0">
                <a:pos x="16" y="77"/>
              </a:cxn>
              <a:cxn ang="0">
                <a:pos x="8" y="77"/>
              </a:cxn>
              <a:cxn ang="0">
                <a:pos x="2" y="75"/>
              </a:cxn>
              <a:cxn ang="0">
                <a:pos x="0" y="71"/>
              </a:cxn>
              <a:cxn ang="0">
                <a:pos x="0" y="69"/>
              </a:cxn>
              <a:cxn ang="0">
                <a:pos x="2" y="64"/>
              </a:cxn>
              <a:cxn ang="0">
                <a:pos x="8" y="62"/>
              </a:cxn>
              <a:cxn ang="0">
                <a:pos x="14" y="62"/>
              </a:cxn>
              <a:cxn ang="0">
                <a:pos x="14" y="52"/>
              </a:cxn>
              <a:cxn ang="0">
                <a:pos x="8" y="52"/>
              </a:cxn>
            </a:cxnLst>
            <a:rect l="0" t="0" r="r" b="b"/>
            <a:pathLst>
              <a:path w="99" h="115">
                <a:moveTo>
                  <a:pt x="8" y="52"/>
                </a:moveTo>
                <a:cubicBezTo>
                  <a:pt x="5" y="52"/>
                  <a:pt x="3" y="52"/>
                  <a:pt x="2" y="50"/>
                </a:cubicBezTo>
                <a:cubicBezTo>
                  <a:pt x="0" y="49"/>
                  <a:pt x="0" y="47"/>
                  <a:pt x="0" y="46"/>
                </a:cubicBezTo>
                <a:cubicBezTo>
                  <a:pt x="0" y="44"/>
                  <a:pt x="0" y="44"/>
                  <a:pt x="0" y="44"/>
                </a:cubicBezTo>
                <a:cubicBezTo>
                  <a:pt x="0" y="42"/>
                  <a:pt x="0" y="40"/>
                  <a:pt x="2" y="39"/>
                </a:cubicBezTo>
                <a:cubicBezTo>
                  <a:pt x="3" y="38"/>
                  <a:pt x="5" y="37"/>
                  <a:pt x="8" y="37"/>
                </a:cubicBezTo>
                <a:cubicBezTo>
                  <a:pt x="16" y="37"/>
                  <a:pt x="16" y="37"/>
                  <a:pt x="16" y="37"/>
                </a:cubicBezTo>
                <a:cubicBezTo>
                  <a:pt x="18" y="26"/>
                  <a:pt x="24" y="16"/>
                  <a:pt x="32" y="10"/>
                </a:cubicBezTo>
                <a:cubicBezTo>
                  <a:pt x="40" y="3"/>
                  <a:pt x="50" y="0"/>
                  <a:pt x="62" y="0"/>
                </a:cubicBezTo>
                <a:cubicBezTo>
                  <a:pt x="68" y="0"/>
                  <a:pt x="73" y="1"/>
                  <a:pt x="77" y="2"/>
                </a:cubicBezTo>
                <a:cubicBezTo>
                  <a:pt x="82" y="3"/>
                  <a:pt x="86" y="5"/>
                  <a:pt x="89" y="7"/>
                </a:cubicBezTo>
                <a:cubicBezTo>
                  <a:pt x="92" y="9"/>
                  <a:pt x="94" y="12"/>
                  <a:pt x="96" y="14"/>
                </a:cubicBezTo>
                <a:cubicBezTo>
                  <a:pt x="98" y="17"/>
                  <a:pt x="98" y="20"/>
                  <a:pt x="98" y="22"/>
                </a:cubicBezTo>
                <a:cubicBezTo>
                  <a:pt x="98" y="24"/>
                  <a:pt x="98" y="26"/>
                  <a:pt x="97" y="28"/>
                </a:cubicBezTo>
                <a:cubicBezTo>
                  <a:pt x="96" y="30"/>
                  <a:pt x="94" y="31"/>
                  <a:pt x="93" y="32"/>
                </a:cubicBezTo>
                <a:cubicBezTo>
                  <a:pt x="91" y="33"/>
                  <a:pt x="90" y="34"/>
                  <a:pt x="89" y="34"/>
                </a:cubicBezTo>
                <a:cubicBezTo>
                  <a:pt x="88" y="34"/>
                  <a:pt x="87" y="34"/>
                  <a:pt x="87" y="34"/>
                </a:cubicBezTo>
                <a:cubicBezTo>
                  <a:pt x="84" y="30"/>
                  <a:pt x="80" y="26"/>
                  <a:pt x="77" y="24"/>
                </a:cubicBezTo>
                <a:cubicBezTo>
                  <a:pt x="73" y="22"/>
                  <a:pt x="68" y="21"/>
                  <a:pt x="62" y="21"/>
                </a:cubicBezTo>
                <a:cubicBezTo>
                  <a:pt x="57" y="21"/>
                  <a:pt x="52" y="22"/>
                  <a:pt x="48" y="25"/>
                </a:cubicBezTo>
                <a:cubicBezTo>
                  <a:pt x="44" y="28"/>
                  <a:pt x="42" y="32"/>
                  <a:pt x="40" y="37"/>
                </a:cubicBezTo>
                <a:cubicBezTo>
                  <a:pt x="67" y="37"/>
                  <a:pt x="67" y="37"/>
                  <a:pt x="67" y="37"/>
                </a:cubicBezTo>
                <a:cubicBezTo>
                  <a:pt x="70" y="37"/>
                  <a:pt x="72" y="38"/>
                  <a:pt x="73" y="39"/>
                </a:cubicBezTo>
                <a:cubicBezTo>
                  <a:pt x="75" y="40"/>
                  <a:pt x="75" y="42"/>
                  <a:pt x="75" y="44"/>
                </a:cubicBezTo>
                <a:cubicBezTo>
                  <a:pt x="75" y="46"/>
                  <a:pt x="75" y="46"/>
                  <a:pt x="75" y="46"/>
                </a:cubicBezTo>
                <a:cubicBezTo>
                  <a:pt x="75" y="47"/>
                  <a:pt x="75" y="49"/>
                  <a:pt x="73" y="50"/>
                </a:cubicBezTo>
                <a:cubicBezTo>
                  <a:pt x="72" y="52"/>
                  <a:pt x="70" y="52"/>
                  <a:pt x="67" y="52"/>
                </a:cubicBezTo>
                <a:cubicBezTo>
                  <a:pt x="38" y="52"/>
                  <a:pt x="38" y="52"/>
                  <a:pt x="38" y="52"/>
                </a:cubicBezTo>
                <a:cubicBezTo>
                  <a:pt x="38" y="62"/>
                  <a:pt x="38" y="62"/>
                  <a:pt x="38" y="62"/>
                </a:cubicBezTo>
                <a:cubicBezTo>
                  <a:pt x="67" y="62"/>
                  <a:pt x="67" y="62"/>
                  <a:pt x="67" y="62"/>
                </a:cubicBezTo>
                <a:cubicBezTo>
                  <a:pt x="70" y="62"/>
                  <a:pt x="72" y="63"/>
                  <a:pt x="73" y="64"/>
                </a:cubicBezTo>
                <a:cubicBezTo>
                  <a:pt x="75" y="65"/>
                  <a:pt x="75" y="67"/>
                  <a:pt x="75" y="69"/>
                </a:cubicBezTo>
                <a:cubicBezTo>
                  <a:pt x="75" y="71"/>
                  <a:pt x="75" y="71"/>
                  <a:pt x="75" y="71"/>
                </a:cubicBezTo>
                <a:cubicBezTo>
                  <a:pt x="75" y="72"/>
                  <a:pt x="75" y="74"/>
                  <a:pt x="73" y="75"/>
                </a:cubicBezTo>
                <a:cubicBezTo>
                  <a:pt x="72" y="77"/>
                  <a:pt x="70" y="77"/>
                  <a:pt x="67" y="77"/>
                </a:cubicBezTo>
                <a:cubicBezTo>
                  <a:pt x="40" y="77"/>
                  <a:pt x="40" y="77"/>
                  <a:pt x="40" y="77"/>
                </a:cubicBezTo>
                <a:cubicBezTo>
                  <a:pt x="42" y="83"/>
                  <a:pt x="44" y="87"/>
                  <a:pt x="48" y="90"/>
                </a:cubicBezTo>
                <a:cubicBezTo>
                  <a:pt x="52" y="93"/>
                  <a:pt x="57" y="94"/>
                  <a:pt x="63" y="94"/>
                </a:cubicBezTo>
                <a:cubicBezTo>
                  <a:pt x="69" y="94"/>
                  <a:pt x="73" y="93"/>
                  <a:pt x="77" y="90"/>
                </a:cubicBezTo>
                <a:cubicBezTo>
                  <a:pt x="81" y="88"/>
                  <a:pt x="84" y="84"/>
                  <a:pt x="87" y="80"/>
                </a:cubicBezTo>
                <a:cubicBezTo>
                  <a:pt x="87" y="79"/>
                  <a:pt x="88" y="80"/>
                  <a:pt x="89" y="80"/>
                </a:cubicBezTo>
                <a:cubicBezTo>
                  <a:pt x="90" y="80"/>
                  <a:pt x="92" y="81"/>
                  <a:pt x="93" y="82"/>
                </a:cubicBezTo>
                <a:cubicBezTo>
                  <a:pt x="95" y="83"/>
                  <a:pt x="96" y="84"/>
                  <a:pt x="97" y="86"/>
                </a:cubicBezTo>
                <a:cubicBezTo>
                  <a:pt x="98" y="87"/>
                  <a:pt x="99" y="89"/>
                  <a:pt x="99" y="92"/>
                </a:cubicBezTo>
                <a:cubicBezTo>
                  <a:pt x="99" y="94"/>
                  <a:pt x="98" y="96"/>
                  <a:pt x="97" y="99"/>
                </a:cubicBezTo>
                <a:cubicBezTo>
                  <a:pt x="95" y="102"/>
                  <a:pt x="93" y="104"/>
                  <a:pt x="90" y="107"/>
                </a:cubicBezTo>
                <a:cubicBezTo>
                  <a:pt x="87" y="109"/>
                  <a:pt x="83" y="111"/>
                  <a:pt x="79" y="112"/>
                </a:cubicBezTo>
                <a:cubicBezTo>
                  <a:pt x="74" y="114"/>
                  <a:pt x="69" y="115"/>
                  <a:pt x="62" y="115"/>
                </a:cubicBezTo>
                <a:cubicBezTo>
                  <a:pt x="50" y="115"/>
                  <a:pt x="40" y="111"/>
                  <a:pt x="32" y="105"/>
                </a:cubicBezTo>
                <a:cubicBezTo>
                  <a:pt x="23" y="98"/>
                  <a:pt x="18" y="89"/>
                  <a:pt x="16" y="77"/>
                </a:cubicBezTo>
                <a:cubicBezTo>
                  <a:pt x="8" y="77"/>
                  <a:pt x="8" y="77"/>
                  <a:pt x="8" y="77"/>
                </a:cubicBezTo>
                <a:cubicBezTo>
                  <a:pt x="5" y="77"/>
                  <a:pt x="3" y="77"/>
                  <a:pt x="2" y="75"/>
                </a:cubicBezTo>
                <a:cubicBezTo>
                  <a:pt x="0" y="74"/>
                  <a:pt x="0" y="72"/>
                  <a:pt x="0" y="71"/>
                </a:cubicBezTo>
                <a:cubicBezTo>
                  <a:pt x="0" y="69"/>
                  <a:pt x="0" y="69"/>
                  <a:pt x="0" y="69"/>
                </a:cubicBezTo>
                <a:cubicBezTo>
                  <a:pt x="0" y="67"/>
                  <a:pt x="0" y="65"/>
                  <a:pt x="2" y="64"/>
                </a:cubicBezTo>
                <a:cubicBezTo>
                  <a:pt x="3" y="63"/>
                  <a:pt x="5" y="62"/>
                  <a:pt x="8" y="62"/>
                </a:cubicBezTo>
                <a:cubicBezTo>
                  <a:pt x="14" y="62"/>
                  <a:pt x="14" y="62"/>
                  <a:pt x="14" y="62"/>
                </a:cubicBezTo>
                <a:cubicBezTo>
                  <a:pt x="14" y="52"/>
                  <a:pt x="14" y="52"/>
                  <a:pt x="14" y="52"/>
                </a:cubicBezTo>
                <a:lnTo>
                  <a:pt x="8" y="52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21" name="Freeform 97"/>
          <p:cNvSpPr>
            <a:spLocks noEditPoints="1"/>
          </p:cNvSpPr>
          <p:nvPr userDrawn="1"/>
        </p:nvSpPr>
        <p:spPr bwMode="auto">
          <a:xfrm>
            <a:off x="6850063" y="5997575"/>
            <a:ext cx="131762" cy="134938"/>
          </a:xfrm>
          <a:custGeom>
            <a:avLst/>
            <a:gdLst/>
            <a:ahLst/>
            <a:cxnLst>
              <a:cxn ang="0">
                <a:pos x="80" y="74"/>
              </a:cxn>
              <a:cxn ang="0">
                <a:pos x="83" y="65"/>
              </a:cxn>
              <a:cxn ang="0">
                <a:pos x="87" y="55"/>
              </a:cxn>
              <a:cxn ang="0">
                <a:pos x="92" y="46"/>
              </a:cxn>
              <a:cxn ang="0">
                <a:pos x="100" y="43"/>
              </a:cxn>
              <a:cxn ang="0">
                <a:pos x="105" y="44"/>
              </a:cxn>
              <a:cxn ang="0">
                <a:pos x="108" y="47"/>
              </a:cxn>
              <a:cxn ang="0">
                <a:pos x="110" y="49"/>
              </a:cxn>
              <a:cxn ang="0">
                <a:pos x="111" y="50"/>
              </a:cxn>
              <a:cxn ang="0">
                <a:pos x="104" y="70"/>
              </a:cxn>
              <a:cxn ang="0">
                <a:pos x="94" y="87"/>
              </a:cxn>
              <a:cxn ang="0">
                <a:pos x="117" y="107"/>
              </a:cxn>
              <a:cxn ang="0">
                <a:pos x="117" y="108"/>
              </a:cxn>
              <a:cxn ang="0">
                <a:pos x="114" y="112"/>
              </a:cxn>
              <a:cxn ang="0">
                <a:pos x="110" y="116"/>
              </a:cxn>
              <a:cxn ang="0">
                <a:pos x="104" y="117"/>
              </a:cxn>
              <a:cxn ang="0">
                <a:pos x="97" y="116"/>
              </a:cxn>
              <a:cxn ang="0">
                <a:pos x="89" y="110"/>
              </a:cxn>
              <a:cxn ang="0">
                <a:pos x="81" y="102"/>
              </a:cxn>
              <a:cxn ang="0">
                <a:pos x="64" y="114"/>
              </a:cxn>
              <a:cxn ang="0">
                <a:pos x="42" y="118"/>
              </a:cxn>
              <a:cxn ang="0">
                <a:pos x="11" y="110"/>
              </a:cxn>
              <a:cxn ang="0">
                <a:pos x="0" y="84"/>
              </a:cxn>
              <a:cxn ang="0">
                <a:pos x="7" y="64"/>
              </a:cxn>
              <a:cxn ang="0">
                <a:pos x="26" y="52"/>
              </a:cxn>
              <a:cxn ang="0">
                <a:pos x="19" y="42"/>
              </a:cxn>
              <a:cxn ang="0">
                <a:pos x="16" y="30"/>
              </a:cxn>
              <a:cxn ang="0">
                <a:pos x="18" y="18"/>
              </a:cxn>
              <a:cxn ang="0">
                <a:pos x="25" y="9"/>
              </a:cxn>
              <a:cxn ang="0">
                <a:pos x="36" y="3"/>
              </a:cxn>
              <a:cxn ang="0">
                <a:pos x="51" y="0"/>
              </a:cxn>
              <a:cxn ang="0">
                <a:pos x="64" y="2"/>
              </a:cxn>
              <a:cxn ang="0">
                <a:pos x="74" y="8"/>
              </a:cxn>
              <a:cxn ang="0">
                <a:pos x="81" y="17"/>
              </a:cxn>
              <a:cxn ang="0">
                <a:pos x="83" y="28"/>
              </a:cxn>
              <a:cxn ang="0">
                <a:pos x="76" y="44"/>
              </a:cxn>
              <a:cxn ang="0">
                <a:pos x="58" y="55"/>
              </a:cxn>
              <a:cxn ang="0">
                <a:pos x="80" y="74"/>
              </a:cxn>
              <a:cxn ang="0">
                <a:pos x="37" y="63"/>
              </a:cxn>
              <a:cxn ang="0">
                <a:pos x="26" y="70"/>
              </a:cxn>
              <a:cxn ang="0">
                <a:pos x="22" y="82"/>
              </a:cxn>
              <a:cxn ang="0">
                <a:pos x="28" y="96"/>
              </a:cxn>
              <a:cxn ang="0">
                <a:pos x="44" y="101"/>
              </a:cxn>
              <a:cxn ang="0">
                <a:pos x="57" y="98"/>
              </a:cxn>
              <a:cxn ang="0">
                <a:pos x="68" y="90"/>
              </a:cxn>
              <a:cxn ang="0">
                <a:pos x="37" y="63"/>
              </a:cxn>
              <a:cxn ang="0">
                <a:pos x="46" y="46"/>
              </a:cxn>
              <a:cxn ang="0">
                <a:pos x="59" y="39"/>
              </a:cxn>
              <a:cxn ang="0">
                <a:pos x="63" y="30"/>
              </a:cxn>
              <a:cxn ang="0">
                <a:pos x="60" y="21"/>
              </a:cxn>
              <a:cxn ang="0">
                <a:pos x="51" y="17"/>
              </a:cxn>
              <a:cxn ang="0">
                <a:pos x="41" y="21"/>
              </a:cxn>
              <a:cxn ang="0">
                <a:pos x="38" y="30"/>
              </a:cxn>
              <a:cxn ang="0">
                <a:pos x="40" y="39"/>
              </a:cxn>
              <a:cxn ang="0">
                <a:pos x="46" y="46"/>
              </a:cxn>
            </a:cxnLst>
            <a:rect l="0" t="0" r="r" b="b"/>
            <a:pathLst>
              <a:path w="117" h="118">
                <a:moveTo>
                  <a:pt x="80" y="74"/>
                </a:moveTo>
                <a:cubicBezTo>
                  <a:pt x="81" y="71"/>
                  <a:pt x="82" y="68"/>
                  <a:pt x="83" y="65"/>
                </a:cubicBezTo>
                <a:cubicBezTo>
                  <a:pt x="85" y="62"/>
                  <a:pt x="86" y="59"/>
                  <a:pt x="87" y="55"/>
                </a:cubicBezTo>
                <a:cubicBezTo>
                  <a:pt x="89" y="51"/>
                  <a:pt x="90" y="48"/>
                  <a:pt x="92" y="46"/>
                </a:cubicBezTo>
                <a:cubicBezTo>
                  <a:pt x="94" y="44"/>
                  <a:pt x="97" y="43"/>
                  <a:pt x="100" y="43"/>
                </a:cubicBezTo>
                <a:cubicBezTo>
                  <a:pt x="102" y="43"/>
                  <a:pt x="103" y="44"/>
                  <a:pt x="105" y="44"/>
                </a:cubicBezTo>
                <a:cubicBezTo>
                  <a:pt x="106" y="45"/>
                  <a:pt x="107" y="46"/>
                  <a:pt x="108" y="47"/>
                </a:cubicBezTo>
                <a:cubicBezTo>
                  <a:pt x="109" y="47"/>
                  <a:pt x="110" y="48"/>
                  <a:pt x="110" y="49"/>
                </a:cubicBezTo>
                <a:cubicBezTo>
                  <a:pt x="111" y="49"/>
                  <a:pt x="111" y="50"/>
                  <a:pt x="111" y="50"/>
                </a:cubicBezTo>
                <a:cubicBezTo>
                  <a:pt x="109" y="57"/>
                  <a:pt x="107" y="64"/>
                  <a:pt x="104" y="70"/>
                </a:cubicBezTo>
                <a:cubicBezTo>
                  <a:pt x="101" y="76"/>
                  <a:pt x="98" y="81"/>
                  <a:pt x="94" y="87"/>
                </a:cubicBezTo>
                <a:cubicBezTo>
                  <a:pt x="117" y="107"/>
                  <a:pt x="117" y="107"/>
                  <a:pt x="117" y="107"/>
                </a:cubicBezTo>
                <a:cubicBezTo>
                  <a:pt x="117" y="107"/>
                  <a:pt x="117" y="107"/>
                  <a:pt x="117" y="108"/>
                </a:cubicBezTo>
                <a:cubicBezTo>
                  <a:pt x="116" y="110"/>
                  <a:pt x="115" y="111"/>
                  <a:pt x="114" y="112"/>
                </a:cubicBezTo>
                <a:cubicBezTo>
                  <a:pt x="113" y="113"/>
                  <a:pt x="112" y="114"/>
                  <a:pt x="110" y="116"/>
                </a:cubicBezTo>
                <a:cubicBezTo>
                  <a:pt x="108" y="117"/>
                  <a:pt x="106" y="117"/>
                  <a:pt x="104" y="117"/>
                </a:cubicBezTo>
                <a:cubicBezTo>
                  <a:pt x="102" y="117"/>
                  <a:pt x="99" y="117"/>
                  <a:pt x="97" y="116"/>
                </a:cubicBezTo>
                <a:cubicBezTo>
                  <a:pt x="94" y="115"/>
                  <a:pt x="92" y="113"/>
                  <a:pt x="89" y="110"/>
                </a:cubicBezTo>
                <a:cubicBezTo>
                  <a:pt x="81" y="102"/>
                  <a:pt x="81" y="102"/>
                  <a:pt x="81" y="102"/>
                </a:cubicBezTo>
                <a:cubicBezTo>
                  <a:pt x="76" y="107"/>
                  <a:pt x="70" y="111"/>
                  <a:pt x="64" y="114"/>
                </a:cubicBezTo>
                <a:cubicBezTo>
                  <a:pt x="57" y="117"/>
                  <a:pt x="50" y="118"/>
                  <a:pt x="42" y="118"/>
                </a:cubicBezTo>
                <a:cubicBezTo>
                  <a:pt x="29" y="118"/>
                  <a:pt x="19" y="115"/>
                  <a:pt x="11" y="110"/>
                </a:cubicBezTo>
                <a:cubicBezTo>
                  <a:pt x="3" y="104"/>
                  <a:pt x="0" y="95"/>
                  <a:pt x="0" y="84"/>
                </a:cubicBezTo>
                <a:cubicBezTo>
                  <a:pt x="0" y="76"/>
                  <a:pt x="2" y="70"/>
                  <a:pt x="7" y="64"/>
                </a:cubicBezTo>
                <a:cubicBezTo>
                  <a:pt x="11" y="59"/>
                  <a:pt x="18" y="55"/>
                  <a:pt x="26" y="52"/>
                </a:cubicBezTo>
                <a:cubicBezTo>
                  <a:pt x="23" y="49"/>
                  <a:pt x="20" y="46"/>
                  <a:pt x="19" y="42"/>
                </a:cubicBezTo>
                <a:cubicBezTo>
                  <a:pt x="17" y="38"/>
                  <a:pt x="16" y="34"/>
                  <a:pt x="16" y="30"/>
                </a:cubicBezTo>
                <a:cubicBezTo>
                  <a:pt x="16" y="25"/>
                  <a:pt x="16" y="22"/>
                  <a:pt x="18" y="18"/>
                </a:cubicBezTo>
                <a:cubicBezTo>
                  <a:pt x="20" y="14"/>
                  <a:pt x="22" y="11"/>
                  <a:pt x="25" y="9"/>
                </a:cubicBezTo>
                <a:cubicBezTo>
                  <a:pt x="28" y="6"/>
                  <a:pt x="32" y="4"/>
                  <a:pt x="36" y="3"/>
                </a:cubicBezTo>
                <a:cubicBezTo>
                  <a:pt x="41" y="1"/>
                  <a:pt x="46" y="0"/>
                  <a:pt x="51" y="0"/>
                </a:cubicBezTo>
                <a:cubicBezTo>
                  <a:pt x="56" y="0"/>
                  <a:pt x="60" y="1"/>
                  <a:pt x="64" y="2"/>
                </a:cubicBezTo>
                <a:cubicBezTo>
                  <a:pt x="68" y="4"/>
                  <a:pt x="71" y="6"/>
                  <a:pt x="74" y="8"/>
                </a:cubicBezTo>
                <a:cubicBezTo>
                  <a:pt x="77" y="10"/>
                  <a:pt x="79" y="13"/>
                  <a:pt x="81" y="17"/>
                </a:cubicBezTo>
                <a:cubicBezTo>
                  <a:pt x="82" y="20"/>
                  <a:pt x="83" y="24"/>
                  <a:pt x="83" y="28"/>
                </a:cubicBezTo>
                <a:cubicBezTo>
                  <a:pt x="83" y="34"/>
                  <a:pt x="81" y="40"/>
                  <a:pt x="76" y="44"/>
                </a:cubicBezTo>
                <a:cubicBezTo>
                  <a:pt x="72" y="49"/>
                  <a:pt x="66" y="52"/>
                  <a:pt x="58" y="55"/>
                </a:cubicBezTo>
                <a:lnTo>
                  <a:pt x="80" y="74"/>
                </a:lnTo>
                <a:close/>
                <a:moveTo>
                  <a:pt x="37" y="63"/>
                </a:moveTo>
                <a:cubicBezTo>
                  <a:pt x="32" y="64"/>
                  <a:pt x="29" y="67"/>
                  <a:pt x="26" y="70"/>
                </a:cubicBezTo>
                <a:cubicBezTo>
                  <a:pt x="23" y="73"/>
                  <a:pt x="22" y="77"/>
                  <a:pt x="22" y="82"/>
                </a:cubicBezTo>
                <a:cubicBezTo>
                  <a:pt x="22" y="88"/>
                  <a:pt x="24" y="92"/>
                  <a:pt x="28" y="96"/>
                </a:cubicBezTo>
                <a:cubicBezTo>
                  <a:pt x="32" y="99"/>
                  <a:pt x="37" y="101"/>
                  <a:pt x="44" y="101"/>
                </a:cubicBezTo>
                <a:cubicBezTo>
                  <a:pt x="48" y="101"/>
                  <a:pt x="53" y="100"/>
                  <a:pt x="57" y="98"/>
                </a:cubicBezTo>
                <a:cubicBezTo>
                  <a:pt x="61" y="96"/>
                  <a:pt x="64" y="93"/>
                  <a:pt x="68" y="90"/>
                </a:cubicBezTo>
                <a:lnTo>
                  <a:pt x="37" y="63"/>
                </a:lnTo>
                <a:close/>
                <a:moveTo>
                  <a:pt x="46" y="46"/>
                </a:moveTo>
                <a:cubicBezTo>
                  <a:pt x="52" y="44"/>
                  <a:pt x="57" y="42"/>
                  <a:pt x="59" y="39"/>
                </a:cubicBezTo>
                <a:cubicBezTo>
                  <a:pt x="62" y="37"/>
                  <a:pt x="63" y="33"/>
                  <a:pt x="63" y="30"/>
                </a:cubicBezTo>
                <a:cubicBezTo>
                  <a:pt x="63" y="26"/>
                  <a:pt x="62" y="23"/>
                  <a:pt x="60" y="21"/>
                </a:cubicBezTo>
                <a:cubicBezTo>
                  <a:pt x="57" y="18"/>
                  <a:pt x="54" y="17"/>
                  <a:pt x="51" y="17"/>
                </a:cubicBezTo>
                <a:cubicBezTo>
                  <a:pt x="47" y="17"/>
                  <a:pt x="43" y="18"/>
                  <a:pt x="41" y="21"/>
                </a:cubicBezTo>
                <a:cubicBezTo>
                  <a:pt x="39" y="23"/>
                  <a:pt x="38" y="26"/>
                  <a:pt x="38" y="30"/>
                </a:cubicBezTo>
                <a:cubicBezTo>
                  <a:pt x="38" y="33"/>
                  <a:pt x="39" y="36"/>
                  <a:pt x="40" y="39"/>
                </a:cubicBezTo>
                <a:cubicBezTo>
                  <a:pt x="42" y="41"/>
                  <a:pt x="44" y="43"/>
                  <a:pt x="46" y="46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25" name="Freeform 101"/>
          <p:cNvSpPr>
            <a:spLocks noEditPoints="1"/>
          </p:cNvSpPr>
          <p:nvPr userDrawn="1"/>
        </p:nvSpPr>
        <p:spPr bwMode="auto">
          <a:xfrm>
            <a:off x="7158038" y="6000750"/>
            <a:ext cx="106363" cy="127000"/>
          </a:xfrm>
          <a:custGeom>
            <a:avLst/>
            <a:gdLst/>
            <a:ahLst/>
            <a:cxnLst>
              <a:cxn ang="0">
                <a:pos x="47" y="113"/>
              </a:cxn>
              <a:cxn ang="0">
                <a:pos x="27" y="109"/>
              </a:cxn>
              <a:cxn ang="0">
                <a:pos x="12" y="99"/>
              </a:cxn>
              <a:cxn ang="0">
                <a:pos x="3" y="83"/>
              </a:cxn>
              <a:cxn ang="0">
                <a:pos x="0" y="62"/>
              </a:cxn>
              <a:cxn ang="0">
                <a:pos x="0" y="51"/>
              </a:cxn>
              <a:cxn ang="0">
                <a:pos x="3" y="30"/>
              </a:cxn>
              <a:cxn ang="0">
                <a:pos x="12" y="14"/>
              </a:cxn>
              <a:cxn ang="0">
                <a:pos x="27" y="3"/>
              </a:cxn>
              <a:cxn ang="0">
                <a:pos x="47" y="0"/>
              </a:cxn>
              <a:cxn ang="0">
                <a:pos x="67" y="3"/>
              </a:cxn>
              <a:cxn ang="0">
                <a:pos x="82" y="13"/>
              </a:cxn>
              <a:cxn ang="0">
                <a:pos x="92" y="30"/>
              </a:cxn>
              <a:cxn ang="0">
                <a:pos x="95" y="51"/>
              </a:cxn>
              <a:cxn ang="0">
                <a:pos x="95" y="62"/>
              </a:cxn>
              <a:cxn ang="0">
                <a:pos x="92" y="83"/>
              </a:cxn>
              <a:cxn ang="0">
                <a:pos x="82" y="99"/>
              </a:cxn>
              <a:cxn ang="0">
                <a:pos x="67" y="109"/>
              </a:cxn>
              <a:cxn ang="0">
                <a:pos x="47" y="113"/>
              </a:cxn>
              <a:cxn ang="0">
                <a:pos x="47" y="93"/>
              </a:cxn>
              <a:cxn ang="0">
                <a:pos x="64" y="85"/>
              </a:cxn>
              <a:cxn ang="0">
                <a:pos x="70" y="63"/>
              </a:cxn>
              <a:cxn ang="0">
                <a:pos x="70" y="49"/>
              </a:cxn>
              <a:cxn ang="0">
                <a:pos x="64" y="27"/>
              </a:cxn>
              <a:cxn ang="0">
                <a:pos x="47" y="20"/>
              </a:cxn>
              <a:cxn ang="0">
                <a:pos x="30" y="27"/>
              </a:cxn>
              <a:cxn ang="0">
                <a:pos x="25" y="49"/>
              </a:cxn>
              <a:cxn ang="0">
                <a:pos x="25" y="63"/>
              </a:cxn>
              <a:cxn ang="0">
                <a:pos x="30" y="85"/>
              </a:cxn>
              <a:cxn ang="0">
                <a:pos x="47" y="93"/>
              </a:cxn>
            </a:cxnLst>
            <a:rect l="0" t="0" r="r" b="b"/>
            <a:pathLst>
              <a:path w="95" h="113">
                <a:moveTo>
                  <a:pt x="47" y="113"/>
                </a:moveTo>
                <a:cubicBezTo>
                  <a:pt x="40" y="113"/>
                  <a:pt x="33" y="112"/>
                  <a:pt x="27" y="109"/>
                </a:cubicBezTo>
                <a:cubicBezTo>
                  <a:pt x="21" y="107"/>
                  <a:pt x="16" y="104"/>
                  <a:pt x="12" y="99"/>
                </a:cubicBezTo>
                <a:cubicBezTo>
                  <a:pt x="8" y="95"/>
                  <a:pt x="5" y="89"/>
                  <a:pt x="3" y="83"/>
                </a:cubicBezTo>
                <a:cubicBezTo>
                  <a:pt x="1" y="77"/>
                  <a:pt x="0" y="70"/>
                  <a:pt x="0" y="62"/>
                </a:cubicBezTo>
                <a:cubicBezTo>
                  <a:pt x="0" y="51"/>
                  <a:pt x="0" y="51"/>
                  <a:pt x="0" y="51"/>
                </a:cubicBezTo>
                <a:cubicBezTo>
                  <a:pt x="0" y="43"/>
                  <a:pt x="1" y="36"/>
                  <a:pt x="3" y="30"/>
                </a:cubicBezTo>
                <a:cubicBezTo>
                  <a:pt x="5" y="23"/>
                  <a:pt x="8" y="18"/>
                  <a:pt x="12" y="14"/>
                </a:cubicBezTo>
                <a:cubicBezTo>
                  <a:pt x="17" y="9"/>
                  <a:pt x="22" y="6"/>
                  <a:pt x="27" y="3"/>
                </a:cubicBezTo>
                <a:cubicBezTo>
                  <a:pt x="33" y="1"/>
                  <a:pt x="40" y="0"/>
                  <a:pt x="47" y="0"/>
                </a:cubicBezTo>
                <a:cubicBezTo>
                  <a:pt x="55" y="0"/>
                  <a:pt x="61" y="1"/>
                  <a:pt x="67" y="3"/>
                </a:cubicBezTo>
                <a:cubicBezTo>
                  <a:pt x="73" y="6"/>
                  <a:pt x="78" y="9"/>
                  <a:pt x="82" y="13"/>
                </a:cubicBezTo>
                <a:cubicBezTo>
                  <a:pt x="86" y="18"/>
                  <a:pt x="90" y="23"/>
                  <a:pt x="92" y="30"/>
                </a:cubicBezTo>
                <a:cubicBezTo>
                  <a:pt x="94" y="36"/>
                  <a:pt x="95" y="43"/>
                  <a:pt x="95" y="51"/>
                </a:cubicBezTo>
                <a:cubicBezTo>
                  <a:pt x="95" y="62"/>
                  <a:pt x="95" y="62"/>
                  <a:pt x="95" y="62"/>
                </a:cubicBezTo>
                <a:cubicBezTo>
                  <a:pt x="95" y="69"/>
                  <a:pt x="94" y="77"/>
                  <a:pt x="92" y="83"/>
                </a:cubicBezTo>
                <a:cubicBezTo>
                  <a:pt x="90" y="89"/>
                  <a:pt x="86" y="95"/>
                  <a:pt x="82" y="99"/>
                </a:cubicBezTo>
                <a:cubicBezTo>
                  <a:pt x="78" y="104"/>
                  <a:pt x="73" y="107"/>
                  <a:pt x="67" y="109"/>
                </a:cubicBezTo>
                <a:cubicBezTo>
                  <a:pt x="61" y="112"/>
                  <a:pt x="55" y="113"/>
                  <a:pt x="47" y="113"/>
                </a:cubicBezTo>
                <a:close/>
                <a:moveTo>
                  <a:pt x="47" y="93"/>
                </a:moveTo>
                <a:cubicBezTo>
                  <a:pt x="55" y="93"/>
                  <a:pt x="60" y="90"/>
                  <a:pt x="64" y="85"/>
                </a:cubicBezTo>
                <a:cubicBezTo>
                  <a:pt x="68" y="80"/>
                  <a:pt x="70" y="73"/>
                  <a:pt x="70" y="63"/>
                </a:cubicBezTo>
                <a:cubicBezTo>
                  <a:pt x="70" y="49"/>
                  <a:pt x="70" y="49"/>
                  <a:pt x="70" y="49"/>
                </a:cubicBezTo>
                <a:cubicBezTo>
                  <a:pt x="70" y="40"/>
                  <a:pt x="68" y="32"/>
                  <a:pt x="64" y="27"/>
                </a:cubicBezTo>
                <a:cubicBezTo>
                  <a:pt x="60" y="22"/>
                  <a:pt x="55" y="20"/>
                  <a:pt x="47" y="20"/>
                </a:cubicBezTo>
                <a:cubicBezTo>
                  <a:pt x="40" y="20"/>
                  <a:pt x="34" y="22"/>
                  <a:pt x="30" y="27"/>
                </a:cubicBezTo>
                <a:cubicBezTo>
                  <a:pt x="27" y="32"/>
                  <a:pt x="25" y="39"/>
                  <a:pt x="25" y="49"/>
                </a:cubicBezTo>
                <a:cubicBezTo>
                  <a:pt x="25" y="63"/>
                  <a:pt x="25" y="63"/>
                  <a:pt x="25" y="63"/>
                </a:cubicBezTo>
                <a:cubicBezTo>
                  <a:pt x="25" y="73"/>
                  <a:pt x="27" y="80"/>
                  <a:pt x="30" y="85"/>
                </a:cubicBezTo>
                <a:cubicBezTo>
                  <a:pt x="34" y="90"/>
                  <a:pt x="40" y="93"/>
                  <a:pt x="47" y="9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29" name="Freeform 105"/>
          <p:cNvSpPr>
            <a:spLocks/>
          </p:cNvSpPr>
          <p:nvPr userDrawn="1"/>
        </p:nvSpPr>
        <p:spPr bwMode="auto">
          <a:xfrm>
            <a:off x="7453313" y="6000750"/>
            <a:ext cx="95250" cy="125412"/>
          </a:xfrm>
          <a:custGeom>
            <a:avLst/>
            <a:gdLst/>
            <a:ahLst/>
            <a:cxnLst>
              <a:cxn ang="0">
                <a:pos x="23" y="91"/>
              </a:cxn>
              <a:cxn ang="0">
                <a:pos x="37" y="91"/>
              </a:cxn>
              <a:cxn ang="0">
                <a:pos x="51" y="91"/>
              </a:cxn>
              <a:cxn ang="0">
                <a:pos x="64" y="91"/>
              </a:cxn>
              <a:cxn ang="0">
                <a:pos x="73" y="91"/>
              </a:cxn>
              <a:cxn ang="0">
                <a:pos x="82" y="93"/>
              </a:cxn>
              <a:cxn ang="0">
                <a:pos x="84" y="100"/>
              </a:cxn>
              <a:cxn ang="0">
                <a:pos x="84" y="101"/>
              </a:cxn>
              <a:cxn ang="0">
                <a:pos x="82" y="108"/>
              </a:cxn>
              <a:cxn ang="0">
                <a:pos x="73" y="111"/>
              </a:cxn>
              <a:cxn ang="0">
                <a:pos x="15" y="111"/>
              </a:cxn>
              <a:cxn ang="0">
                <a:pos x="4" y="108"/>
              </a:cxn>
              <a:cxn ang="0">
                <a:pos x="0" y="98"/>
              </a:cxn>
              <a:cxn ang="0">
                <a:pos x="0" y="93"/>
              </a:cxn>
              <a:cxn ang="0">
                <a:pos x="3" y="79"/>
              </a:cxn>
              <a:cxn ang="0">
                <a:pos x="11" y="69"/>
              </a:cxn>
              <a:cxn ang="0">
                <a:pos x="22" y="61"/>
              </a:cxn>
              <a:cxn ang="0">
                <a:pos x="34" y="55"/>
              </a:cxn>
              <a:cxn ang="0">
                <a:pos x="43" y="50"/>
              </a:cxn>
              <a:cxn ang="0">
                <a:pos x="51" y="46"/>
              </a:cxn>
              <a:cxn ang="0">
                <a:pos x="57" y="41"/>
              </a:cxn>
              <a:cxn ang="0">
                <a:pos x="59" y="34"/>
              </a:cxn>
              <a:cxn ang="0">
                <a:pos x="54" y="24"/>
              </a:cxn>
              <a:cxn ang="0">
                <a:pos x="40" y="20"/>
              </a:cxn>
              <a:cxn ang="0">
                <a:pos x="31" y="21"/>
              </a:cxn>
              <a:cxn ang="0">
                <a:pos x="24" y="26"/>
              </a:cxn>
              <a:cxn ang="0">
                <a:pos x="20" y="32"/>
              </a:cxn>
              <a:cxn ang="0">
                <a:pos x="17" y="39"/>
              </a:cxn>
              <a:cxn ang="0">
                <a:pos x="14" y="39"/>
              </a:cxn>
              <a:cxn ang="0">
                <a:pos x="9" y="38"/>
              </a:cxn>
              <a:cxn ang="0">
                <a:pos x="3" y="35"/>
              </a:cxn>
              <a:cxn ang="0">
                <a:pos x="1" y="27"/>
              </a:cxn>
              <a:cxn ang="0">
                <a:pos x="3" y="17"/>
              </a:cxn>
              <a:cxn ang="0">
                <a:pos x="11" y="9"/>
              </a:cxn>
              <a:cxn ang="0">
                <a:pos x="24" y="2"/>
              </a:cxn>
              <a:cxn ang="0">
                <a:pos x="42" y="0"/>
              </a:cxn>
              <a:cxn ang="0">
                <a:pos x="72" y="9"/>
              </a:cxn>
              <a:cxn ang="0">
                <a:pos x="83" y="34"/>
              </a:cxn>
              <a:cxn ang="0">
                <a:pos x="80" y="46"/>
              </a:cxn>
              <a:cxn ang="0">
                <a:pos x="73" y="56"/>
              </a:cxn>
              <a:cxn ang="0">
                <a:pos x="63" y="62"/>
              </a:cxn>
              <a:cxn ang="0">
                <a:pos x="52" y="68"/>
              </a:cxn>
              <a:cxn ang="0">
                <a:pos x="41" y="72"/>
              </a:cxn>
              <a:cxn ang="0">
                <a:pos x="33" y="77"/>
              </a:cxn>
              <a:cxn ang="0">
                <a:pos x="26" y="83"/>
              </a:cxn>
              <a:cxn ang="0">
                <a:pos x="23" y="91"/>
              </a:cxn>
            </a:cxnLst>
            <a:rect l="0" t="0" r="r" b="b"/>
            <a:pathLst>
              <a:path w="84" h="111">
                <a:moveTo>
                  <a:pt x="23" y="91"/>
                </a:moveTo>
                <a:cubicBezTo>
                  <a:pt x="27" y="91"/>
                  <a:pt x="32" y="91"/>
                  <a:pt x="37" y="91"/>
                </a:cubicBezTo>
                <a:cubicBezTo>
                  <a:pt x="42" y="91"/>
                  <a:pt x="47" y="91"/>
                  <a:pt x="51" y="91"/>
                </a:cubicBezTo>
                <a:cubicBezTo>
                  <a:pt x="56" y="91"/>
                  <a:pt x="60" y="91"/>
                  <a:pt x="64" y="91"/>
                </a:cubicBezTo>
                <a:cubicBezTo>
                  <a:pt x="68" y="91"/>
                  <a:pt x="71" y="91"/>
                  <a:pt x="73" y="91"/>
                </a:cubicBezTo>
                <a:cubicBezTo>
                  <a:pt x="77" y="91"/>
                  <a:pt x="80" y="91"/>
                  <a:pt x="82" y="93"/>
                </a:cubicBezTo>
                <a:cubicBezTo>
                  <a:pt x="83" y="95"/>
                  <a:pt x="84" y="97"/>
                  <a:pt x="84" y="100"/>
                </a:cubicBezTo>
                <a:cubicBezTo>
                  <a:pt x="84" y="101"/>
                  <a:pt x="84" y="101"/>
                  <a:pt x="84" y="101"/>
                </a:cubicBezTo>
                <a:cubicBezTo>
                  <a:pt x="84" y="104"/>
                  <a:pt x="83" y="107"/>
                  <a:pt x="82" y="108"/>
                </a:cubicBezTo>
                <a:cubicBezTo>
                  <a:pt x="80" y="110"/>
                  <a:pt x="77" y="111"/>
                  <a:pt x="73" y="111"/>
                </a:cubicBezTo>
                <a:cubicBezTo>
                  <a:pt x="15" y="111"/>
                  <a:pt x="15" y="111"/>
                  <a:pt x="15" y="111"/>
                </a:cubicBezTo>
                <a:cubicBezTo>
                  <a:pt x="10" y="111"/>
                  <a:pt x="6" y="110"/>
                  <a:pt x="4" y="108"/>
                </a:cubicBezTo>
                <a:cubicBezTo>
                  <a:pt x="1" y="107"/>
                  <a:pt x="0" y="103"/>
                  <a:pt x="0" y="98"/>
                </a:cubicBezTo>
                <a:cubicBezTo>
                  <a:pt x="0" y="93"/>
                  <a:pt x="0" y="93"/>
                  <a:pt x="0" y="93"/>
                </a:cubicBezTo>
                <a:cubicBezTo>
                  <a:pt x="0" y="88"/>
                  <a:pt x="1" y="83"/>
                  <a:pt x="3" y="79"/>
                </a:cubicBezTo>
                <a:cubicBezTo>
                  <a:pt x="5" y="75"/>
                  <a:pt x="8" y="72"/>
                  <a:pt x="11" y="69"/>
                </a:cubicBezTo>
                <a:cubicBezTo>
                  <a:pt x="15" y="66"/>
                  <a:pt x="18" y="63"/>
                  <a:pt x="22" y="61"/>
                </a:cubicBezTo>
                <a:cubicBezTo>
                  <a:pt x="26" y="59"/>
                  <a:pt x="30" y="56"/>
                  <a:pt x="34" y="55"/>
                </a:cubicBezTo>
                <a:cubicBezTo>
                  <a:pt x="37" y="53"/>
                  <a:pt x="40" y="52"/>
                  <a:pt x="43" y="50"/>
                </a:cubicBezTo>
                <a:cubicBezTo>
                  <a:pt x="46" y="49"/>
                  <a:pt x="49" y="47"/>
                  <a:pt x="51" y="46"/>
                </a:cubicBezTo>
                <a:cubicBezTo>
                  <a:pt x="54" y="44"/>
                  <a:pt x="55" y="43"/>
                  <a:pt x="57" y="41"/>
                </a:cubicBezTo>
                <a:cubicBezTo>
                  <a:pt x="58" y="39"/>
                  <a:pt x="59" y="37"/>
                  <a:pt x="59" y="34"/>
                </a:cubicBezTo>
                <a:cubicBezTo>
                  <a:pt x="59" y="30"/>
                  <a:pt x="57" y="26"/>
                  <a:pt x="54" y="24"/>
                </a:cubicBezTo>
                <a:cubicBezTo>
                  <a:pt x="51" y="21"/>
                  <a:pt x="46" y="20"/>
                  <a:pt x="40" y="20"/>
                </a:cubicBezTo>
                <a:cubicBezTo>
                  <a:pt x="37" y="20"/>
                  <a:pt x="34" y="20"/>
                  <a:pt x="31" y="21"/>
                </a:cubicBezTo>
                <a:cubicBezTo>
                  <a:pt x="29" y="22"/>
                  <a:pt x="26" y="24"/>
                  <a:pt x="24" y="26"/>
                </a:cubicBezTo>
                <a:cubicBezTo>
                  <a:pt x="22" y="27"/>
                  <a:pt x="21" y="29"/>
                  <a:pt x="20" y="32"/>
                </a:cubicBezTo>
                <a:cubicBezTo>
                  <a:pt x="18" y="34"/>
                  <a:pt x="18" y="36"/>
                  <a:pt x="17" y="39"/>
                </a:cubicBezTo>
                <a:cubicBezTo>
                  <a:pt x="17" y="39"/>
                  <a:pt x="16" y="39"/>
                  <a:pt x="14" y="39"/>
                </a:cubicBezTo>
                <a:cubicBezTo>
                  <a:pt x="13" y="39"/>
                  <a:pt x="11" y="39"/>
                  <a:pt x="9" y="38"/>
                </a:cubicBezTo>
                <a:cubicBezTo>
                  <a:pt x="7" y="37"/>
                  <a:pt x="5" y="36"/>
                  <a:pt x="3" y="35"/>
                </a:cubicBezTo>
                <a:cubicBezTo>
                  <a:pt x="2" y="33"/>
                  <a:pt x="1" y="31"/>
                  <a:pt x="1" y="27"/>
                </a:cubicBezTo>
                <a:cubicBezTo>
                  <a:pt x="1" y="24"/>
                  <a:pt x="2" y="21"/>
                  <a:pt x="3" y="17"/>
                </a:cubicBezTo>
                <a:cubicBezTo>
                  <a:pt x="5" y="14"/>
                  <a:pt x="8" y="11"/>
                  <a:pt x="11" y="9"/>
                </a:cubicBezTo>
                <a:cubicBezTo>
                  <a:pt x="15" y="6"/>
                  <a:pt x="19" y="4"/>
                  <a:pt x="24" y="2"/>
                </a:cubicBezTo>
                <a:cubicBezTo>
                  <a:pt x="29" y="1"/>
                  <a:pt x="35" y="0"/>
                  <a:pt x="42" y="0"/>
                </a:cubicBezTo>
                <a:cubicBezTo>
                  <a:pt x="55" y="0"/>
                  <a:pt x="65" y="3"/>
                  <a:pt x="72" y="9"/>
                </a:cubicBezTo>
                <a:cubicBezTo>
                  <a:pt x="79" y="15"/>
                  <a:pt x="83" y="23"/>
                  <a:pt x="83" y="34"/>
                </a:cubicBezTo>
                <a:cubicBezTo>
                  <a:pt x="83" y="39"/>
                  <a:pt x="82" y="43"/>
                  <a:pt x="80" y="46"/>
                </a:cubicBezTo>
                <a:cubicBezTo>
                  <a:pt x="78" y="50"/>
                  <a:pt x="76" y="53"/>
                  <a:pt x="73" y="56"/>
                </a:cubicBezTo>
                <a:cubicBezTo>
                  <a:pt x="70" y="58"/>
                  <a:pt x="67" y="60"/>
                  <a:pt x="63" y="62"/>
                </a:cubicBezTo>
                <a:cubicBezTo>
                  <a:pt x="60" y="64"/>
                  <a:pt x="56" y="66"/>
                  <a:pt x="52" y="68"/>
                </a:cubicBezTo>
                <a:cubicBezTo>
                  <a:pt x="48" y="69"/>
                  <a:pt x="44" y="71"/>
                  <a:pt x="41" y="72"/>
                </a:cubicBezTo>
                <a:cubicBezTo>
                  <a:pt x="38" y="74"/>
                  <a:pt x="35" y="75"/>
                  <a:pt x="33" y="77"/>
                </a:cubicBezTo>
                <a:cubicBezTo>
                  <a:pt x="30" y="79"/>
                  <a:pt x="28" y="81"/>
                  <a:pt x="26" y="83"/>
                </a:cubicBezTo>
                <a:cubicBezTo>
                  <a:pt x="25" y="85"/>
                  <a:pt x="24" y="88"/>
                  <a:pt x="23" y="9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33" name="Freeform 109"/>
          <p:cNvSpPr>
            <a:spLocks/>
          </p:cNvSpPr>
          <p:nvPr userDrawn="1"/>
        </p:nvSpPr>
        <p:spPr bwMode="auto">
          <a:xfrm>
            <a:off x="7732713" y="6010275"/>
            <a:ext cx="112713" cy="112712"/>
          </a:xfrm>
          <a:custGeom>
            <a:avLst/>
            <a:gdLst/>
            <a:ahLst/>
            <a:cxnLst>
              <a:cxn ang="0">
                <a:pos x="72" y="7"/>
              </a:cxn>
              <a:cxn ang="0">
                <a:pos x="49" y="30"/>
              </a:cxn>
              <a:cxn ang="0">
                <a:pos x="26" y="7"/>
              </a:cxn>
              <a:cxn ang="0">
                <a:pos x="7" y="6"/>
              </a:cxn>
              <a:cxn ang="0">
                <a:pos x="6" y="7"/>
              </a:cxn>
              <a:cxn ang="0">
                <a:pos x="7" y="26"/>
              </a:cxn>
              <a:cxn ang="0">
                <a:pos x="30" y="49"/>
              </a:cxn>
              <a:cxn ang="0">
                <a:pos x="7" y="72"/>
              </a:cxn>
              <a:cxn ang="0">
                <a:pos x="6" y="92"/>
              </a:cxn>
              <a:cxn ang="0">
                <a:pos x="7" y="93"/>
              </a:cxn>
              <a:cxn ang="0">
                <a:pos x="26" y="92"/>
              </a:cxn>
              <a:cxn ang="0">
                <a:pos x="49" y="68"/>
              </a:cxn>
              <a:cxn ang="0">
                <a:pos x="72" y="92"/>
              </a:cxn>
              <a:cxn ang="0">
                <a:pos x="92" y="93"/>
              </a:cxn>
              <a:cxn ang="0">
                <a:pos x="93" y="92"/>
              </a:cxn>
              <a:cxn ang="0">
                <a:pos x="91" y="73"/>
              </a:cxn>
              <a:cxn ang="0">
                <a:pos x="68" y="49"/>
              </a:cxn>
              <a:cxn ang="0">
                <a:pos x="91" y="26"/>
              </a:cxn>
              <a:cxn ang="0">
                <a:pos x="93" y="7"/>
              </a:cxn>
              <a:cxn ang="0">
                <a:pos x="92" y="6"/>
              </a:cxn>
              <a:cxn ang="0">
                <a:pos x="72" y="7"/>
              </a:cxn>
            </a:cxnLst>
            <a:rect l="0" t="0" r="r" b="b"/>
            <a:pathLst>
              <a:path w="99" h="99">
                <a:moveTo>
                  <a:pt x="72" y="7"/>
                </a:moveTo>
                <a:cubicBezTo>
                  <a:pt x="49" y="30"/>
                  <a:pt x="49" y="30"/>
                  <a:pt x="49" y="30"/>
                </a:cubicBezTo>
                <a:cubicBezTo>
                  <a:pt x="26" y="7"/>
                  <a:pt x="26" y="7"/>
                  <a:pt x="26" y="7"/>
                </a:cubicBezTo>
                <a:cubicBezTo>
                  <a:pt x="19" y="0"/>
                  <a:pt x="12" y="0"/>
                  <a:pt x="7" y="6"/>
                </a:cubicBezTo>
                <a:cubicBezTo>
                  <a:pt x="6" y="7"/>
                  <a:pt x="6" y="7"/>
                  <a:pt x="6" y="7"/>
                </a:cubicBezTo>
                <a:cubicBezTo>
                  <a:pt x="0" y="12"/>
                  <a:pt x="0" y="19"/>
                  <a:pt x="7" y="26"/>
                </a:cubicBezTo>
                <a:cubicBezTo>
                  <a:pt x="30" y="49"/>
                  <a:pt x="30" y="49"/>
                  <a:pt x="30" y="49"/>
                </a:cubicBezTo>
                <a:cubicBezTo>
                  <a:pt x="7" y="72"/>
                  <a:pt x="7" y="72"/>
                  <a:pt x="7" y="72"/>
                </a:cubicBezTo>
                <a:cubicBezTo>
                  <a:pt x="0" y="80"/>
                  <a:pt x="0" y="86"/>
                  <a:pt x="6" y="92"/>
                </a:cubicBezTo>
                <a:cubicBezTo>
                  <a:pt x="7" y="93"/>
                  <a:pt x="7" y="93"/>
                  <a:pt x="7" y="93"/>
                </a:cubicBezTo>
                <a:cubicBezTo>
                  <a:pt x="12" y="98"/>
                  <a:pt x="19" y="99"/>
                  <a:pt x="26" y="92"/>
                </a:cubicBezTo>
                <a:cubicBezTo>
                  <a:pt x="49" y="68"/>
                  <a:pt x="49" y="68"/>
                  <a:pt x="49" y="68"/>
                </a:cubicBezTo>
                <a:cubicBezTo>
                  <a:pt x="72" y="92"/>
                  <a:pt x="72" y="92"/>
                  <a:pt x="72" y="92"/>
                </a:cubicBezTo>
                <a:cubicBezTo>
                  <a:pt x="80" y="99"/>
                  <a:pt x="86" y="98"/>
                  <a:pt x="92" y="93"/>
                </a:cubicBezTo>
                <a:cubicBezTo>
                  <a:pt x="93" y="92"/>
                  <a:pt x="93" y="92"/>
                  <a:pt x="93" y="92"/>
                </a:cubicBezTo>
                <a:cubicBezTo>
                  <a:pt x="98" y="86"/>
                  <a:pt x="99" y="80"/>
                  <a:pt x="91" y="73"/>
                </a:cubicBezTo>
                <a:cubicBezTo>
                  <a:pt x="68" y="49"/>
                  <a:pt x="68" y="49"/>
                  <a:pt x="68" y="49"/>
                </a:cubicBezTo>
                <a:cubicBezTo>
                  <a:pt x="91" y="26"/>
                  <a:pt x="91" y="26"/>
                  <a:pt x="91" y="26"/>
                </a:cubicBezTo>
                <a:cubicBezTo>
                  <a:pt x="99" y="19"/>
                  <a:pt x="98" y="12"/>
                  <a:pt x="93" y="7"/>
                </a:cubicBezTo>
                <a:cubicBezTo>
                  <a:pt x="92" y="6"/>
                  <a:pt x="92" y="6"/>
                  <a:pt x="92" y="6"/>
                </a:cubicBezTo>
                <a:cubicBezTo>
                  <a:pt x="86" y="0"/>
                  <a:pt x="80" y="0"/>
                  <a:pt x="72" y="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37" name="Freeform 113"/>
          <p:cNvSpPr>
            <a:spLocks/>
          </p:cNvSpPr>
          <p:nvPr userDrawn="1"/>
        </p:nvSpPr>
        <p:spPr bwMode="auto">
          <a:xfrm>
            <a:off x="8024813" y="5999163"/>
            <a:ext cx="107950" cy="127000"/>
          </a:xfrm>
          <a:custGeom>
            <a:avLst/>
            <a:gdLst/>
            <a:ahLst/>
            <a:cxnLst>
              <a:cxn ang="0">
                <a:pos x="37" y="93"/>
              </a:cxn>
              <a:cxn ang="0">
                <a:pos x="83" y="93"/>
              </a:cxn>
              <a:cxn ang="0">
                <a:pos x="91" y="95"/>
              </a:cxn>
              <a:cxn ang="0">
                <a:pos x="94" y="102"/>
              </a:cxn>
              <a:cxn ang="0">
                <a:pos x="94" y="103"/>
              </a:cxn>
              <a:cxn ang="0">
                <a:pos x="91" y="110"/>
              </a:cxn>
              <a:cxn ang="0">
                <a:pos x="83" y="112"/>
              </a:cxn>
              <a:cxn ang="0">
                <a:pos x="11" y="112"/>
              </a:cxn>
              <a:cxn ang="0">
                <a:pos x="3" y="110"/>
              </a:cxn>
              <a:cxn ang="0">
                <a:pos x="0" y="103"/>
              </a:cxn>
              <a:cxn ang="0">
                <a:pos x="0" y="102"/>
              </a:cxn>
              <a:cxn ang="0">
                <a:pos x="11" y="93"/>
              </a:cxn>
              <a:cxn ang="0">
                <a:pos x="15" y="93"/>
              </a:cxn>
              <a:cxn ang="0">
                <a:pos x="19" y="70"/>
              </a:cxn>
              <a:cxn ang="0">
                <a:pos x="12" y="70"/>
              </a:cxn>
              <a:cxn ang="0">
                <a:pos x="6" y="68"/>
              </a:cxn>
              <a:cxn ang="0">
                <a:pos x="4" y="62"/>
              </a:cxn>
              <a:cxn ang="0">
                <a:pos x="4" y="60"/>
              </a:cxn>
              <a:cxn ang="0">
                <a:pos x="6" y="54"/>
              </a:cxn>
              <a:cxn ang="0">
                <a:pos x="12" y="52"/>
              </a:cxn>
              <a:cxn ang="0">
                <a:pos x="22" y="52"/>
              </a:cxn>
              <a:cxn ang="0">
                <a:pos x="26" y="34"/>
              </a:cxn>
              <a:cxn ang="0">
                <a:pos x="38" y="9"/>
              </a:cxn>
              <a:cxn ang="0">
                <a:pos x="63" y="0"/>
              </a:cxn>
              <a:cxn ang="0">
                <a:pos x="77" y="2"/>
              </a:cxn>
              <a:cxn ang="0">
                <a:pos x="86" y="7"/>
              </a:cxn>
              <a:cxn ang="0">
                <a:pos x="93" y="14"/>
              </a:cxn>
              <a:cxn ang="0">
                <a:pos x="95" y="23"/>
              </a:cxn>
              <a:cxn ang="0">
                <a:pos x="93" y="30"/>
              </a:cxn>
              <a:cxn ang="0">
                <a:pos x="88" y="34"/>
              </a:cxn>
              <a:cxn ang="0">
                <a:pos x="83" y="35"/>
              </a:cxn>
              <a:cxn ang="0">
                <a:pos x="81" y="35"/>
              </a:cxn>
              <a:cxn ang="0">
                <a:pos x="75" y="24"/>
              </a:cxn>
              <a:cxn ang="0">
                <a:pos x="64" y="20"/>
              </a:cxn>
              <a:cxn ang="0">
                <a:pos x="52" y="24"/>
              </a:cxn>
              <a:cxn ang="0">
                <a:pos x="47" y="37"/>
              </a:cxn>
              <a:cxn ang="0">
                <a:pos x="44" y="52"/>
              </a:cxn>
              <a:cxn ang="0">
                <a:pos x="66" y="52"/>
              </a:cxn>
              <a:cxn ang="0">
                <a:pos x="73" y="54"/>
              </a:cxn>
              <a:cxn ang="0">
                <a:pos x="75" y="60"/>
              </a:cxn>
              <a:cxn ang="0">
                <a:pos x="75" y="62"/>
              </a:cxn>
              <a:cxn ang="0">
                <a:pos x="73" y="68"/>
              </a:cxn>
              <a:cxn ang="0">
                <a:pos x="66" y="70"/>
              </a:cxn>
              <a:cxn ang="0">
                <a:pos x="41" y="70"/>
              </a:cxn>
              <a:cxn ang="0">
                <a:pos x="37" y="93"/>
              </a:cxn>
            </a:cxnLst>
            <a:rect l="0" t="0" r="r" b="b"/>
            <a:pathLst>
              <a:path w="95" h="112">
                <a:moveTo>
                  <a:pt x="37" y="93"/>
                </a:moveTo>
                <a:cubicBezTo>
                  <a:pt x="83" y="93"/>
                  <a:pt x="83" y="93"/>
                  <a:pt x="83" y="93"/>
                </a:cubicBezTo>
                <a:cubicBezTo>
                  <a:pt x="87" y="93"/>
                  <a:pt x="89" y="94"/>
                  <a:pt x="91" y="95"/>
                </a:cubicBezTo>
                <a:cubicBezTo>
                  <a:pt x="93" y="96"/>
                  <a:pt x="94" y="99"/>
                  <a:pt x="94" y="102"/>
                </a:cubicBezTo>
                <a:cubicBezTo>
                  <a:pt x="94" y="103"/>
                  <a:pt x="94" y="103"/>
                  <a:pt x="94" y="103"/>
                </a:cubicBezTo>
                <a:cubicBezTo>
                  <a:pt x="94" y="106"/>
                  <a:pt x="93" y="109"/>
                  <a:pt x="91" y="110"/>
                </a:cubicBezTo>
                <a:cubicBezTo>
                  <a:pt x="89" y="112"/>
                  <a:pt x="87" y="112"/>
                  <a:pt x="83" y="112"/>
                </a:cubicBezTo>
                <a:cubicBezTo>
                  <a:pt x="11" y="112"/>
                  <a:pt x="11" y="112"/>
                  <a:pt x="11" y="112"/>
                </a:cubicBezTo>
                <a:cubicBezTo>
                  <a:pt x="7" y="112"/>
                  <a:pt x="4" y="112"/>
                  <a:pt x="3" y="110"/>
                </a:cubicBezTo>
                <a:cubicBezTo>
                  <a:pt x="1" y="109"/>
                  <a:pt x="0" y="106"/>
                  <a:pt x="0" y="103"/>
                </a:cubicBezTo>
                <a:cubicBezTo>
                  <a:pt x="0" y="102"/>
                  <a:pt x="0" y="102"/>
                  <a:pt x="0" y="102"/>
                </a:cubicBezTo>
                <a:cubicBezTo>
                  <a:pt x="0" y="96"/>
                  <a:pt x="4" y="93"/>
                  <a:pt x="11" y="93"/>
                </a:cubicBezTo>
                <a:cubicBezTo>
                  <a:pt x="15" y="93"/>
                  <a:pt x="15" y="93"/>
                  <a:pt x="15" y="93"/>
                </a:cubicBezTo>
                <a:cubicBezTo>
                  <a:pt x="19" y="70"/>
                  <a:pt x="19" y="70"/>
                  <a:pt x="19" y="70"/>
                </a:cubicBezTo>
                <a:cubicBezTo>
                  <a:pt x="12" y="70"/>
                  <a:pt x="12" y="70"/>
                  <a:pt x="12" y="70"/>
                </a:cubicBezTo>
                <a:cubicBezTo>
                  <a:pt x="10" y="70"/>
                  <a:pt x="7" y="69"/>
                  <a:pt x="6" y="68"/>
                </a:cubicBezTo>
                <a:cubicBezTo>
                  <a:pt x="4" y="67"/>
                  <a:pt x="4" y="65"/>
                  <a:pt x="4" y="62"/>
                </a:cubicBezTo>
                <a:cubicBezTo>
                  <a:pt x="4" y="60"/>
                  <a:pt x="4" y="60"/>
                  <a:pt x="4" y="60"/>
                </a:cubicBezTo>
                <a:cubicBezTo>
                  <a:pt x="4" y="58"/>
                  <a:pt x="4" y="56"/>
                  <a:pt x="6" y="54"/>
                </a:cubicBezTo>
                <a:cubicBezTo>
                  <a:pt x="7" y="53"/>
                  <a:pt x="10" y="52"/>
                  <a:pt x="12" y="52"/>
                </a:cubicBezTo>
                <a:cubicBezTo>
                  <a:pt x="22" y="52"/>
                  <a:pt x="22" y="52"/>
                  <a:pt x="22" y="52"/>
                </a:cubicBezTo>
                <a:cubicBezTo>
                  <a:pt x="26" y="34"/>
                  <a:pt x="26" y="34"/>
                  <a:pt x="26" y="34"/>
                </a:cubicBezTo>
                <a:cubicBezTo>
                  <a:pt x="28" y="23"/>
                  <a:pt x="32" y="14"/>
                  <a:pt x="38" y="9"/>
                </a:cubicBezTo>
                <a:cubicBezTo>
                  <a:pt x="44" y="3"/>
                  <a:pt x="53" y="0"/>
                  <a:pt x="63" y="0"/>
                </a:cubicBezTo>
                <a:cubicBezTo>
                  <a:pt x="68" y="0"/>
                  <a:pt x="73" y="1"/>
                  <a:pt x="77" y="2"/>
                </a:cubicBezTo>
                <a:cubicBezTo>
                  <a:pt x="81" y="3"/>
                  <a:pt x="84" y="5"/>
                  <a:pt x="86" y="7"/>
                </a:cubicBezTo>
                <a:cubicBezTo>
                  <a:pt x="89" y="9"/>
                  <a:pt x="91" y="12"/>
                  <a:pt x="93" y="14"/>
                </a:cubicBezTo>
                <a:cubicBezTo>
                  <a:pt x="94" y="17"/>
                  <a:pt x="95" y="20"/>
                  <a:pt x="95" y="23"/>
                </a:cubicBezTo>
                <a:cubicBezTo>
                  <a:pt x="95" y="26"/>
                  <a:pt x="94" y="29"/>
                  <a:pt x="93" y="30"/>
                </a:cubicBezTo>
                <a:cubicBezTo>
                  <a:pt x="91" y="32"/>
                  <a:pt x="90" y="33"/>
                  <a:pt x="88" y="34"/>
                </a:cubicBezTo>
                <a:cubicBezTo>
                  <a:pt x="86" y="34"/>
                  <a:pt x="84" y="35"/>
                  <a:pt x="83" y="35"/>
                </a:cubicBezTo>
                <a:cubicBezTo>
                  <a:pt x="82" y="35"/>
                  <a:pt x="81" y="35"/>
                  <a:pt x="81" y="35"/>
                </a:cubicBezTo>
                <a:cubicBezTo>
                  <a:pt x="80" y="30"/>
                  <a:pt x="78" y="26"/>
                  <a:pt x="75" y="24"/>
                </a:cubicBezTo>
                <a:cubicBezTo>
                  <a:pt x="73" y="21"/>
                  <a:pt x="69" y="20"/>
                  <a:pt x="64" y="20"/>
                </a:cubicBezTo>
                <a:cubicBezTo>
                  <a:pt x="59" y="20"/>
                  <a:pt x="55" y="21"/>
                  <a:pt x="52" y="24"/>
                </a:cubicBezTo>
                <a:cubicBezTo>
                  <a:pt x="50" y="26"/>
                  <a:pt x="48" y="31"/>
                  <a:pt x="47" y="37"/>
                </a:cubicBezTo>
                <a:cubicBezTo>
                  <a:pt x="44" y="52"/>
                  <a:pt x="44" y="52"/>
                  <a:pt x="44" y="52"/>
                </a:cubicBezTo>
                <a:cubicBezTo>
                  <a:pt x="66" y="52"/>
                  <a:pt x="66" y="52"/>
                  <a:pt x="66" y="52"/>
                </a:cubicBezTo>
                <a:cubicBezTo>
                  <a:pt x="69" y="52"/>
                  <a:pt x="71" y="53"/>
                  <a:pt x="73" y="54"/>
                </a:cubicBezTo>
                <a:cubicBezTo>
                  <a:pt x="74" y="56"/>
                  <a:pt x="75" y="58"/>
                  <a:pt x="75" y="60"/>
                </a:cubicBezTo>
                <a:cubicBezTo>
                  <a:pt x="75" y="62"/>
                  <a:pt x="75" y="62"/>
                  <a:pt x="75" y="62"/>
                </a:cubicBezTo>
                <a:cubicBezTo>
                  <a:pt x="75" y="65"/>
                  <a:pt x="74" y="67"/>
                  <a:pt x="73" y="68"/>
                </a:cubicBezTo>
                <a:cubicBezTo>
                  <a:pt x="71" y="69"/>
                  <a:pt x="69" y="70"/>
                  <a:pt x="66" y="70"/>
                </a:cubicBezTo>
                <a:cubicBezTo>
                  <a:pt x="41" y="70"/>
                  <a:pt x="41" y="70"/>
                  <a:pt x="41" y="70"/>
                </a:cubicBezTo>
                <a:lnTo>
                  <a:pt x="37" y="93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41" name="Freeform 117"/>
          <p:cNvSpPr>
            <a:spLocks/>
          </p:cNvSpPr>
          <p:nvPr userDrawn="1"/>
        </p:nvSpPr>
        <p:spPr bwMode="auto">
          <a:xfrm>
            <a:off x="8310563" y="6000750"/>
            <a:ext cx="107950" cy="130175"/>
          </a:xfrm>
          <a:custGeom>
            <a:avLst/>
            <a:gdLst/>
            <a:ahLst/>
            <a:cxnLst>
              <a:cxn ang="0">
                <a:pos x="3" y="47"/>
              </a:cxn>
              <a:cxn ang="0">
                <a:pos x="10" y="41"/>
              </a:cxn>
              <a:cxn ang="0">
                <a:pos x="65" y="11"/>
              </a:cxn>
              <a:cxn ang="0">
                <a:pos x="73" y="7"/>
              </a:cxn>
              <a:cxn ang="0">
                <a:pos x="90" y="12"/>
              </a:cxn>
              <a:cxn ang="0">
                <a:pos x="84" y="30"/>
              </a:cxn>
              <a:cxn ang="0">
                <a:pos x="74" y="36"/>
              </a:cxn>
              <a:cxn ang="0">
                <a:pos x="32" y="57"/>
              </a:cxn>
              <a:cxn ang="0">
                <a:pos x="32" y="57"/>
              </a:cxn>
              <a:cxn ang="0">
                <a:pos x="33" y="58"/>
              </a:cxn>
              <a:cxn ang="0">
                <a:pos x="74" y="79"/>
              </a:cxn>
              <a:cxn ang="0">
                <a:pos x="85" y="84"/>
              </a:cxn>
              <a:cxn ang="0">
                <a:pos x="90" y="103"/>
              </a:cxn>
              <a:cxn ang="0">
                <a:pos x="73" y="108"/>
              </a:cxn>
              <a:cxn ang="0">
                <a:pos x="65" y="103"/>
              </a:cxn>
              <a:cxn ang="0">
                <a:pos x="10" y="73"/>
              </a:cxn>
              <a:cxn ang="0">
                <a:pos x="3" y="68"/>
              </a:cxn>
              <a:cxn ang="0">
                <a:pos x="3" y="67"/>
              </a:cxn>
              <a:cxn ang="0">
                <a:pos x="0" y="57"/>
              </a:cxn>
              <a:cxn ang="0">
                <a:pos x="3" y="47"/>
              </a:cxn>
            </a:cxnLst>
            <a:rect l="0" t="0" r="r" b="b"/>
            <a:pathLst>
              <a:path w="95" h="114">
                <a:moveTo>
                  <a:pt x="3" y="47"/>
                </a:moveTo>
                <a:cubicBezTo>
                  <a:pt x="5" y="45"/>
                  <a:pt x="7" y="43"/>
                  <a:pt x="10" y="41"/>
                </a:cubicBezTo>
                <a:cubicBezTo>
                  <a:pt x="65" y="11"/>
                  <a:pt x="65" y="11"/>
                  <a:pt x="65" y="11"/>
                </a:cubicBezTo>
                <a:cubicBezTo>
                  <a:pt x="73" y="7"/>
                  <a:pt x="73" y="7"/>
                  <a:pt x="73" y="7"/>
                </a:cubicBezTo>
                <a:cubicBezTo>
                  <a:pt x="73" y="7"/>
                  <a:pt x="84" y="0"/>
                  <a:pt x="90" y="12"/>
                </a:cubicBezTo>
                <a:cubicBezTo>
                  <a:pt x="95" y="20"/>
                  <a:pt x="92" y="26"/>
                  <a:pt x="84" y="30"/>
                </a:cubicBezTo>
                <a:cubicBezTo>
                  <a:pt x="76" y="35"/>
                  <a:pt x="74" y="36"/>
                  <a:pt x="74" y="36"/>
                </a:cubicBezTo>
                <a:cubicBezTo>
                  <a:pt x="32" y="57"/>
                  <a:pt x="32" y="57"/>
                  <a:pt x="32" y="57"/>
                </a:cubicBezTo>
                <a:cubicBezTo>
                  <a:pt x="32" y="57"/>
                  <a:pt x="32" y="57"/>
                  <a:pt x="32" y="57"/>
                </a:cubicBezTo>
                <a:cubicBezTo>
                  <a:pt x="33" y="58"/>
                  <a:pt x="33" y="58"/>
                  <a:pt x="33" y="58"/>
                </a:cubicBezTo>
                <a:cubicBezTo>
                  <a:pt x="74" y="79"/>
                  <a:pt x="74" y="79"/>
                  <a:pt x="74" y="79"/>
                </a:cubicBezTo>
                <a:cubicBezTo>
                  <a:pt x="74" y="79"/>
                  <a:pt x="76" y="80"/>
                  <a:pt x="85" y="84"/>
                </a:cubicBezTo>
                <a:cubicBezTo>
                  <a:pt x="92" y="89"/>
                  <a:pt x="95" y="94"/>
                  <a:pt x="90" y="103"/>
                </a:cubicBezTo>
                <a:cubicBezTo>
                  <a:pt x="84" y="114"/>
                  <a:pt x="73" y="108"/>
                  <a:pt x="73" y="108"/>
                </a:cubicBezTo>
                <a:cubicBezTo>
                  <a:pt x="65" y="103"/>
                  <a:pt x="65" y="103"/>
                  <a:pt x="65" y="103"/>
                </a:cubicBezTo>
                <a:cubicBezTo>
                  <a:pt x="10" y="73"/>
                  <a:pt x="10" y="73"/>
                  <a:pt x="10" y="73"/>
                </a:cubicBezTo>
                <a:cubicBezTo>
                  <a:pt x="7" y="72"/>
                  <a:pt x="5" y="70"/>
                  <a:pt x="3" y="68"/>
                </a:cubicBezTo>
                <a:cubicBezTo>
                  <a:pt x="3" y="67"/>
                  <a:pt x="3" y="67"/>
                  <a:pt x="3" y="67"/>
                </a:cubicBezTo>
                <a:cubicBezTo>
                  <a:pt x="1" y="65"/>
                  <a:pt x="0" y="62"/>
                  <a:pt x="0" y="57"/>
                </a:cubicBezTo>
                <a:cubicBezTo>
                  <a:pt x="0" y="53"/>
                  <a:pt x="1" y="49"/>
                  <a:pt x="3" y="4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45" name="Freeform 121"/>
          <p:cNvSpPr>
            <a:spLocks/>
          </p:cNvSpPr>
          <p:nvPr userDrawn="1"/>
        </p:nvSpPr>
        <p:spPr bwMode="auto">
          <a:xfrm>
            <a:off x="8596313" y="5983288"/>
            <a:ext cx="96838" cy="163513"/>
          </a:xfrm>
          <a:custGeom>
            <a:avLst/>
            <a:gdLst/>
            <a:ahLst/>
            <a:cxnLst>
              <a:cxn ang="0">
                <a:pos x="75" y="24"/>
              </a:cxn>
              <a:cxn ang="0">
                <a:pos x="82" y="36"/>
              </a:cxn>
              <a:cxn ang="0">
                <a:pos x="81" y="42"/>
              </a:cxn>
              <a:cxn ang="0">
                <a:pos x="78" y="46"/>
              </a:cxn>
              <a:cxn ang="0">
                <a:pos x="75" y="48"/>
              </a:cxn>
              <a:cxn ang="0">
                <a:pos x="73" y="49"/>
              </a:cxn>
              <a:cxn ang="0">
                <a:pos x="60" y="39"/>
              </a:cxn>
              <a:cxn ang="0">
                <a:pos x="44" y="36"/>
              </a:cxn>
              <a:cxn ang="0">
                <a:pos x="31" y="39"/>
              </a:cxn>
              <a:cxn ang="0">
                <a:pos x="26" y="48"/>
              </a:cxn>
              <a:cxn ang="0">
                <a:pos x="28" y="54"/>
              </a:cxn>
              <a:cxn ang="0">
                <a:pos x="32" y="58"/>
              </a:cxn>
              <a:cxn ang="0">
                <a:pos x="39" y="60"/>
              </a:cxn>
              <a:cxn ang="0">
                <a:pos x="48" y="63"/>
              </a:cxn>
              <a:cxn ang="0">
                <a:pos x="61" y="66"/>
              </a:cxn>
              <a:cxn ang="0">
                <a:pos x="72" y="71"/>
              </a:cxn>
              <a:cxn ang="0">
                <a:pos x="81" y="81"/>
              </a:cxn>
              <a:cxn ang="0">
                <a:pos x="85" y="95"/>
              </a:cxn>
              <a:cxn ang="0">
                <a:pos x="76" y="116"/>
              </a:cxn>
              <a:cxn ang="0">
                <a:pos x="53" y="127"/>
              </a:cxn>
              <a:cxn ang="0">
                <a:pos x="53" y="133"/>
              </a:cxn>
              <a:cxn ang="0">
                <a:pos x="43" y="145"/>
              </a:cxn>
              <a:cxn ang="0">
                <a:pos x="42" y="145"/>
              </a:cxn>
              <a:cxn ang="0">
                <a:pos x="35" y="142"/>
              </a:cxn>
              <a:cxn ang="0">
                <a:pos x="32" y="133"/>
              </a:cxn>
              <a:cxn ang="0">
                <a:pos x="32" y="127"/>
              </a:cxn>
              <a:cxn ang="0">
                <a:pos x="19" y="124"/>
              </a:cxn>
              <a:cxn ang="0">
                <a:pos x="9" y="119"/>
              </a:cxn>
              <a:cxn ang="0">
                <a:pos x="2" y="113"/>
              </a:cxn>
              <a:cxn ang="0">
                <a:pos x="0" y="106"/>
              </a:cxn>
              <a:cxn ang="0">
                <a:pos x="1" y="101"/>
              </a:cxn>
              <a:cxn ang="0">
                <a:pos x="4" y="97"/>
              </a:cxn>
              <a:cxn ang="0">
                <a:pos x="7" y="95"/>
              </a:cxn>
              <a:cxn ang="0">
                <a:pos x="9" y="94"/>
              </a:cxn>
              <a:cxn ang="0">
                <a:pos x="23" y="104"/>
              </a:cxn>
              <a:cxn ang="0">
                <a:pos x="41" y="108"/>
              </a:cxn>
              <a:cxn ang="0">
                <a:pos x="55" y="105"/>
              </a:cxn>
              <a:cxn ang="0">
                <a:pos x="60" y="96"/>
              </a:cxn>
              <a:cxn ang="0">
                <a:pos x="58" y="90"/>
              </a:cxn>
              <a:cxn ang="0">
                <a:pos x="53" y="86"/>
              </a:cxn>
              <a:cxn ang="0">
                <a:pos x="46" y="83"/>
              </a:cxn>
              <a:cxn ang="0">
                <a:pos x="37" y="81"/>
              </a:cxn>
              <a:cxn ang="0">
                <a:pos x="26" y="78"/>
              </a:cxn>
              <a:cxn ang="0">
                <a:pos x="14" y="72"/>
              </a:cxn>
              <a:cxn ang="0">
                <a:pos x="6" y="63"/>
              </a:cxn>
              <a:cxn ang="0">
                <a:pos x="3" y="49"/>
              </a:cxn>
              <a:cxn ang="0">
                <a:pos x="11" y="29"/>
              </a:cxn>
              <a:cxn ang="0">
                <a:pos x="33" y="18"/>
              </a:cxn>
              <a:cxn ang="0">
                <a:pos x="33" y="11"/>
              </a:cxn>
              <a:cxn ang="0">
                <a:pos x="35" y="3"/>
              </a:cxn>
              <a:cxn ang="0">
                <a:pos x="42" y="0"/>
              </a:cxn>
              <a:cxn ang="0">
                <a:pos x="43" y="0"/>
              </a:cxn>
              <a:cxn ang="0">
                <a:pos x="51" y="3"/>
              </a:cxn>
              <a:cxn ang="0">
                <a:pos x="53" y="11"/>
              </a:cxn>
              <a:cxn ang="0">
                <a:pos x="53" y="17"/>
              </a:cxn>
              <a:cxn ang="0">
                <a:pos x="75" y="24"/>
              </a:cxn>
            </a:cxnLst>
            <a:rect l="0" t="0" r="r" b="b"/>
            <a:pathLst>
              <a:path w="85" h="145">
                <a:moveTo>
                  <a:pt x="75" y="24"/>
                </a:moveTo>
                <a:cubicBezTo>
                  <a:pt x="80" y="28"/>
                  <a:pt x="82" y="32"/>
                  <a:pt x="82" y="36"/>
                </a:cubicBezTo>
                <a:cubicBezTo>
                  <a:pt x="82" y="38"/>
                  <a:pt x="82" y="40"/>
                  <a:pt x="81" y="42"/>
                </a:cubicBezTo>
                <a:cubicBezTo>
                  <a:pt x="80" y="43"/>
                  <a:pt x="79" y="45"/>
                  <a:pt x="78" y="46"/>
                </a:cubicBezTo>
                <a:cubicBezTo>
                  <a:pt x="77" y="47"/>
                  <a:pt x="76" y="48"/>
                  <a:pt x="75" y="48"/>
                </a:cubicBezTo>
                <a:cubicBezTo>
                  <a:pt x="74" y="49"/>
                  <a:pt x="73" y="49"/>
                  <a:pt x="73" y="49"/>
                </a:cubicBezTo>
                <a:cubicBezTo>
                  <a:pt x="70" y="45"/>
                  <a:pt x="66" y="42"/>
                  <a:pt x="60" y="39"/>
                </a:cubicBezTo>
                <a:cubicBezTo>
                  <a:pt x="55" y="37"/>
                  <a:pt x="50" y="36"/>
                  <a:pt x="44" y="36"/>
                </a:cubicBezTo>
                <a:cubicBezTo>
                  <a:pt x="39" y="36"/>
                  <a:pt x="34" y="37"/>
                  <a:pt x="31" y="39"/>
                </a:cubicBezTo>
                <a:cubicBezTo>
                  <a:pt x="28" y="42"/>
                  <a:pt x="26" y="45"/>
                  <a:pt x="26" y="48"/>
                </a:cubicBezTo>
                <a:cubicBezTo>
                  <a:pt x="26" y="51"/>
                  <a:pt x="27" y="52"/>
                  <a:pt x="28" y="54"/>
                </a:cubicBezTo>
                <a:cubicBezTo>
                  <a:pt x="29" y="56"/>
                  <a:pt x="30" y="57"/>
                  <a:pt x="32" y="58"/>
                </a:cubicBezTo>
                <a:cubicBezTo>
                  <a:pt x="34" y="59"/>
                  <a:pt x="37" y="60"/>
                  <a:pt x="39" y="60"/>
                </a:cubicBezTo>
                <a:cubicBezTo>
                  <a:pt x="42" y="61"/>
                  <a:pt x="45" y="62"/>
                  <a:pt x="48" y="63"/>
                </a:cubicBezTo>
                <a:cubicBezTo>
                  <a:pt x="52" y="63"/>
                  <a:pt x="56" y="64"/>
                  <a:pt x="61" y="66"/>
                </a:cubicBezTo>
                <a:cubicBezTo>
                  <a:pt x="65" y="67"/>
                  <a:pt x="69" y="69"/>
                  <a:pt x="72" y="71"/>
                </a:cubicBezTo>
                <a:cubicBezTo>
                  <a:pt x="76" y="74"/>
                  <a:pt x="79" y="77"/>
                  <a:pt x="81" y="81"/>
                </a:cubicBezTo>
                <a:cubicBezTo>
                  <a:pt x="83" y="84"/>
                  <a:pt x="85" y="89"/>
                  <a:pt x="85" y="95"/>
                </a:cubicBezTo>
                <a:cubicBezTo>
                  <a:pt x="85" y="103"/>
                  <a:pt x="82" y="110"/>
                  <a:pt x="76" y="116"/>
                </a:cubicBezTo>
                <a:cubicBezTo>
                  <a:pt x="71" y="121"/>
                  <a:pt x="63" y="125"/>
                  <a:pt x="53" y="127"/>
                </a:cubicBezTo>
                <a:cubicBezTo>
                  <a:pt x="53" y="133"/>
                  <a:pt x="53" y="133"/>
                  <a:pt x="53" y="133"/>
                </a:cubicBezTo>
                <a:cubicBezTo>
                  <a:pt x="53" y="141"/>
                  <a:pt x="49" y="145"/>
                  <a:pt x="43" y="145"/>
                </a:cubicBezTo>
                <a:cubicBezTo>
                  <a:pt x="42" y="145"/>
                  <a:pt x="42" y="145"/>
                  <a:pt x="42" y="145"/>
                </a:cubicBezTo>
                <a:cubicBezTo>
                  <a:pt x="38" y="145"/>
                  <a:pt x="36" y="144"/>
                  <a:pt x="35" y="142"/>
                </a:cubicBezTo>
                <a:cubicBezTo>
                  <a:pt x="33" y="140"/>
                  <a:pt x="32" y="137"/>
                  <a:pt x="32" y="133"/>
                </a:cubicBezTo>
                <a:cubicBezTo>
                  <a:pt x="32" y="127"/>
                  <a:pt x="32" y="127"/>
                  <a:pt x="32" y="127"/>
                </a:cubicBezTo>
                <a:cubicBezTo>
                  <a:pt x="27" y="126"/>
                  <a:pt x="23" y="125"/>
                  <a:pt x="19" y="124"/>
                </a:cubicBezTo>
                <a:cubicBezTo>
                  <a:pt x="15" y="123"/>
                  <a:pt x="11" y="121"/>
                  <a:pt x="9" y="119"/>
                </a:cubicBezTo>
                <a:cubicBezTo>
                  <a:pt x="6" y="117"/>
                  <a:pt x="4" y="115"/>
                  <a:pt x="2" y="113"/>
                </a:cubicBezTo>
                <a:cubicBezTo>
                  <a:pt x="1" y="111"/>
                  <a:pt x="0" y="108"/>
                  <a:pt x="0" y="106"/>
                </a:cubicBezTo>
                <a:cubicBezTo>
                  <a:pt x="0" y="104"/>
                  <a:pt x="1" y="102"/>
                  <a:pt x="1" y="101"/>
                </a:cubicBezTo>
                <a:cubicBezTo>
                  <a:pt x="2" y="99"/>
                  <a:pt x="3" y="98"/>
                  <a:pt x="4" y="97"/>
                </a:cubicBezTo>
                <a:cubicBezTo>
                  <a:pt x="5" y="96"/>
                  <a:pt x="6" y="95"/>
                  <a:pt x="7" y="95"/>
                </a:cubicBezTo>
                <a:cubicBezTo>
                  <a:pt x="8" y="94"/>
                  <a:pt x="9" y="94"/>
                  <a:pt x="9" y="94"/>
                </a:cubicBezTo>
                <a:cubicBezTo>
                  <a:pt x="12" y="98"/>
                  <a:pt x="17" y="101"/>
                  <a:pt x="23" y="104"/>
                </a:cubicBezTo>
                <a:cubicBezTo>
                  <a:pt x="28" y="107"/>
                  <a:pt x="35" y="108"/>
                  <a:pt x="41" y="108"/>
                </a:cubicBezTo>
                <a:cubicBezTo>
                  <a:pt x="47" y="108"/>
                  <a:pt x="52" y="107"/>
                  <a:pt x="55" y="105"/>
                </a:cubicBezTo>
                <a:cubicBezTo>
                  <a:pt x="59" y="102"/>
                  <a:pt x="60" y="99"/>
                  <a:pt x="60" y="96"/>
                </a:cubicBezTo>
                <a:cubicBezTo>
                  <a:pt x="60" y="93"/>
                  <a:pt x="60" y="91"/>
                  <a:pt x="58" y="90"/>
                </a:cubicBezTo>
                <a:cubicBezTo>
                  <a:pt x="57" y="88"/>
                  <a:pt x="55" y="87"/>
                  <a:pt x="53" y="86"/>
                </a:cubicBezTo>
                <a:cubicBezTo>
                  <a:pt x="51" y="85"/>
                  <a:pt x="49" y="84"/>
                  <a:pt x="46" y="83"/>
                </a:cubicBezTo>
                <a:cubicBezTo>
                  <a:pt x="43" y="82"/>
                  <a:pt x="40" y="81"/>
                  <a:pt x="37" y="81"/>
                </a:cubicBezTo>
                <a:cubicBezTo>
                  <a:pt x="34" y="80"/>
                  <a:pt x="30" y="79"/>
                  <a:pt x="26" y="78"/>
                </a:cubicBezTo>
                <a:cubicBezTo>
                  <a:pt x="22" y="76"/>
                  <a:pt x="18" y="74"/>
                  <a:pt x="14" y="72"/>
                </a:cubicBezTo>
                <a:cubicBezTo>
                  <a:pt x="11" y="70"/>
                  <a:pt x="8" y="67"/>
                  <a:pt x="6" y="63"/>
                </a:cubicBezTo>
                <a:cubicBezTo>
                  <a:pt x="4" y="59"/>
                  <a:pt x="3" y="55"/>
                  <a:pt x="3" y="49"/>
                </a:cubicBezTo>
                <a:cubicBezTo>
                  <a:pt x="3" y="41"/>
                  <a:pt x="5" y="34"/>
                  <a:pt x="11" y="29"/>
                </a:cubicBezTo>
                <a:cubicBezTo>
                  <a:pt x="16" y="23"/>
                  <a:pt x="23" y="19"/>
                  <a:pt x="33" y="18"/>
                </a:cubicBezTo>
                <a:cubicBezTo>
                  <a:pt x="33" y="11"/>
                  <a:pt x="33" y="11"/>
                  <a:pt x="33" y="11"/>
                </a:cubicBezTo>
                <a:cubicBezTo>
                  <a:pt x="33" y="7"/>
                  <a:pt x="33" y="5"/>
                  <a:pt x="35" y="3"/>
                </a:cubicBezTo>
                <a:cubicBezTo>
                  <a:pt x="36" y="1"/>
                  <a:pt x="39" y="0"/>
                  <a:pt x="42" y="0"/>
                </a:cubicBezTo>
                <a:cubicBezTo>
                  <a:pt x="43" y="0"/>
                  <a:pt x="43" y="0"/>
                  <a:pt x="43" y="0"/>
                </a:cubicBezTo>
                <a:cubicBezTo>
                  <a:pt x="47" y="0"/>
                  <a:pt x="49" y="1"/>
                  <a:pt x="51" y="3"/>
                </a:cubicBezTo>
                <a:cubicBezTo>
                  <a:pt x="52" y="5"/>
                  <a:pt x="53" y="7"/>
                  <a:pt x="53" y="11"/>
                </a:cubicBezTo>
                <a:cubicBezTo>
                  <a:pt x="53" y="17"/>
                  <a:pt x="53" y="17"/>
                  <a:pt x="53" y="17"/>
                </a:cubicBezTo>
                <a:cubicBezTo>
                  <a:pt x="62" y="18"/>
                  <a:pt x="70" y="21"/>
                  <a:pt x="75" y="2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49" name="Freeform 125"/>
          <p:cNvSpPr>
            <a:spLocks/>
          </p:cNvSpPr>
          <p:nvPr userDrawn="1"/>
        </p:nvSpPr>
        <p:spPr bwMode="auto">
          <a:xfrm>
            <a:off x="8861385" y="6003926"/>
            <a:ext cx="107949" cy="130174"/>
          </a:xfrm>
          <a:custGeom>
            <a:avLst/>
            <a:gdLst/>
            <a:ahLst/>
            <a:cxnLst>
              <a:cxn ang="0">
                <a:pos x="92" y="47"/>
              </a:cxn>
              <a:cxn ang="0">
                <a:pos x="85" y="41"/>
              </a:cxn>
              <a:cxn ang="0">
                <a:pos x="30" y="11"/>
              </a:cxn>
              <a:cxn ang="0">
                <a:pos x="22" y="7"/>
              </a:cxn>
              <a:cxn ang="0">
                <a:pos x="5" y="12"/>
              </a:cxn>
              <a:cxn ang="0">
                <a:pos x="10" y="30"/>
              </a:cxn>
              <a:cxn ang="0">
                <a:pos x="20" y="36"/>
              </a:cxn>
              <a:cxn ang="0">
                <a:pos x="62" y="57"/>
              </a:cxn>
              <a:cxn ang="0">
                <a:pos x="63" y="57"/>
              </a:cxn>
              <a:cxn ang="0">
                <a:pos x="62" y="58"/>
              </a:cxn>
              <a:cxn ang="0">
                <a:pos x="20" y="79"/>
              </a:cxn>
              <a:cxn ang="0">
                <a:pos x="10" y="84"/>
              </a:cxn>
              <a:cxn ang="0">
                <a:pos x="4" y="103"/>
              </a:cxn>
              <a:cxn ang="0">
                <a:pos x="22" y="108"/>
              </a:cxn>
              <a:cxn ang="0">
                <a:pos x="30" y="103"/>
              </a:cxn>
              <a:cxn ang="0">
                <a:pos x="85" y="73"/>
              </a:cxn>
              <a:cxn ang="0">
                <a:pos x="92" y="68"/>
              </a:cxn>
              <a:cxn ang="0">
                <a:pos x="92" y="67"/>
              </a:cxn>
              <a:cxn ang="0">
                <a:pos x="95" y="57"/>
              </a:cxn>
              <a:cxn ang="0">
                <a:pos x="92" y="47"/>
              </a:cxn>
            </a:cxnLst>
            <a:rect l="0" t="0" r="r" b="b"/>
            <a:pathLst>
              <a:path w="95" h="114">
                <a:moveTo>
                  <a:pt x="92" y="47"/>
                </a:moveTo>
                <a:cubicBezTo>
                  <a:pt x="90" y="45"/>
                  <a:pt x="88" y="43"/>
                  <a:pt x="85" y="41"/>
                </a:cubicBezTo>
                <a:cubicBezTo>
                  <a:pt x="30" y="11"/>
                  <a:pt x="30" y="11"/>
                  <a:pt x="30" y="11"/>
                </a:cubicBezTo>
                <a:cubicBezTo>
                  <a:pt x="22" y="7"/>
                  <a:pt x="22" y="7"/>
                  <a:pt x="22" y="7"/>
                </a:cubicBezTo>
                <a:cubicBezTo>
                  <a:pt x="22" y="7"/>
                  <a:pt x="11" y="0"/>
                  <a:pt x="5" y="12"/>
                </a:cubicBezTo>
                <a:cubicBezTo>
                  <a:pt x="0" y="20"/>
                  <a:pt x="3" y="26"/>
                  <a:pt x="10" y="30"/>
                </a:cubicBezTo>
                <a:cubicBezTo>
                  <a:pt x="19" y="35"/>
                  <a:pt x="20" y="36"/>
                  <a:pt x="20" y="36"/>
                </a:cubicBezTo>
                <a:cubicBezTo>
                  <a:pt x="62" y="57"/>
                  <a:pt x="62" y="57"/>
                  <a:pt x="62" y="57"/>
                </a:cubicBezTo>
                <a:cubicBezTo>
                  <a:pt x="63" y="57"/>
                  <a:pt x="63" y="57"/>
                  <a:pt x="63" y="57"/>
                </a:cubicBezTo>
                <a:cubicBezTo>
                  <a:pt x="62" y="58"/>
                  <a:pt x="62" y="58"/>
                  <a:pt x="62" y="58"/>
                </a:cubicBezTo>
                <a:cubicBezTo>
                  <a:pt x="20" y="79"/>
                  <a:pt x="20" y="79"/>
                  <a:pt x="20" y="79"/>
                </a:cubicBezTo>
                <a:cubicBezTo>
                  <a:pt x="20" y="79"/>
                  <a:pt x="19" y="80"/>
                  <a:pt x="10" y="84"/>
                </a:cubicBezTo>
                <a:cubicBezTo>
                  <a:pt x="2" y="89"/>
                  <a:pt x="0" y="94"/>
                  <a:pt x="4" y="103"/>
                </a:cubicBezTo>
                <a:cubicBezTo>
                  <a:pt x="11" y="114"/>
                  <a:pt x="22" y="108"/>
                  <a:pt x="22" y="108"/>
                </a:cubicBezTo>
                <a:cubicBezTo>
                  <a:pt x="30" y="103"/>
                  <a:pt x="30" y="103"/>
                  <a:pt x="30" y="103"/>
                </a:cubicBezTo>
                <a:cubicBezTo>
                  <a:pt x="85" y="73"/>
                  <a:pt x="85" y="73"/>
                  <a:pt x="85" y="73"/>
                </a:cubicBezTo>
                <a:cubicBezTo>
                  <a:pt x="88" y="72"/>
                  <a:pt x="90" y="70"/>
                  <a:pt x="92" y="68"/>
                </a:cubicBezTo>
                <a:cubicBezTo>
                  <a:pt x="92" y="67"/>
                  <a:pt x="92" y="67"/>
                  <a:pt x="92" y="67"/>
                </a:cubicBezTo>
                <a:cubicBezTo>
                  <a:pt x="94" y="65"/>
                  <a:pt x="95" y="62"/>
                  <a:pt x="95" y="57"/>
                </a:cubicBezTo>
                <a:cubicBezTo>
                  <a:pt x="95" y="53"/>
                  <a:pt x="94" y="49"/>
                  <a:pt x="92" y="4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53" name="Freeform 129"/>
          <p:cNvSpPr>
            <a:spLocks noEditPoints="1"/>
          </p:cNvSpPr>
          <p:nvPr userDrawn="1"/>
        </p:nvSpPr>
        <p:spPr bwMode="auto">
          <a:xfrm>
            <a:off x="9142413" y="6002338"/>
            <a:ext cx="85725" cy="128587"/>
          </a:xfrm>
          <a:custGeom>
            <a:avLst/>
            <a:gdLst/>
            <a:ahLst/>
            <a:cxnLst>
              <a:cxn ang="0">
                <a:pos x="34" y="79"/>
              </a:cxn>
              <a:cxn ang="0">
                <a:pos x="27" y="77"/>
              </a:cxn>
              <a:cxn ang="0">
                <a:pos x="24" y="70"/>
              </a:cxn>
              <a:cxn ang="0">
                <a:pos x="27" y="59"/>
              </a:cxn>
              <a:cxn ang="0">
                <a:pos x="32" y="51"/>
              </a:cxn>
              <a:cxn ang="0">
                <a:pos x="39" y="46"/>
              </a:cxn>
              <a:cxn ang="0">
                <a:pos x="46" y="42"/>
              </a:cxn>
              <a:cxn ang="0">
                <a:pos x="52" y="38"/>
              </a:cxn>
              <a:cxn ang="0">
                <a:pos x="54" y="32"/>
              </a:cxn>
              <a:cxn ang="0">
                <a:pos x="50" y="23"/>
              </a:cxn>
              <a:cxn ang="0">
                <a:pos x="38" y="19"/>
              </a:cxn>
              <a:cxn ang="0">
                <a:pos x="29" y="21"/>
              </a:cxn>
              <a:cxn ang="0">
                <a:pos x="22" y="26"/>
              </a:cxn>
              <a:cxn ang="0">
                <a:pos x="18" y="32"/>
              </a:cxn>
              <a:cxn ang="0">
                <a:pos x="16" y="39"/>
              </a:cxn>
              <a:cxn ang="0">
                <a:pos x="14" y="39"/>
              </a:cxn>
              <a:cxn ang="0">
                <a:pos x="8" y="38"/>
              </a:cxn>
              <a:cxn ang="0">
                <a:pos x="2" y="34"/>
              </a:cxn>
              <a:cxn ang="0">
                <a:pos x="0" y="27"/>
              </a:cxn>
              <a:cxn ang="0">
                <a:pos x="2" y="18"/>
              </a:cxn>
              <a:cxn ang="0">
                <a:pos x="10" y="9"/>
              </a:cxn>
              <a:cxn ang="0">
                <a:pos x="22" y="2"/>
              </a:cxn>
              <a:cxn ang="0">
                <a:pos x="39" y="0"/>
              </a:cxn>
              <a:cxn ang="0">
                <a:pos x="55" y="2"/>
              </a:cxn>
              <a:cxn ang="0">
                <a:pos x="67" y="8"/>
              </a:cxn>
              <a:cxn ang="0">
                <a:pos x="74" y="18"/>
              </a:cxn>
              <a:cxn ang="0">
                <a:pos x="77" y="30"/>
              </a:cxn>
              <a:cxn ang="0">
                <a:pos x="75" y="42"/>
              </a:cxn>
              <a:cxn ang="0">
                <a:pos x="69" y="50"/>
              </a:cxn>
              <a:cxn ang="0">
                <a:pos x="61" y="55"/>
              </a:cxn>
              <a:cxn ang="0">
                <a:pos x="53" y="60"/>
              </a:cxn>
              <a:cxn ang="0">
                <a:pos x="47" y="66"/>
              </a:cxn>
              <a:cxn ang="0">
                <a:pos x="44" y="74"/>
              </a:cxn>
              <a:cxn ang="0">
                <a:pos x="34" y="79"/>
              </a:cxn>
              <a:cxn ang="0">
                <a:pos x="22" y="102"/>
              </a:cxn>
              <a:cxn ang="0">
                <a:pos x="22" y="99"/>
              </a:cxn>
              <a:cxn ang="0">
                <a:pos x="33" y="88"/>
              </a:cxn>
              <a:cxn ang="0">
                <a:pos x="36" y="88"/>
              </a:cxn>
              <a:cxn ang="0">
                <a:pos x="48" y="99"/>
              </a:cxn>
              <a:cxn ang="0">
                <a:pos x="48" y="102"/>
              </a:cxn>
              <a:cxn ang="0">
                <a:pos x="36" y="113"/>
              </a:cxn>
              <a:cxn ang="0">
                <a:pos x="33" y="113"/>
              </a:cxn>
              <a:cxn ang="0">
                <a:pos x="22" y="102"/>
              </a:cxn>
            </a:cxnLst>
            <a:rect l="0" t="0" r="r" b="b"/>
            <a:pathLst>
              <a:path w="77" h="113">
                <a:moveTo>
                  <a:pt x="34" y="79"/>
                </a:moveTo>
                <a:cubicBezTo>
                  <a:pt x="31" y="79"/>
                  <a:pt x="29" y="78"/>
                  <a:pt x="27" y="77"/>
                </a:cubicBezTo>
                <a:cubicBezTo>
                  <a:pt x="25" y="75"/>
                  <a:pt x="24" y="73"/>
                  <a:pt x="24" y="70"/>
                </a:cubicBezTo>
                <a:cubicBezTo>
                  <a:pt x="25" y="66"/>
                  <a:pt x="25" y="62"/>
                  <a:pt x="27" y="59"/>
                </a:cubicBezTo>
                <a:cubicBezTo>
                  <a:pt x="28" y="56"/>
                  <a:pt x="30" y="53"/>
                  <a:pt x="32" y="51"/>
                </a:cubicBezTo>
                <a:cubicBezTo>
                  <a:pt x="35" y="49"/>
                  <a:pt x="37" y="47"/>
                  <a:pt x="39" y="46"/>
                </a:cubicBezTo>
                <a:cubicBezTo>
                  <a:pt x="42" y="45"/>
                  <a:pt x="44" y="43"/>
                  <a:pt x="46" y="42"/>
                </a:cubicBezTo>
                <a:cubicBezTo>
                  <a:pt x="49" y="41"/>
                  <a:pt x="50" y="39"/>
                  <a:pt x="52" y="38"/>
                </a:cubicBezTo>
                <a:cubicBezTo>
                  <a:pt x="53" y="36"/>
                  <a:pt x="54" y="34"/>
                  <a:pt x="54" y="32"/>
                </a:cubicBezTo>
                <a:cubicBezTo>
                  <a:pt x="54" y="28"/>
                  <a:pt x="53" y="25"/>
                  <a:pt x="50" y="23"/>
                </a:cubicBezTo>
                <a:cubicBezTo>
                  <a:pt x="47" y="20"/>
                  <a:pt x="43" y="19"/>
                  <a:pt x="38" y="19"/>
                </a:cubicBezTo>
                <a:cubicBezTo>
                  <a:pt x="35" y="19"/>
                  <a:pt x="32" y="20"/>
                  <a:pt x="29" y="21"/>
                </a:cubicBezTo>
                <a:cubicBezTo>
                  <a:pt x="26" y="22"/>
                  <a:pt x="24" y="24"/>
                  <a:pt x="22" y="26"/>
                </a:cubicBezTo>
                <a:cubicBezTo>
                  <a:pt x="21" y="27"/>
                  <a:pt x="19" y="29"/>
                  <a:pt x="18" y="32"/>
                </a:cubicBezTo>
                <a:cubicBezTo>
                  <a:pt x="17" y="34"/>
                  <a:pt x="16" y="37"/>
                  <a:pt x="16" y="39"/>
                </a:cubicBezTo>
                <a:cubicBezTo>
                  <a:pt x="16" y="39"/>
                  <a:pt x="15" y="39"/>
                  <a:pt x="14" y="39"/>
                </a:cubicBezTo>
                <a:cubicBezTo>
                  <a:pt x="12" y="39"/>
                  <a:pt x="10" y="39"/>
                  <a:pt x="8" y="38"/>
                </a:cubicBezTo>
                <a:cubicBezTo>
                  <a:pt x="6" y="37"/>
                  <a:pt x="4" y="36"/>
                  <a:pt x="2" y="34"/>
                </a:cubicBezTo>
                <a:cubicBezTo>
                  <a:pt x="1" y="33"/>
                  <a:pt x="0" y="30"/>
                  <a:pt x="0" y="27"/>
                </a:cubicBezTo>
                <a:cubicBezTo>
                  <a:pt x="0" y="24"/>
                  <a:pt x="1" y="21"/>
                  <a:pt x="2" y="18"/>
                </a:cubicBezTo>
                <a:cubicBezTo>
                  <a:pt x="4" y="14"/>
                  <a:pt x="6" y="11"/>
                  <a:pt x="10" y="9"/>
                </a:cubicBezTo>
                <a:cubicBezTo>
                  <a:pt x="13" y="6"/>
                  <a:pt x="17" y="4"/>
                  <a:pt x="22" y="2"/>
                </a:cubicBezTo>
                <a:cubicBezTo>
                  <a:pt x="26" y="1"/>
                  <a:pt x="32" y="0"/>
                  <a:pt x="39" y="0"/>
                </a:cubicBezTo>
                <a:cubicBezTo>
                  <a:pt x="45" y="0"/>
                  <a:pt x="50" y="0"/>
                  <a:pt x="55" y="2"/>
                </a:cubicBezTo>
                <a:cubicBezTo>
                  <a:pt x="59" y="3"/>
                  <a:pt x="63" y="5"/>
                  <a:pt x="67" y="8"/>
                </a:cubicBezTo>
                <a:cubicBezTo>
                  <a:pt x="70" y="11"/>
                  <a:pt x="73" y="14"/>
                  <a:pt x="74" y="18"/>
                </a:cubicBezTo>
                <a:cubicBezTo>
                  <a:pt x="76" y="21"/>
                  <a:pt x="77" y="26"/>
                  <a:pt x="77" y="30"/>
                </a:cubicBezTo>
                <a:cubicBezTo>
                  <a:pt x="77" y="35"/>
                  <a:pt x="76" y="39"/>
                  <a:pt x="75" y="42"/>
                </a:cubicBezTo>
                <a:cubicBezTo>
                  <a:pt x="73" y="45"/>
                  <a:pt x="71" y="47"/>
                  <a:pt x="69" y="50"/>
                </a:cubicBezTo>
                <a:cubicBezTo>
                  <a:pt x="67" y="52"/>
                  <a:pt x="64" y="54"/>
                  <a:pt x="61" y="55"/>
                </a:cubicBezTo>
                <a:cubicBezTo>
                  <a:pt x="58" y="57"/>
                  <a:pt x="56" y="58"/>
                  <a:pt x="53" y="60"/>
                </a:cubicBezTo>
                <a:cubicBezTo>
                  <a:pt x="51" y="62"/>
                  <a:pt x="49" y="64"/>
                  <a:pt x="47" y="66"/>
                </a:cubicBezTo>
                <a:cubicBezTo>
                  <a:pt x="45" y="68"/>
                  <a:pt x="45" y="71"/>
                  <a:pt x="44" y="74"/>
                </a:cubicBezTo>
                <a:cubicBezTo>
                  <a:pt x="43" y="77"/>
                  <a:pt x="40" y="79"/>
                  <a:pt x="34" y="79"/>
                </a:cubicBezTo>
                <a:close/>
                <a:moveTo>
                  <a:pt x="22" y="102"/>
                </a:moveTo>
                <a:cubicBezTo>
                  <a:pt x="22" y="99"/>
                  <a:pt x="22" y="99"/>
                  <a:pt x="22" y="99"/>
                </a:cubicBezTo>
                <a:cubicBezTo>
                  <a:pt x="22" y="92"/>
                  <a:pt x="26" y="88"/>
                  <a:pt x="33" y="88"/>
                </a:cubicBezTo>
                <a:cubicBezTo>
                  <a:pt x="36" y="88"/>
                  <a:pt x="36" y="88"/>
                  <a:pt x="36" y="88"/>
                </a:cubicBezTo>
                <a:cubicBezTo>
                  <a:pt x="44" y="88"/>
                  <a:pt x="48" y="92"/>
                  <a:pt x="48" y="99"/>
                </a:cubicBezTo>
                <a:cubicBezTo>
                  <a:pt x="48" y="102"/>
                  <a:pt x="48" y="102"/>
                  <a:pt x="48" y="102"/>
                </a:cubicBezTo>
                <a:cubicBezTo>
                  <a:pt x="48" y="109"/>
                  <a:pt x="44" y="113"/>
                  <a:pt x="36" y="113"/>
                </a:cubicBezTo>
                <a:cubicBezTo>
                  <a:pt x="33" y="113"/>
                  <a:pt x="33" y="113"/>
                  <a:pt x="33" y="113"/>
                </a:cubicBezTo>
                <a:cubicBezTo>
                  <a:pt x="26" y="113"/>
                  <a:pt x="22" y="109"/>
                  <a:pt x="22" y="10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57" name="Freeform 133"/>
          <p:cNvSpPr>
            <a:spLocks noEditPoints="1"/>
          </p:cNvSpPr>
          <p:nvPr userDrawn="1"/>
        </p:nvSpPr>
        <p:spPr bwMode="auto">
          <a:xfrm>
            <a:off x="9405938" y="6034088"/>
            <a:ext cx="87312" cy="58738"/>
          </a:xfrm>
          <a:custGeom>
            <a:avLst/>
            <a:gdLst/>
            <a:ahLst/>
            <a:cxnLst>
              <a:cxn ang="0">
                <a:pos x="10" y="51"/>
              </a:cxn>
              <a:cxn ang="0">
                <a:pos x="5" y="50"/>
              </a:cxn>
              <a:cxn ang="0">
                <a:pos x="2" y="48"/>
              </a:cxn>
              <a:cxn ang="0">
                <a:pos x="1" y="43"/>
              </a:cxn>
              <a:cxn ang="0">
                <a:pos x="10" y="11"/>
              </a:cxn>
              <a:cxn ang="0">
                <a:pos x="14" y="2"/>
              </a:cxn>
              <a:cxn ang="0">
                <a:pos x="23" y="0"/>
              </a:cxn>
              <a:cxn ang="0">
                <a:pos x="26" y="0"/>
              </a:cxn>
              <a:cxn ang="0">
                <a:pos x="34" y="2"/>
              </a:cxn>
              <a:cxn ang="0">
                <a:pos x="37" y="11"/>
              </a:cxn>
              <a:cxn ang="0">
                <a:pos x="37" y="13"/>
              </a:cxn>
              <a:cxn ang="0">
                <a:pos x="30" y="27"/>
              </a:cxn>
              <a:cxn ang="0">
                <a:pos x="15" y="49"/>
              </a:cxn>
              <a:cxn ang="0">
                <a:pos x="10" y="51"/>
              </a:cxn>
              <a:cxn ang="0">
                <a:pos x="50" y="51"/>
              </a:cxn>
              <a:cxn ang="0">
                <a:pos x="45" y="50"/>
              </a:cxn>
              <a:cxn ang="0">
                <a:pos x="41" y="48"/>
              </a:cxn>
              <a:cxn ang="0">
                <a:pos x="40" y="43"/>
              </a:cxn>
              <a:cxn ang="0">
                <a:pos x="49" y="11"/>
              </a:cxn>
              <a:cxn ang="0">
                <a:pos x="53" y="2"/>
              </a:cxn>
              <a:cxn ang="0">
                <a:pos x="62" y="0"/>
              </a:cxn>
              <a:cxn ang="0">
                <a:pos x="65" y="0"/>
              </a:cxn>
              <a:cxn ang="0">
                <a:pos x="73" y="2"/>
              </a:cxn>
              <a:cxn ang="0">
                <a:pos x="76" y="11"/>
              </a:cxn>
              <a:cxn ang="0">
                <a:pos x="76" y="13"/>
              </a:cxn>
              <a:cxn ang="0">
                <a:pos x="70" y="27"/>
              </a:cxn>
              <a:cxn ang="0">
                <a:pos x="54" y="49"/>
              </a:cxn>
              <a:cxn ang="0">
                <a:pos x="50" y="51"/>
              </a:cxn>
            </a:cxnLst>
            <a:rect l="0" t="0" r="r" b="b"/>
            <a:pathLst>
              <a:path w="76" h="51">
                <a:moveTo>
                  <a:pt x="10" y="51"/>
                </a:moveTo>
                <a:cubicBezTo>
                  <a:pt x="9" y="51"/>
                  <a:pt x="7" y="51"/>
                  <a:pt x="5" y="50"/>
                </a:cubicBezTo>
                <a:cubicBezTo>
                  <a:pt x="4" y="50"/>
                  <a:pt x="3" y="49"/>
                  <a:pt x="2" y="48"/>
                </a:cubicBezTo>
                <a:cubicBezTo>
                  <a:pt x="1" y="46"/>
                  <a:pt x="0" y="44"/>
                  <a:pt x="1" y="43"/>
                </a:cubicBezTo>
                <a:cubicBezTo>
                  <a:pt x="10" y="11"/>
                  <a:pt x="10" y="11"/>
                  <a:pt x="10" y="11"/>
                </a:cubicBezTo>
                <a:cubicBezTo>
                  <a:pt x="11" y="7"/>
                  <a:pt x="12" y="4"/>
                  <a:pt x="14" y="2"/>
                </a:cubicBezTo>
                <a:cubicBezTo>
                  <a:pt x="15" y="1"/>
                  <a:pt x="18" y="0"/>
                  <a:pt x="23" y="0"/>
                </a:cubicBezTo>
                <a:cubicBezTo>
                  <a:pt x="26" y="0"/>
                  <a:pt x="26" y="0"/>
                  <a:pt x="26" y="0"/>
                </a:cubicBezTo>
                <a:cubicBezTo>
                  <a:pt x="29" y="0"/>
                  <a:pt x="32" y="1"/>
                  <a:pt x="34" y="2"/>
                </a:cubicBezTo>
                <a:cubicBezTo>
                  <a:pt x="36" y="4"/>
                  <a:pt x="37" y="7"/>
                  <a:pt x="37" y="11"/>
                </a:cubicBezTo>
                <a:cubicBezTo>
                  <a:pt x="37" y="13"/>
                  <a:pt x="37" y="13"/>
                  <a:pt x="37" y="13"/>
                </a:cubicBezTo>
                <a:cubicBezTo>
                  <a:pt x="37" y="18"/>
                  <a:pt x="34" y="22"/>
                  <a:pt x="30" y="27"/>
                </a:cubicBezTo>
                <a:cubicBezTo>
                  <a:pt x="15" y="49"/>
                  <a:pt x="15" y="49"/>
                  <a:pt x="15" y="49"/>
                </a:cubicBezTo>
                <a:cubicBezTo>
                  <a:pt x="14" y="50"/>
                  <a:pt x="12" y="51"/>
                  <a:pt x="10" y="51"/>
                </a:cubicBezTo>
                <a:close/>
                <a:moveTo>
                  <a:pt x="50" y="51"/>
                </a:moveTo>
                <a:cubicBezTo>
                  <a:pt x="48" y="51"/>
                  <a:pt x="46" y="51"/>
                  <a:pt x="45" y="50"/>
                </a:cubicBezTo>
                <a:cubicBezTo>
                  <a:pt x="43" y="50"/>
                  <a:pt x="42" y="49"/>
                  <a:pt x="41" y="48"/>
                </a:cubicBezTo>
                <a:cubicBezTo>
                  <a:pt x="40" y="46"/>
                  <a:pt x="40" y="44"/>
                  <a:pt x="40" y="43"/>
                </a:cubicBezTo>
                <a:cubicBezTo>
                  <a:pt x="49" y="11"/>
                  <a:pt x="49" y="11"/>
                  <a:pt x="49" y="11"/>
                </a:cubicBezTo>
                <a:cubicBezTo>
                  <a:pt x="50" y="7"/>
                  <a:pt x="51" y="4"/>
                  <a:pt x="53" y="2"/>
                </a:cubicBezTo>
                <a:cubicBezTo>
                  <a:pt x="55" y="1"/>
                  <a:pt x="58" y="0"/>
                  <a:pt x="62" y="0"/>
                </a:cubicBezTo>
                <a:cubicBezTo>
                  <a:pt x="65" y="0"/>
                  <a:pt x="65" y="0"/>
                  <a:pt x="65" y="0"/>
                </a:cubicBezTo>
                <a:cubicBezTo>
                  <a:pt x="68" y="0"/>
                  <a:pt x="71" y="1"/>
                  <a:pt x="73" y="2"/>
                </a:cubicBezTo>
                <a:cubicBezTo>
                  <a:pt x="75" y="4"/>
                  <a:pt x="76" y="7"/>
                  <a:pt x="76" y="11"/>
                </a:cubicBezTo>
                <a:cubicBezTo>
                  <a:pt x="76" y="13"/>
                  <a:pt x="76" y="13"/>
                  <a:pt x="76" y="13"/>
                </a:cubicBezTo>
                <a:cubicBezTo>
                  <a:pt x="76" y="17"/>
                  <a:pt x="74" y="22"/>
                  <a:pt x="70" y="27"/>
                </a:cubicBezTo>
                <a:cubicBezTo>
                  <a:pt x="54" y="49"/>
                  <a:pt x="54" y="49"/>
                  <a:pt x="54" y="49"/>
                </a:cubicBezTo>
                <a:cubicBezTo>
                  <a:pt x="53" y="50"/>
                  <a:pt x="52" y="51"/>
                  <a:pt x="50" y="5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61" name="Freeform 137"/>
          <p:cNvSpPr>
            <a:spLocks/>
          </p:cNvSpPr>
          <p:nvPr userDrawn="1"/>
        </p:nvSpPr>
        <p:spPr bwMode="auto">
          <a:xfrm>
            <a:off x="9667875" y="5981700"/>
            <a:ext cx="74613" cy="165100"/>
          </a:xfrm>
          <a:custGeom>
            <a:avLst/>
            <a:gdLst/>
            <a:ahLst/>
            <a:cxnLst>
              <a:cxn ang="0">
                <a:pos x="57" y="110"/>
              </a:cxn>
              <a:cxn ang="0">
                <a:pos x="64" y="130"/>
              </a:cxn>
              <a:cxn ang="0">
                <a:pos x="65" y="140"/>
              </a:cxn>
              <a:cxn ang="0">
                <a:pos x="58" y="145"/>
              </a:cxn>
              <a:cxn ang="0">
                <a:pos x="57" y="145"/>
              </a:cxn>
              <a:cxn ang="0">
                <a:pos x="48" y="145"/>
              </a:cxn>
              <a:cxn ang="0">
                <a:pos x="43" y="137"/>
              </a:cxn>
              <a:cxn ang="0">
                <a:pos x="39" y="125"/>
              </a:cxn>
              <a:cxn ang="0">
                <a:pos x="38" y="121"/>
              </a:cxn>
              <a:cxn ang="0">
                <a:pos x="11" y="42"/>
              </a:cxn>
              <a:cxn ang="0">
                <a:pos x="10" y="40"/>
              </a:cxn>
              <a:cxn ang="0">
                <a:pos x="2" y="16"/>
              </a:cxn>
              <a:cxn ang="0">
                <a:pos x="8" y="2"/>
              </a:cxn>
              <a:cxn ang="0">
                <a:pos x="10" y="1"/>
              </a:cxn>
              <a:cxn ang="0">
                <a:pos x="23" y="9"/>
              </a:cxn>
              <a:cxn ang="0">
                <a:pos x="32" y="34"/>
              </a:cxn>
              <a:cxn ang="0">
                <a:pos x="34" y="41"/>
              </a:cxn>
              <a:cxn ang="0">
                <a:pos x="57" y="110"/>
              </a:cxn>
            </a:cxnLst>
            <a:rect l="0" t="0" r="r" b="b"/>
            <a:pathLst>
              <a:path w="66" h="146">
                <a:moveTo>
                  <a:pt x="57" y="110"/>
                </a:moveTo>
                <a:cubicBezTo>
                  <a:pt x="64" y="130"/>
                  <a:pt x="64" y="130"/>
                  <a:pt x="64" y="130"/>
                </a:cubicBezTo>
                <a:cubicBezTo>
                  <a:pt x="66" y="134"/>
                  <a:pt x="66" y="138"/>
                  <a:pt x="65" y="140"/>
                </a:cubicBezTo>
                <a:cubicBezTo>
                  <a:pt x="64" y="142"/>
                  <a:pt x="62" y="144"/>
                  <a:pt x="58" y="145"/>
                </a:cubicBezTo>
                <a:cubicBezTo>
                  <a:pt x="57" y="145"/>
                  <a:pt x="57" y="145"/>
                  <a:pt x="57" y="145"/>
                </a:cubicBezTo>
                <a:cubicBezTo>
                  <a:pt x="54" y="146"/>
                  <a:pt x="51" y="146"/>
                  <a:pt x="48" y="145"/>
                </a:cubicBezTo>
                <a:cubicBezTo>
                  <a:pt x="46" y="143"/>
                  <a:pt x="44" y="141"/>
                  <a:pt x="43" y="137"/>
                </a:cubicBezTo>
                <a:cubicBezTo>
                  <a:pt x="39" y="125"/>
                  <a:pt x="39" y="125"/>
                  <a:pt x="39" y="125"/>
                </a:cubicBezTo>
                <a:cubicBezTo>
                  <a:pt x="39" y="125"/>
                  <a:pt x="39" y="125"/>
                  <a:pt x="38" y="121"/>
                </a:cubicBezTo>
                <a:cubicBezTo>
                  <a:pt x="11" y="42"/>
                  <a:pt x="11" y="42"/>
                  <a:pt x="11" y="42"/>
                </a:cubicBezTo>
                <a:cubicBezTo>
                  <a:pt x="10" y="38"/>
                  <a:pt x="10" y="40"/>
                  <a:pt x="10" y="40"/>
                </a:cubicBezTo>
                <a:cubicBezTo>
                  <a:pt x="2" y="16"/>
                  <a:pt x="2" y="16"/>
                  <a:pt x="2" y="16"/>
                </a:cubicBezTo>
                <a:cubicBezTo>
                  <a:pt x="0" y="8"/>
                  <a:pt x="2" y="4"/>
                  <a:pt x="8" y="2"/>
                </a:cubicBezTo>
                <a:cubicBezTo>
                  <a:pt x="10" y="1"/>
                  <a:pt x="10" y="1"/>
                  <a:pt x="10" y="1"/>
                </a:cubicBezTo>
                <a:cubicBezTo>
                  <a:pt x="16" y="0"/>
                  <a:pt x="21" y="2"/>
                  <a:pt x="23" y="9"/>
                </a:cubicBezTo>
                <a:cubicBezTo>
                  <a:pt x="32" y="34"/>
                  <a:pt x="32" y="34"/>
                  <a:pt x="32" y="34"/>
                </a:cubicBezTo>
                <a:cubicBezTo>
                  <a:pt x="34" y="41"/>
                  <a:pt x="34" y="41"/>
                  <a:pt x="34" y="41"/>
                </a:cubicBezTo>
                <a:cubicBezTo>
                  <a:pt x="57" y="110"/>
                  <a:pt x="57" y="110"/>
                  <a:pt x="57" y="110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65" name="Freeform 141"/>
          <p:cNvSpPr>
            <a:spLocks/>
          </p:cNvSpPr>
          <p:nvPr userDrawn="1"/>
        </p:nvSpPr>
        <p:spPr bwMode="auto">
          <a:xfrm>
            <a:off x="9923463" y="5980113"/>
            <a:ext cx="74612" cy="165100"/>
          </a:xfrm>
          <a:custGeom>
            <a:avLst/>
            <a:gdLst/>
            <a:ahLst/>
            <a:cxnLst>
              <a:cxn ang="0">
                <a:pos x="8" y="110"/>
              </a:cxn>
              <a:cxn ang="0">
                <a:pos x="32" y="41"/>
              </a:cxn>
              <a:cxn ang="0">
                <a:pos x="34" y="34"/>
              </a:cxn>
              <a:cxn ang="0">
                <a:pos x="42" y="9"/>
              </a:cxn>
              <a:cxn ang="0">
                <a:pos x="56" y="1"/>
              </a:cxn>
              <a:cxn ang="0">
                <a:pos x="57" y="2"/>
              </a:cxn>
              <a:cxn ang="0">
                <a:pos x="64" y="16"/>
              </a:cxn>
              <a:cxn ang="0">
                <a:pos x="55" y="40"/>
              </a:cxn>
              <a:cxn ang="0">
                <a:pos x="55" y="42"/>
              </a:cxn>
              <a:cxn ang="0">
                <a:pos x="28" y="121"/>
              </a:cxn>
              <a:cxn ang="0">
                <a:pos x="26" y="125"/>
              </a:cxn>
              <a:cxn ang="0">
                <a:pos x="23" y="137"/>
              </a:cxn>
              <a:cxn ang="0">
                <a:pos x="17" y="145"/>
              </a:cxn>
              <a:cxn ang="0">
                <a:pos x="8" y="145"/>
              </a:cxn>
              <a:cxn ang="0">
                <a:pos x="7" y="145"/>
              </a:cxn>
              <a:cxn ang="0">
                <a:pos x="1" y="140"/>
              </a:cxn>
              <a:cxn ang="0">
                <a:pos x="1" y="130"/>
              </a:cxn>
              <a:cxn ang="0">
                <a:pos x="8" y="110"/>
              </a:cxn>
            </a:cxnLst>
            <a:rect l="0" t="0" r="r" b="b"/>
            <a:pathLst>
              <a:path w="66" h="146">
                <a:moveTo>
                  <a:pt x="8" y="110"/>
                </a:moveTo>
                <a:cubicBezTo>
                  <a:pt x="32" y="41"/>
                  <a:pt x="32" y="41"/>
                  <a:pt x="32" y="41"/>
                </a:cubicBezTo>
                <a:cubicBezTo>
                  <a:pt x="34" y="34"/>
                  <a:pt x="34" y="34"/>
                  <a:pt x="34" y="34"/>
                </a:cubicBezTo>
                <a:cubicBezTo>
                  <a:pt x="42" y="9"/>
                  <a:pt x="42" y="9"/>
                  <a:pt x="42" y="9"/>
                </a:cubicBezTo>
                <a:cubicBezTo>
                  <a:pt x="45" y="2"/>
                  <a:pt x="50" y="0"/>
                  <a:pt x="56" y="1"/>
                </a:cubicBezTo>
                <a:cubicBezTo>
                  <a:pt x="57" y="2"/>
                  <a:pt x="57" y="2"/>
                  <a:pt x="57" y="2"/>
                </a:cubicBezTo>
                <a:cubicBezTo>
                  <a:pt x="63" y="4"/>
                  <a:pt x="66" y="8"/>
                  <a:pt x="64" y="16"/>
                </a:cubicBezTo>
                <a:cubicBezTo>
                  <a:pt x="55" y="40"/>
                  <a:pt x="55" y="40"/>
                  <a:pt x="55" y="40"/>
                </a:cubicBezTo>
                <a:cubicBezTo>
                  <a:pt x="55" y="40"/>
                  <a:pt x="56" y="38"/>
                  <a:pt x="55" y="42"/>
                </a:cubicBezTo>
                <a:cubicBezTo>
                  <a:pt x="28" y="121"/>
                  <a:pt x="28" y="121"/>
                  <a:pt x="28" y="121"/>
                </a:cubicBezTo>
                <a:cubicBezTo>
                  <a:pt x="26" y="125"/>
                  <a:pt x="26" y="125"/>
                  <a:pt x="26" y="125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21" y="141"/>
                  <a:pt x="19" y="143"/>
                  <a:pt x="17" y="145"/>
                </a:cubicBezTo>
                <a:cubicBezTo>
                  <a:pt x="15" y="146"/>
                  <a:pt x="12" y="146"/>
                  <a:pt x="8" y="145"/>
                </a:cubicBezTo>
                <a:cubicBezTo>
                  <a:pt x="7" y="145"/>
                  <a:pt x="7" y="145"/>
                  <a:pt x="7" y="145"/>
                </a:cubicBezTo>
                <a:cubicBezTo>
                  <a:pt x="4" y="144"/>
                  <a:pt x="2" y="142"/>
                  <a:pt x="1" y="140"/>
                </a:cubicBezTo>
                <a:cubicBezTo>
                  <a:pt x="0" y="138"/>
                  <a:pt x="0" y="134"/>
                  <a:pt x="1" y="130"/>
                </a:cubicBezTo>
                <a:cubicBezTo>
                  <a:pt x="8" y="110"/>
                  <a:pt x="8" y="110"/>
                  <a:pt x="8" y="110"/>
                </a:cubicBezTo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69" name="Freeform 145"/>
          <p:cNvSpPr>
            <a:spLocks/>
          </p:cNvSpPr>
          <p:nvPr userDrawn="1"/>
        </p:nvSpPr>
        <p:spPr bwMode="auto">
          <a:xfrm>
            <a:off x="10174288" y="6002338"/>
            <a:ext cx="55563" cy="125412"/>
          </a:xfrm>
          <a:custGeom>
            <a:avLst/>
            <a:gdLst/>
            <a:ahLst/>
            <a:cxnLst>
              <a:cxn ang="0">
                <a:pos x="20" y="34"/>
              </a:cxn>
              <a:cxn ang="0">
                <a:pos x="15" y="34"/>
              </a:cxn>
              <a:cxn ang="0">
                <a:pos x="4" y="31"/>
              </a:cxn>
              <a:cxn ang="0">
                <a:pos x="0" y="20"/>
              </a:cxn>
              <a:cxn ang="0">
                <a:pos x="1" y="15"/>
              </a:cxn>
              <a:cxn ang="0">
                <a:pos x="3" y="11"/>
              </a:cxn>
              <a:cxn ang="0">
                <a:pos x="5" y="9"/>
              </a:cxn>
              <a:cxn ang="0">
                <a:pos x="6" y="9"/>
              </a:cxn>
              <a:cxn ang="0">
                <a:pos x="11" y="11"/>
              </a:cxn>
              <a:cxn ang="0">
                <a:pos x="17" y="12"/>
              </a:cxn>
              <a:cxn ang="0">
                <a:pos x="26" y="9"/>
              </a:cxn>
              <a:cxn ang="0">
                <a:pos x="31" y="0"/>
              </a:cxn>
              <a:cxn ang="0">
                <a:pos x="38" y="0"/>
              </a:cxn>
              <a:cxn ang="0">
                <a:pos x="49" y="11"/>
              </a:cxn>
              <a:cxn ang="0">
                <a:pos x="49" y="100"/>
              </a:cxn>
              <a:cxn ang="0">
                <a:pos x="38" y="111"/>
              </a:cxn>
              <a:cxn ang="0">
                <a:pos x="35" y="111"/>
              </a:cxn>
              <a:cxn ang="0">
                <a:pos x="24" y="100"/>
              </a:cxn>
              <a:cxn ang="0">
                <a:pos x="24" y="31"/>
              </a:cxn>
              <a:cxn ang="0">
                <a:pos x="20" y="34"/>
              </a:cxn>
            </a:cxnLst>
            <a:rect l="0" t="0" r="r" b="b"/>
            <a:pathLst>
              <a:path w="49" h="111">
                <a:moveTo>
                  <a:pt x="20" y="34"/>
                </a:moveTo>
                <a:cubicBezTo>
                  <a:pt x="18" y="34"/>
                  <a:pt x="17" y="34"/>
                  <a:pt x="15" y="34"/>
                </a:cubicBezTo>
                <a:cubicBezTo>
                  <a:pt x="10" y="34"/>
                  <a:pt x="7" y="33"/>
                  <a:pt x="4" y="31"/>
                </a:cubicBezTo>
                <a:cubicBezTo>
                  <a:pt x="1" y="28"/>
                  <a:pt x="0" y="25"/>
                  <a:pt x="0" y="20"/>
                </a:cubicBezTo>
                <a:cubicBezTo>
                  <a:pt x="0" y="18"/>
                  <a:pt x="0" y="17"/>
                  <a:pt x="1" y="15"/>
                </a:cubicBezTo>
                <a:cubicBezTo>
                  <a:pt x="1" y="14"/>
                  <a:pt x="2" y="12"/>
                  <a:pt x="3" y="11"/>
                </a:cubicBezTo>
                <a:cubicBezTo>
                  <a:pt x="3" y="10"/>
                  <a:pt x="4" y="10"/>
                  <a:pt x="5" y="9"/>
                </a:cubicBezTo>
                <a:cubicBezTo>
                  <a:pt x="6" y="9"/>
                  <a:pt x="6" y="9"/>
                  <a:pt x="6" y="9"/>
                </a:cubicBezTo>
                <a:cubicBezTo>
                  <a:pt x="8" y="10"/>
                  <a:pt x="9" y="11"/>
                  <a:pt x="11" y="11"/>
                </a:cubicBezTo>
                <a:cubicBezTo>
                  <a:pt x="13" y="12"/>
                  <a:pt x="14" y="12"/>
                  <a:pt x="17" y="12"/>
                </a:cubicBezTo>
                <a:cubicBezTo>
                  <a:pt x="20" y="12"/>
                  <a:pt x="23" y="11"/>
                  <a:pt x="26" y="9"/>
                </a:cubicBezTo>
                <a:cubicBezTo>
                  <a:pt x="29" y="7"/>
                  <a:pt x="30" y="4"/>
                  <a:pt x="31" y="0"/>
                </a:cubicBezTo>
                <a:cubicBezTo>
                  <a:pt x="38" y="0"/>
                  <a:pt x="38" y="0"/>
                  <a:pt x="38" y="0"/>
                </a:cubicBezTo>
                <a:cubicBezTo>
                  <a:pt x="45" y="0"/>
                  <a:pt x="49" y="4"/>
                  <a:pt x="49" y="11"/>
                </a:cubicBezTo>
                <a:cubicBezTo>
                  <a:pt x="49" y="100"/>
                  <a:pt x="49" y="100"/>
                  <a:pt x="49" y="100"/>
                </a:cubicBezTo>
                <a:cubicBezTo>
                  <a:pt x="49" y="107"/>
                  <a:pt x="45" y="111"/>
                  <a:pt x="38" y="111"/>
                </a:cubicBezTo>
                <a:cubicBezTo>
                  <a:pt x="35" y="111"/>
                  <a:pt x="35" y="111"/>
                  <a:pt x="35" y="111"/>
                </a:cubicBezTo>
                <a:cubicBezTo>
                  <a:pt x="28" y="111"/>
                  <a:pt x="24" y="107"/>
                  <a:pt x="24" y="100"/>
                </a:cubicBezTo>
                <a:cubicBezTo>
                  <a:pt x="24" y="31"/>
                  <a:pt x="24" y="31"/>
                  <a:pt x="24" y="31"/>
                </a:cubicBezTo>
                <a:cubicBezTo>
                  <a:pt x="23" y="32"/>
                  <a:pt x="21" y="33"/>
                  <a:pt x="20" y="3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73" name="Freeform 149"/>
          <p:cNvSpPr>
            <a:spLocks/>
          </p:cNvSpPr>
          <p:nvPr userDrawn="1"/>
        </p:nvSpPr>
        <p:spPr bwMode="auto">
          <a:xfrm>
            <a:off x="10418763" y="5983288"/>
            <a:ext cx="52388" cy="163512"/>
          </a:xfrm>
          <a:custGeom>
            <a:avLst/>
            <a:gdLst/>
            <a:ahLst/>
            <a:cxnLst>
              <a:cxn ang="0">
                <a:pos x="33" y="145"/>
              </a:cxn>
              <a:cxn ang="0">
                <a:pos x="13" y="145"/>
              </a:cxn>
              <a:cxn ang="0">
                <a:pos x="3" y="141"/>
              </a:cxn>
              <a:cxn ang="0">
                <a:pos x="0" y="131"/>
              </a:cxn>
              <a:cxn ang="0">
                <a:pos x="0" y="14"/>
              </a:cxn>
              <a:cxn ang="0">
                <a:pos x="3" y="4"/>
              </a:cxn>
              <a:cxn ang="0">
                <a:pos x="13" y="0"/>
              </a:cxn>
              <a:cxn ang="0">
                <a:pos x="33" y="0"/>
              </a:cxn>
              <a:cxn ang="0">
                <a:pos x="42" y="2"/>
              </a:cxn>
              <a:cxn ang="0">
                <a:pos x="45" y="9"/>
              </a:cxn>
              <a:cxn ang="0">
                <a:pos x="45" y="10"/>
              </a:cxn>
              <a:cxn ang="0">
                <a:pos x="42" y="17"/>
              </a:cxn>
              <a:cxn ang="0">
                <a:pos x="33" y="20"/>
              </a:cxn>
              <a:cxn ang="0">
                <a:pos x="22" y="20"/>
              </a:cxn>
              <a:cxn ang="0">
                <a:pos x="22" y="125"/>
              </a:cxn>
              <a:cxn ang="0">
                <a:pos x="33" y="125"/>
              </a:cxn>
              <a:cxn ang="0">
                <a:pos x="42" y="127"/>
              </a:cxn>
              <a:cxn ang="0">
                <a:pos x="45" y="134"/>
              </a:cxn>
              <a:cxn ang="0">
                <a:pos x="45" y="135"/>
              </a:cxn>
              <a:cxn ang="0">
                <a:pos x="42" y="143"/>
              </a:cxn>
              <a:cxn ang="0">
                <a:pos x="33" y="145"/>
              </a:cxn>
            </a:cxnLst>
            <a:rect l="0" t="0" r="r" b="b"/>
            <a:pathLst>
              <a:path w="45" h="145">
                <a:moveTo>
                  <a:pt x="33" y="145"/>
                </a:moveTo>
                <a:cubicBezTo>
                  <a:pt x="13" y="145"/>
                  <a:pt x="13" y="145"/>
                  <a:pt x="13" y="145"/>
                </a:cubicBezTo>
                <a:cubicBezTo>
                  <a:pt x="9" y="145"/>
                  <a:pt x="6" y="144"/>
                  <a:pt x="3" y="141"/>
                </a:cubicBezTo>
                <a:cubicBezTo>
                  <a:pt x="1" y="139"/>
                  <a:pt x="0" y="135"/>
                  <a:pt x="0" y="131"/>
                </a:cubicBezTo>
                <a:cubicBezTo>
                  <a:pt x="0" y="14"/>
                  <a:pt x="0" y="14"/>
                  <a:pt x="0" y="14"/>
                </a:cubicBezTo>
                <a:cubicBezTo>
                  <a:pt x="0" y="9"/>
                  <a:pt x="1" y="6"/>
                  <a:pt x="3" y="4"/>
                </a:cubicBezTo>
                <a:cubicBezTo>
                  <a:pt x="6" y="1"/>
                  <a:pt x="9" y="0"/>
                  <a:pt x="13" y="0"/>
                </a:cubicBezTo>
                <a:cubicBezTo>
                  <a:pt x="33" y="0"/>
                  <a:pt x="33" y="0"/>
                  <a:pt x="33" y="0"/>
                </a:cubicBezTo>
                <a:cubicBezTo>
                  <a:pt x="37" y="0"/>
                  <a:pt x="40" y="1"/>
                  <a:pt x="42" y="2"/>
                </a:cubicBezTo>
                <a:cubicBezTo>
                  <a:pt x="44" y="4"/>
                  <a:pt x="45" y="6"/>
                  <a:pt x="45" y="9"/>
                </a:cubicBezTo>
                <a:cubicBezTo>
                  <a:pt x="45" y="10"/>
                  <a:pt x="45" y="10"/>
                  <a:pt x="45" y="10"/>
                </a:cubicBezTo>
                <a:cubicBezTo>
                  <a:pt x="45" y="14"/>
                  <a:pt x="44" y="16"/>
                  <a:pt x="42" y="17"/>
                </a:cubicBezTo>
                <a:cubicBezTo>
                  <a:pt x="40" y="19"/>
                  <a:pt x="37" y="20"/>
                  <a:pt x="33" y="20"/>
                </a:cubicBezTo>
                <a:cubicBezTo>
                  <a:pt x="22" y="20"/>
                  <a:pt x="22" y="20"/>
                  <a:pt x="22" y="20"/>
                </a:cubicBezTo>
                <a:cubicBezTo>
                  <a:pt x="22" y="125"/>
                  <a:pt x="22" y="125"/>
                  <a:pt x="22" y="125"/>
                </a:cubicBezTo>
                <a:cubicBezTo>
                  <a:pt x="33" y="125"/>
                  <a:pt x="33" y="125"/>
                  <a:pt x="33" y="125"/>
                </a:cubicBezTo>
                <a:cubicBezTo>
                  <a:pt x="37" y="125"/>
                  <a:pt x="40" y="126"/>
                  <a:pt x="42" y="127"/>
                </a:cubicBezTo>
                <a:cubicBezTo>
                  <a:pt x="44" y="129"/>
                  <a:pt x="45" y="131"/>
                  <a:pt x="45" y="134"/>
                </a:cubicBezTo>
                <a:cubicBezTo>
                  <a:pt x="45" y="135"/>
                  <a:pt x="45" y="135"/>
                  <a:pt x="45" y="135"/>
                </a:cubicBezTo>
                <a:cubicBezTo>
                  <a:pt x="45" y="139"/>
                  <a:pt x="44" y="141"/>
                  <a:pt x="42" y="143"/>
                </a:cubicBezTo>
                <a:cubicBezTo>
                  <a:pt x="40" y="144"/>
                  <a:pt x="37" y="145"/>
                  <a:pt x="33" y="145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77" name="Freeform 153"/>
          <p:cNvSpPr>
            <a:spLocks/>
          </p:cNvSpPr>
          <p:nvPr userDrawn="1"/>
        </p:nvSpPr>
        <p:spPr bwMode="auto">
          <a:xfrm>
            <a:off x="10650538" y="5981700"/>
            <a:ext cx="52388" cy="165100"/>
          </a:xfrm>
          <a:custGeom>
            <a:avLst/>
            <a:gdLst/>
            <a:ahLst/>
            <a:cxnLst>
              <a:cxn ang="0">
                <a:pos x="2" y="143"/>
              </a:cxn>
              <a:cxn ang="0">
                <a:pos x="0" y="135"/>
              </a:cxn>
              <a:cxn ang="0">
                <a:pos x="0" y="134"/>
              </a:cxn>
              <a:cxn ang="0">
                <a:pos x="2" y="127"/>
              </a:cxn>
              <a:cxn ang="0">
                <a:pos x="11" y="125"/>
              </a:cxn>
              <a:cxn ang="0">
                <a:pos x="23" y="125"/>
              </a:cxn>
              <a:cxn ang="0">
                <a:pos x="23" y="20"/>
              </a:cxn>
              <a:cxn ang="0">
                <a:pos x="12" y="20"/>
              </a:cxn>
              <a:cxn ang="0">
                <a:pos x="3" y="17"/>
              </a:cxn>
              <a:cxn ang="0">
                <a:pos x="0" y="10"/>
              </a:cxn>
              <a:cxn ang="0">
                <a:pos x="0" y="9"/>
              </a:cxn>
              <a:cxn ang="0">
                <a:pos x="3" y="2"/>
              </a:cxn>
              <a:cxn ang="0">
                <a:pos x="12" y="0"/>
              </a:cxn>
              <a:cxn ang="0">
                <a:pos x="32" y="0"/>
              </a:cxn>
              <a:cxn ang="0">
                <a:pos x="41" y="4"/>
              </a:cxn>
              <a:cxn ang="0">
                <a:pos x="45" y="14"/>
              </a:cxn>
              <a:cxn ang="0">
                <a:pos x="45" y="131"/>
              </a:cxn>
              <a:cxn ang="0">
                <a:pos x="41" y="141"/>
              </a:cxn>
              <a:cxn ang="0">
                <a:pos x="32" y="145"/>
              </a:cxn>
              <a:cxn ang="0">
                <a:pos x="11" y="145"/>
              </a:cxn>
              <a:cxn ang="0">
                <a:pos x="2" y="143"/>
              </a:cxn>
            </a:cxnLst>
            <a:rect l="0" t="0" r="r" b="b"/>
            <a:pathLst>
              <a:path w="45" h="145">
                <a:moveTo>
                  <a:pt x="2" y="143"/>
                </a:moveTo>
                <a:cubicBezTo>
                  <a:pt x="1" y="141"/>
                  <a:pt x="0" y="139"/>
                  <a:pt x="0" y="135"/>
                </a:cubicBezTo>
                <a:cubicBezTo>
                  <a:pt x="0" y="134"/>
                  <a:pt x="0" y="134"/>
                  <a:pt x="0" y="134"/>
                </a:cubicBezTo>
                <a:cubicBezTo>
                  <a:pt x="0" y="131"/>
                  <a:pt x="1" y="129"/>
                  <a:pt x="2" y="127"/>
                </a:cubicBezTo>
                <a:cubicBezTo>
                  <a:pt x="4" y="126"/>
                  <a:pt x="7" y="125"/>
                  <a:pt x="11" y="125"/>
                </a:cubicBezTo>
                <a:cubicBezTo>
                  <a:pt x="23" y="125"/>
                  <a:pt x="23" y="125"/>
                  <a:pt x="23" y="125"/>
                </a:cubicBezTo>
                <a:cubicBezTo>
                  <a:pt x="23" y="20"/>
                  <a:pt x="23" y="20"/>
                  <a:pt x="23" y="20"/>
                </a:cubicBezTo>
                <a:cubicBezTo>
                  <a:pt x="12" y="20"/>
                  <a:pt x="12" y="20"/>
                  <a:pt x="12" y="20"/>
                </a:cubicBezTo>
                <a:cubicBezTo>
                  <a:pt x="8" y="20"/>
                  <a:pt x="5" y="19"/>
                  <a:pt x="3" y="17"/>
                </a:cubicBezTo>
                <a:cubicBezTo>
                  <a:pt x="1" y="16"/>
                  <a:pt x="0" y="14"/>
                  <a:pt x="0" y="10"/>
                </a:cubicBezTo>
                <a:cubicBezTo>
                  <a:pt x="0" y="9"/>
                  <a:pt x="0" y="9"/>
                  <a:pt x="0" y="9"/>
                </a:cubicBezTo>
                <a:cubicBezTo>
                  <a:pt x="0" y="6"/>
                  <a:pt x="1" y="4"/>
                  <a:pt x="3" y="2"/>
                </a:cubicBezTo>
                <a:cubicBezTo>
                  <a:pt x="5" y="1"/>
                  <a:pt x="8" y="0"/>
                  <a:pt x="12" y="0"/>
                </a:cubicBezTo>
                <a:cubicBezTo>
                  <a:pt x="32" y="0"/>
                  <a:pt x="32" y="0"/>
                  <a:pt x="32" y="0"/>
                </a:cubicBezTo>
                <a:cubicBezTo>
                  <a:pt x="36" y="0"/>
                  <a:pt x="39" y="1"/>
                  <a:pt x="41" y="4"/>
                </a:cubicBezTo>
                <a:cubicBezTo>
                  <a:pt x="44" y="6"/>
                  <a:pt x="45" y="9"/>
                  <a:pt x="45" y="14"/>
                </a:cubicBezTo>
                <a:cubicBezTo>
                  <a:pt x="45" y="131"/>
                  <a:pt x="45" y="131"/>
                  <a:pt x="45" y="131"/>
                </a:cubicBezTo>
                <a:cubicBezTo>
                  <a:pt x="45" y="135"/>
                  <a:pt x="44" y="139"/>
                  <a:pt x="41" y="141"/>
                </a:cubicBezTo>
                <a:cubicBezTo>
                  <a:pt x="39" y="144"/>
                  <a:pt x="36" y="145"/>
                  <a:pt x="32" y="145"/>
                </a:cubicBezTo>
                <a:cubicBezTo>
                  <a:pt x="11" y="145"/>
                  <a:pt x="11" y="145"/>
                  <a:pt x="11" y="145"/>
                </a:cubicBezTo>
                <a:cubicBezTo>
                  <a:pt x="7" y="145"/>
                  <a:pt x="4" y="144"/>
                  <a:pt x="2" y="14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1" name="Freeform 157"/>
          <p:cNvSpPr>
            <a:spLocks/>
          </p:cNvSpPr>
          <p:nvPr userDrawn="1"/>
        </p:nvSpPr>
        <p:spPr bwMode="auto">
          <a:xfrm>
            <a:off x="10887075" y="5992813"/>
            <a:ext cx="34925" cy="146050"/>
          </a:xfrm>
          <a:custGeom>
            <a:avLst/>
            <a:gdLst/>
            <a:ahLst/>
            <a:cxnLst>
              <a:cxn ang="0">
                <a:pos x="25" y="8"/>
              </a:cxn>
              <a:cxn ang="0">
                <a:pos x="14" y="0"/>
              </a:cxn>
              <a:cxn ang="0">
                <a:pos x="0" y="14"/>
              </a:cxn>
              <a:cxn ang="0">
                <a:pos x="4" y="26"/>
              </a:cxn>
              <a:cxn ang="0">
                <a:pos x="9" y="63"/>
              </a:cxn>
              <a:cxn ang="0">
                <a:pos x="3" y="103"/>
              </a:cxn>
              <a:cxn ang="0">
                <a:pos x="0" y="114"/>
              </a:cxn>
              <a:cxn ang="0">
                <a:pos x="14" y="127"/>
              </a:cxn>
              <a:cxn ang="0">
                <a:pos x="22" y="123"/>
              </a:cxn>
              <a:cxn ang="0">
                <a:pos x="37" y="63"/>
              </a:cxn>
              <a:cxn ang="0">
                <a:pos x="25" y="8"/>
              </a:cxn>
            </a:cxnLst>
            <a:rect l="0" t="0" r="r" b="b"/>
            <a:pathLst>
              <a:path w="37" h="127">
                <a:moveTo>
                  <a:pt x="25" y="8"/>
                </a:moveTo>
                <a:cubicBezTo>
                  <a:pt x="22" y="2"/>
                  <a:pt x="18" y="0"/>
                  <a:pt x="14" y="0"/>
                </a:cubicBezTo>
                <a:cubicBezTo>
                  <a:pt x="6" y="0"/>
                  <a:pt x="0" y="6"/>
                  <a:pt x="0" y="14"/>
                </a:cubicBezTo>
                <a:cubicBezTo>
                  <a:pt x="0" y="16"/>
                  <a:pt x="4" y="26"/>
                  <a:pt x="4" y="26"/>
                </a:cubicBezTo>
                <a:cubicBezTo>
                  <a:pt x="7" y="37"/>
                  <a:pt x="9" y="50"/>
                  <a:pt x="9" y="63"/>
                </a:cubicBezTo>
                <a:cubicBezTo>
                  <a:pt x="9" y="76"/>
                  <a:pt x="7" y="90"/>
                  <a:pt x="3" y="103"/>
                </a:cubicBezTo>
                <a:cubicBezTo>
                  <a:pt x="2" y="104"/>
                  <a:pt x="0" y="111"/>
                  <a:pt x="0" y="114"/>
                </a:cubicBezTo>
                <a:cubicBezTo>
                  <a:pt x="0" y="121"/>
                  <a:pt x="6" y="127"/>
                  <a:pt x="14" y="127"/>
                </a:cubicBezTo>
                <a:cubicBezTo>
                  <a:pt x="17" y="127"/>
                  <a:pt x="20" y="125"/>
                  <a:pt x="22" y="123"/>
                </a:cubicBezTo>
                <a:cubicBezTo>
                  <a:pt x="33" y="112"/>
                  <a:pt x="37" y="73"/>
                  <a:pt x="37" y="63"/>
                </a:cubicBezTo>
                <a:cubicBezTo>
                  <a:pt x="37" y="48"/>
                  <a:pt x="33" y="21"/>
                  <a:pt x="25" y="8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5" name="Freeform 161"/>
          <p:cNvSpPr>
            <a:spLocks/>
          </p:cNvSpPr>
          <p:nvPr userDrawn="1"/>
        </p:nvSpPr>
        <p:spPr bwMode="auto">
          <a:xfrm>
            <a:off x="11114088" y="5992813"/>
            <a:ext cx="41275" cy="146050"/>
          </a:xfrm>
          <a:custGeom>
            <a:avLst/>
            <a:gdLst/>
            <a:ahLst/>
            <a:cxnLst>
              <a:cxn ang="0">
                <a:pos x="27" y="63"/>
              </a:cxn>
              <a:cxn ang="0">
                <a:pos x="33" y="26"/>
              </a:cxn>
              <a:cxn ang="0">
                <a:pos x="37" y="14"/>
              </a:cxn>
              <a:cxn ang="0">
                <a:pos x="23" y="0"/>
              </a:cxn>
              <a:cxn ang="0">
                <a:pos x="11" y="8"/>
              </a:cxn>
              <a:cxn ang="0">
                <a:pos x="0" y="63"/>
              </a:cxn>
              <a:cxn ang="0">
                <a:pos x="15" y="123"/>
              </a:cxn>
              <a:cxn ang="0">
                <a:pos x="23" y="127"/>
              </a:cxn>
              <a:cxn ang="0">
                <a:pos x="37" y="114"/>
              </a:cxn>
              <a:cxn ang="0">
                <a:pos x="34" y="103"/>
              </a:cxn>
              <a:cxn ang="0">
                <a:pos x="27" y="63"/>
              </a:cxn>
            </a:cxnLst>
            <a:rect l="0" t="0" r="r" b="b"/>
            <a:pathLst>
              <a:path w="37" h="127">
                <a:moveTo>
                  <a:pt x="27" y="63"/>
                </a:moveTo>
                <a:cubicBezTo>
                  <a:pt x="27" y="50"/>
                  <a:pt x="29" y="37"/>
                  <a:pt x="33" y="26"/>
                </a:cubicBezTo>
                <a:cubicBezTo>
                  <a:pt x="34" y="23"/>
                  <a:pt x="37" y="16"/>
                  <a:pt x="37" y="14"/>
                </a:cubicBezTo>
                <a:cubicBezTo>
                  <a:pt x="37" y="6"/>
                  <a:pt x="31" y="0"/>
                  <a:pt x="23" y="0"/>
                </a:cubicBezTo>
                <a:cubicBezTo>
                  <a:pt x="18" y="0"/>
                  <a:pt x="14" y="3"/>
                  <a:pt x="11" y="8"/>
                </a:cubicBezTo>
                <a:cubicBezTo>
                  <a:pt x="4" y="21"/>
                  <a:pt x="0" y="48"/>
                  <a:pt x="0" y="63"/>
                </a:cubicBezTo>
                <a:cubicBezTo>
                  <a:pt x="0" y="73"/>
                  <a:pt x="4" y="112"/>
                  <a:pt x="15" y="123"/>
                </a:cubicBezTo>
                <a:cubicBezTo>
                  <a:pt x="17" y="125"/>
                  <a:pt x="20" y="127"/>
                  <a:pt x="23" y="127"/>
                </a:cubicBezTo>
                <a:cubicBezTo>
                  <a:pt x="31" y="127"/>
                  <a:pt x="37" y="121"/>
                  <a:pt x="37" y="114"/>
                </a:cubicBezTo>
                <a:cubicBezTo>
                  <a:pt x="37" y="111"/>
                  <a:pt x="34" y="104"/>
                  <a:pt x="34" y="103"/>
                </a:cubicBezTo>
                <a:cubicBezTo>
                  <a:pt x="29" y="90"/>
                  <a:pt x="27" y="76"/>
                  <a:pt x="27" y="63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89" name="Freeform 165"/>
          <p:cNvSpPr>
            <a:spLocks noEditPoints="1"/>
          </p:cNvSpPr>
          <p:nvPr userDrawn="1"/>
        </p:nvSpPr>
        <p:spPr bwMode="auto">
          <a:xfrm>
            <a:off x="11333163" y="6000750"/>
            <a:ext cx="34925" cy="127000"/>
          </a:xfrm>
          <a:custGeom>
            <a:avLst/>
            <a:gdLst/>
            <a:ahLst/>
            <a:cxnLst>
              <a:cxn ang="0">
                <a:pos x="10" y="76"/>
              </a:cxn>
              <a:cxn ang="0">
                <a:pos x="8" y="70"/>
              </a:cxn>
              <a:cxn ang="0">
                <a:pos x="1" y="15"/>
              </a:cxn>
              <a:cxn ang="0">
                <a:pos x="3" y="4"/>
              </a:cxn>
              <a:cxn ang="0">
                <a:pos x="13" y="0"/>
              </a:cxn>
              <a:cxn ang="0">
                <a:pos x="17" y="0"/>
              </a:cxn>
              <a:cxn ang="0">
                <a:pos x="27" y="4"/>
              </a:cxn>
              <a:cxn ang="0">
                <a:pos x="29" y="15"/>
              </a:cxn>
              <a:cxn ang="0">
                <a:pos x="23" y="70"/>
              </a:cxn>
              <a:cxn ang="0">
                <a:pos x="21" y="76"/>
              </a:cxn>
              <a:cxn ang="0">
                <a:pos x="16" y="77"/>
              </a:cxn>
              <a:cxn ang="0">
                <a:pos x="14" y="77"/>
              </a:cxn>
              <a:cxn ang="0">
                <a:pos x="10" y="76"/>
              </a:cxn>
              <a:cxn ang="0">
                <a:pos x="2" y="101"/>
              </a:cxn>
              <a:cxn ang="0">
                <a:pos x="2" y="99"/>
              </a:cxn>
              <a:cxn ang="0">
                <a:pos x="14" y="88"/>
              </a:cxn>
              <a:cxn ang="0">
                <a:pos x="17" y="88"/>
              </a:cxn>
              <a:cxn ang="0">
                <a:pos x="28" y="99"/>
              </a:cxn>
              <a:cxn ang="0">
                <a:pos x="28" y="101"/>
              </a:cxn>
              <a:cxn ang="0">
                <a:pos x="17" y="113"/>
              </a:cxn>
              <a:cxn ang="0">
                <a:pos x="14" y="113"/>
              </a:cxn>
              <a:cxn ang="0">
                <a:pos x="2" y="101"/>
              </a:cxn>
            </a:cxnLst>
            <a:rect l="0" t="0" r="r" b="b"/>
            <a:pathLst>
              <a:path w="30" h="113">
                <a:moveTo>
                  <a:pt x="10" y="76"/>
                </a:moveTo>
                <a:cubicBezTo>
                  <a:pt x="9" y="74"/>
                  <a:pt x="9" y="72"/>
                  <a:pt x="8" y="70"/>
                </a:cubicBezTo>
                <a:cubicBezTo>
                  <a:pt x="1" y="15"/>
                  <a:pt x="1" y="15"/>
                  <a:pt x="1" y="15"/>
                </a:cubicBezTo>
                <a:cubicBezTo>
                  <a:pt x="0" y="10"/>
                  <a:pt x="1" y="7"/>
                  <a:pt x="3" y="4"/>
                </a:cubicBezTo>
                <a:cubicBezTo>
                  <a:pt x="5" y="1"/>
                  <a:pt x="9" y="0"/>
                  <a:pt x="13" y="0"/>
                </a:cubicBezTo>
                <a:cubicBezTo>
                  <a:pt x="17" y="0"/>
                  <a:pt x="17" y="0"/>
                  <a:pt x="17" y="0"/>
                </a:cubicBezTo>
                <a:cubicBezTo>
                  <a:pt x="22" y="0"/>
                  <a:pt x="25" y="1"/>
                  <a:pt x="27" y="4"/>
                </a:cubicBezTo>
                <a:cubicBezTo>
                  <a:pt x="30" y="7"/>
                  <a:pt x="30" y="10"/>
                  <a:pt x="29" y="15"/>
                </a:cubicBezTo>
                <a:cubicBezTo>
                  <a:pt x="23" y="70"/>
                  <a:pt x="23" y="70"/>
                  <a:pt x="23" y="70"/>
                </a:cubicBezTo>
                <a:cubicBezTo>
                  <a:pt x="22" y="72"/>
                  <a:pt x="21" y="74"/>
                  <a:pt x="21" y="76"/>
                </a:cubicBezTo>
                <a:cubicBezTo>
                  <a:pt x="20" y="77"/>
                  <a:pt x="18" y="77"/>
                  <a:pt x="16" y="77"/>
                </a:cubicBezTo>
                <a:cubicBezTo>
                  <a:pt x="14" y="77"/>
                  <a:pt x="14" y="77"/>
                  <a:pt x="14" y="77"/>
                </a:cubicBezTo>
                <a:cubicBezTo>
                  <a:pt x="12" y="77"/>
                  <a:pt x="11" y="77"/>
                  <a:pt x="10" y="76"/>
                </a:cubicBezTo>
                <a:close/>
                <a:moveTo>
                  <a:pt x="2" y="101"/>
                </a:moveTo>
                <a:cubicBezTo>
                  <a:pt x="2" y="99"/>
                  <a:pt x="2" y="99"/>
                  <a:pt x="2" y="99"/>
                </a:cubicBezTo>
                <a:cubicBezTo>
                  <a:pt x="2" y="92"/>
                  <a:pt x="6" y="88"/>
                  <a:pt x="14" y="88"/>
                </a:cubicBezTo>
                <a:cubicBezTo>
                  <a:pt x="17" y="88"/>
                  <a:pt x="17" y="88"/>
                  <a:pt x="17" y="88"/>
                </a:cubicBezTo>
                <a:cubicBezTo>
                  <a:pt x="24" y="88"/>
                  <a:pt x="28" y="92"/>
                  <a:pt x="28" y="99"/>
                </a:cubicBezTo>
                <a:cubicBezTo>
                  <a:pt x="28" y="101"/>
                  <a:pt x="28" y="101"/>
                  <a:pt x="28" y="101"/>
                </a:cubicBezTo>
                <a:cubicBezTo>
                  <a:pt x="28" y="109"/>
                  <a:pt x="24" y="113"/>
                  <a:pt x="17" y="113"/>
                </a:cubicBezTo>
                <a:cubicBezTo>
                  <a:pt x="14" y="113"/>
                  <a:pt x="14" y="113"/>
                  <a:pt x="14" y="113"/>
                </a:cubicBezTo>
                <a:cubicBezTo>
                  <a:pt x="6" y="113"/>
                  <a:pt x="2" y="109"/>
                  <a:pt x="2" y="101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93" name="Freeform 169"/>
          <p:cNvSpPr>
            <a:spLocks/>
          </p:cNvSpPr>
          <p:nvPr userDrawn="1"/>
        </p:nvSpPr>
        <p:spPr bwMode="auto">
          <a:xfrm>
            <a:off x="11542713" y="6030913"/>
            <a:ext cx="74612" cy="68262"/>
          </a:xfrm>
          <a:custGeom>
            <a:avLst/>
            <a:gdLst/>
            <a:ahLst/>
            <a:cxnLst>
              <a:cxn ang="0">
                <a:pos x="26" y="6"/>
              </a:cxn>
              <a:cxn ang="0">
                <a:pos x="28" y="1"/>
              </a:cxn>
              <a:cxn ang="0">
                <a:pos x="32" y="0"/>
              </a:cxn>
              <a:cxn ang="0">
                <a:pos x="33" y="0"/>
              </a:cxn>
              <a:cxn ang="0">
                <a:pos x="37" y="1"/>
              </a:cxn>
              <a:cxn ang="0">
                <a:pos x="39" y="6"/>
              </a:cxn>
              <a:cxn ang="0">
                <a:pos x="41" y="20"/>
              </a:cxn>
              <a:cxn ang="0">
                <a:pos x="55" y="17"/>
              </a:cxn>
              <a:cxn ang="0">
                <a:pos x="61" y="18"/>
              </a:cxn>
              <a:cxn ang="0">
                <a:pos x="64" y="22"/>
              </a:cxn>
              <a:cxn ang="0">
                <a:pos x="64" y="22"/>
              </a:cxn>
              <a:cxn ang="0">
                <a:pos x="64" y="27"/>
              </a:cxn>
              <a:cxn ang="0">
                <a:pos x="60" y="31"/>
              </a:cxn>
              <a:cxn ang="0">
                <a:pos x="46" y="37"/>
              </a:cxn>
              <a:cxn ang="0">
                <a:pos x="54" y="50"/>
              </a:cxn>
              <a:cxn ang="0">
                <a:pos x="55" y="56"/>
              </a:cxn>
              <a:cxn ang="0">
                <a:pos x="52" y="59"/>
              </a:cxn>
              <a:cxn ang="0">
                <a:pos x="52" y="60"/>
              </a:cxn>
              <a:cxn ang="0">
                <a:pos x="48" y="61"/>
              </a:cxn>
              <a:cxn ang="0">
                <a:pos x="43" y="58"/>
              </a:cxn>
              <a:cxn ang="0">
                <a:pos x="32" y="47"/>
              </a:cxn>
              <a:cxn ang="0">
                <a:pos x="22" y="58"/>
              </a:cxn>
              <a:cxn ang="0">
                <a:pos x="17" y="61"/>
              </a:cxn>
              <a:cxn ang="0">
                <a:pos x="13" y="60"/>
              </a:cxn>
              <a:cxn ang="0">
                <a:pos x="12" y="59"/>
              </a:cxn>
              <a:cxn ang="0">
                <a:pos x="9" y="56"/>
              </a:cxn>
              <a:cxn ang="0">
                <a:pos x="11" y="50"/>
              </a:cxn>
              <a:cxn ang="0">
                <a:pos x="18" y="37"/>
              </a:cxn>
              <a:cxn ang="0">
                <a:pos x="5" y="31"/>
              </a:cxn>
              <a:cxn ang="0">
                <a:pos x="1" y="27"/>
              </a:cxn>
              <a:cxn ang="0">
                <a:pos x="1" y="22"/>
              </a:cxn>
              <a:cxn ang="0">
                <a:pos x="1" y="22"/>
              </a:cxn>
              <a:cxn ang="0">
                <a:pos x="3" y="18"/>
              </a:cxn>
              <a:cxn ang="0">
                <a:pos x="9" y="17"/>
              </a:cxn>
              <a:cxn ang="0">
                <a:pos x="24" y="20"/>
              </a:cxn>
              <a:cxn ang="0">
                <a:pos x="26" y="6"/>
              </a:cxn>
            </a:cxnLst>
            <a:rect l="0" t="0" r="r" b="b"/>
            <a:pathLst>
              <a:path w="65" h="61">
                <a:moveTo>
                  <a:pt x="26" y="6"/>
                </a:moveTo>
                <a:cubicBezTo>
                  <a:pt x="26" y="3"/>
                  <a:pt x="27" y="2"/>
                  <a:pt x="28" y="1"/>
                </a:cubicBezTo>
                <a:cubicBezTo>
                  <a:pt x="29" y="0"/>
                  <a:pt x="30" y="0"/>
                  <a:pt x="32" y="0"/>
                </a:cubicBezTo>
                <a:cubicBezTo>
                  <a:pt x="33" y="0"/>
                  <a:pt x="33" y="0"/>
                  <a:pt x="33" y="0"/>
                </a:cubicBezTo>
                <a:cubicBezTo>
                  <a:pt x="35" y="0"/>
                  <a:pt x="36" y="0"/>
                  <a:pt x="37" y="1"/>
                </a:cubicBezTo>
                <a:cubicBezTo>
                  <a:pt x="38" y="2"/>
                  <a:pt x="39" y="3"/>
                  <a:pt x="39" y="6"/>
                </a:cubicBezTo>
                <a:cubicBezTo>
                  <a:pt x="41" y="20"/>
                  <a:pt x="41" y="20"/>
                  <a:pt x="41" y="20"/>
                </a:cubicBezTo>
                <a:cubicBezTo>
                  <a:pt x="55" y="17"/>
                  <a:pt x="55" y="17"/>
                  <a:pt x="55" y="17"/>
                </a:cubicBezTo>
                <a:cubicBezTo>
                  <a:pt x="58" y="17"/>
                  <a:pt x="60" y="17"/>
                  <a:pt x="61" y="18"/>
                </a:cubicBezTo>
                <a:cubicBezTo>
                  <a:pt x="62" y="19"/>
                  <a:pt x="63" y="20"/>
                  <a:pt x="64" y="22"/>
                </a:cubicBezTo>
                <a:cubicBezTo>
                  <a:pt x="64" y="22"/>
                  <a:pt x="64" y="22"/>
                  <a:pt x="64" y="22"/>
                </a:cubicBezTo>
                <a:cubicBezTo>
                  <a:pt x="65" y="24"/>
                  <a:pt x="65" y="26"/>
                  <a:pt x="64" y="27"/>
                </a:cubicBezTo>
                <a:cubicBezTo>
                  <a:pt x="64" y="28"/>
                  <a:pt x="62" y="29"/>
                  <a:pt x="60" y="31"/>
                </a:cubicBezTo>
                <a:cubicBezTo>
                  <a:pt x="46" y="37"/>
                  <a:pt x="46" y="37"/>
                  <a:pt x="46" y="37"/>
                </a:cubicBezTo>
                <a:cubicBezTo>
                  <a:pt x="54" y="50"/>
                  <a:pt x="54" y="50"/>
                  <a:pt x="54" y="50"/>
                </a:cubicBezTo>
                <a:cubicBezTo>
                  <a:pt x="55" y="52"/>
                  <a:pt x="56" y="54"/>
                  <a:pt x="55" y="56"/>
                </a:cubicBezTo>
                <a:cubicBezTo>
                  <a:pt x="55" y="57"/>
                  <a:pt x="54" y="58"/>
                  <a:pt x="52" y="59"/>
                </a:cubicBezTo>
                <a:cubicBezTo>
                  <a:pt x="52" y="60"/>
                  <a:pt x="52" y="60"/>
                  <a:pt x="52" y="60"/>
                </a:cubicBezTo>
                <a:cubicBezTo>
                  <a:pt x="51" y="60"/>
                  <a:pt x="49" y="61"/>
                  <a:pt x="48" y="61"/>
                </a:cubicBezTo>
                <a:cubicBezTo>
                  <a:pt x="46" y="61"/>
                  <a:pt x="45" y="60"/>
                  <a:pt x="43" y="58"/>
                </a:cubicBezTo>
                <a:cubicBezTo>
                  <a:pt x="32" y="47"/>
                  <a:pt x="32" y="47"/>
                  <a:pt x="32" y="47"/>
                </a:cubicBezTo>
                <a:cubicBezTo>
                  <a:pt x="22" y="58"/>
                  <a:pt x="22" y="58"/>
                  <a:pt x="22" y="58"/>
                </a:cubicBezTo>
                <a:cubicBezTo>
                  <a:pt x="20" y="60"/>
                  <a:pt x="18" y="61"/>
                  <a:pt x="17" y="61"/>
                </a:cubicBezTo>
                <a:cubicBezTo>
                  <a:pt x="16" y="61"/>
                  <a:pt x="14" y="60"/>
                  <a:pt x="13" y="60"/>
                </a:cubicBezTo>
                <a:cubicBezTo>
                  <a:pt x="12" y="59"/>
                  <a:pt x="12" y="59"/>
                  <a:pt x="12" y="59"/>
                </a:cubicBezTo>
                <a:cubicBezTo>
                  <a:pt x="11" y="58"/>
                  <a:pt x="10" y="57"/>
                  <a:pt x="9" y="56"/>
                </a:cubicBezTo>
                <a:cubicBezTo>
                  <a:pt x="9" y="54"/>
                  <a:pt x="9" y="52"/>
                  <a:pt x="11" y="50"/>
                </a:cubicBezTo>
                <a:cubicBezTo>
                  <a:pt x="18" y="37"/>
                  <a:pt x="18" y="37"/>
                  <a:pt x="18" y="37"/>
                </a:cubicBezTo>
                <a:cubicBezTo>
                  <a:pt x="5" y="31"/>
                  <a:pt x="5" y="31"/>
                  <a:pt x="5" y="31"/>
                </a:cubicBezTo>
                <a:cubicBezTo>
                  <a:pt x="2" y="29"/>
                  <a:pt x="1" y="28"/>
                  <a:pt x="1" y="27"/>
                </a:cubicBezTo>
                <a:cubicBezTo>
                  <a:pt x="0" y="26"/>
                  <a:pt x="0" y="24"/>
                  <a:pt x="1" y="22"/>
                </a:cubicBezTo>
                <a:cubicBezTo>
                  <a:pt x="1" y="22"/>
                  <a:pt x="1" y="22"/>
                  <a:pt x="1" y="22"/>
                </a:cubicBezTo>
                <a:cubicBezTo>
                  <a:pt x="1" y="20"/>
                  <a:pt x="2" y="18"/>
                  <a:pt x="3" y="18"/>
                </a:cubicBezTo>
                <a:cubicBezTo>
                  <a:pt x="5" y="17"/>
                  <a:pt x="6" y="17"/>
                  <a:pt x="9" y="17"/>
                </a:cubicBezTo>
                <a:cubicBezTo>
                  <a:pt x="24" y="20"/>
                  <a:pt x="24" y="20"/>
                  <a:pt x="24" y="20"/>
                </a:cubicBezTo>
                <a:lnTo>
                  <a:pt x="26" y="6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5" name="Freeform 6"/>
          <p:cNvSpPr>
            <a:spLocks/>
          </p:cNvSpPr>
          <p:nvPr userDrawn="1"/>
        </p:nvSpPr>
        <p:spPr bwMode="auto">
          <a:xfrm>
            <a:off x="1828056" y="5070678"/>
            <a:ext cx="509315" cy="554783"/>
          </a:xfrm>
          <a:custGeom>
            <a:avLst/>
            <a:gdLst/>
            <a:ahLst/>
            <a:cxnLst>
              <a:cxn ang="0">
                <a:pos x="306" y="419"/>
              </a:cxn>
              <a:cxn ang="0">
                <a:pos x="363" y="378"/>
              </a:cxn>
              <a:cxn ang="0">
                <a:pos x="314" y="231"/>
              </a:cxn>
              <a:cxn ang="0">
                <a:pos x="294" y="233"/>
              </a:cxn>
              <a:cxn ang="0">
                <a:pos x="273" y="235"/>
              </a:cxn>
              <a:cxn ang="0">
                <a:pos x="261" y="241"/>
              </a:cxn>
              <a:cxn ang="0">
                <a:pos x="242" y="245"/>
              </a:cxn>
              <a:cxn ang="0">
                <a:pos x="227" y="250"/>
              </a:cxn>
              <a:cxn ang="0">
                <a:pos x="202" y="254"/>
              </a:cxn>
              <a:cxn ang="0">
                <a:pos x="168" y="199"/>
              </a:cxn>
              <a:cxn ang="0">
                <a:pos x="216" y="320"/>
              </a:cxn>
              <a:cxn ang="0">
                <a:pos x="199" y="338"/>
              </a:cxn>
              <a:cxn ang="0">
                <a:pos x="154" y="331"/>
              </a:cxn>
              <a:cxn ang="0">
                <a:pos x="158" y="337"/>
              </a:cxn>
              <a:cxn ang="0">
                <a:pos x="148" y="362"/>
              </a:cxn>
              <a:cxn ang="0">
                <a:pos x="178" y="3"/>
              </a:cxn>
              <a:cxn ang="0">
                <a:pos x="368" y="176"/>
              </a:cxn>
              <a:cxn ang="0">
                <a:pos x="353" y="190"/>
              </a:cxn>
              <a:cxn ang="0">
                <a:pos x="273" y="173"/>
              </a:cxn>
              <a:cxn ang="0">
                <a:pos x="161" y="102"/>
              </a:cxn>
              <a:cxn ang="0">
                <a:pos x="134" y="252"/>
              </a:cxn>
              <a:cxn ang="0">
                <a:pos x="118" y="273"/>
              </a:cxn>
              <a:cxn ang="0">
                <a:pos x="153" y="77"/>
              </a:cxn>
              <a:cxn ang="0">
                <a:pos x="298" y="159"/>
              </a:cxn>
              <a:cxn ang="0">
                <a:pos x="291" y="70"/>
              </a:cxn>
              <a:cxn ang="0">
                <a:pos x="31" y="191"/>
              </a:cxn>
              <a:cxn ang="0">
                <a:pos x="131" y="318"/>
              </a:cxn>
              <a:cxn ang="0">
                <a:pos x="180" y="304"/>
              </a:cxn>
              <a:cxn ang="0">
                <a:pos x="136" y="204"/>
              </a:cxn>
              <a:cxn ang="0">
                <a:pos x="193" y="177"/>
              </a:cxn>
              <a:cxn ang="0">
                <a:pos x="215" y="219"/>
              </a:cxn>
              <a:cxn ang="0">
                <a:pos x="246" y="217"/>
              </a:cxn>
              <a:cxn ang="0">
                <a:pos x="281" y="208"/>
              </a:cxn>
              <a:cxn ang="0">
                <a:pos x="333" y="213"/>
              </a:cxn>
              <a:cxn ang="0">
                <a:pos x="391" y="385"/>
              </a:cxn>
              <a:cxn ang="0">
                <a:pos x="324" y="425"/>
              </a:cxn>
            </a:cxnLst>
            <a:rect l="0" t="0" r="r" b="b"/>
            <a:pathLst>
              <a:path w="392" h="427">
                <a:moveTo>
                  <a:pt x="318" y="427"/>
                </a:moveTo>
                <a:cubicBezTo>
                  <a:pt x="313" y="427"/>
                  <a:pt x="308" y="424"/>
                  <a:pt x="306" y="419"/>
                </a:cubicBezTo>
                <a:cubicBezTo>
                  <a:pt x="303" y="412"/>
                  <a:pt x="306" y="404"/>
                  <a:pt x="313" y="401"/>
                </a:cubicBezTo>
                <a:cubicBezTo>
                  <a:pt x="363" y="378"/>
                  <a:pt x="363" y="378"/>
                  <a:pt x="363" y="378"/>
                </a:cubicBezTo>
                <a:cubicBezTo>
                  <a:pt x="351" y="267"/>
                  <a:pt x="339" y="255"/>
                  <a:pt x="323" y="239"/>
                </a:cubicBezTo>
                <a:cubicBezTo>
                  <a:pt x="320" y="237"/>
                  <a:pt x="317" y="234"/>
                  <a:pt x="314" y="231"/>
                </a:cubicBezTo>
                <a:cubicBezTo>
                  <a:pt x="311" y="228"/>
                  <a:pt x="308" y="225"/>
                  <a:pt x="304" y="225"/>
                </a:cubicBezTo>
                <a:cubicBezTo>
                  <a:pt x="300" y="225"/>
                  <a:pt x="296" y="230"/>
                  <a:pt x="294" y="233"/>
                </a:cubicBezTo>
                <a:cubicBezTo>
                  <a:pt x="292" y="236"/>
                  <a:pt x="288" y="238"/>
                  <a:pt x="284" y="239"/>
                </a:cubicBezTo>
                <a:cubicBezTo>
                  <a:pt x="280" y="239"/>
                  <a:pt x="276" y="238"/>
                  <a:pt x="273" y="235"/>
                </a:cubicBezTo>
                <a:cubicBezTo>
                  <a:pt x="272" y="233"/>
                  <a:pt x="270" y="232"/>
                  <a:pt x="270" y="232"/>
                </a:cubicBezTo>
                <a:cubicBezTo>
                  <a:pt x="267" y="233"/>
                  <a:pt x="263" y="238"/>
                  <a:pt x="261" y="241"/>
                </a:cubicBezTo>
                <a:cubicBezTo>
                  <a:pt x="259" y="244"/>
                  <a:pt x="256" y="246"/>
                  <a:pt x="252" y="247"/>
                </a:cubicBezTo>
                <a:cubicBezTo>
                  <a:pt x="248" y="248"/>
                  <a:pt x="245" y="247"/>
                  <a:pt x="242" y="245"/>
                </a:cubicBezTo>
                <a:cubicBezTo>
                  <a:pt x="234" y="240"/>
                  <a:pt x="231" y="240"/>
                  <a:pt x="231" y="240"/>
                </a:cubicBezTo>
                <a:cubicBezTo>
                  <a:pt x="229" y="241"/>
                  <a:pt x="228" y="247"/>
                  <a:pt x="227" y="250"/>
                </a:cubicBezTo>
                <a:cubicBezTo>
                  <a:pt x="227" y="256"/>
                  <a:pt x="222" y="261"/>
                  <a:pt x="216" y="262"/>
                </a:cubicBezTo>
                <a:cubicBezTo>
                  <a:pt x="210" y="263"/>
                  <a:pt x="204" y="260"/>
                  <a:pt x="202" y="254"/>
                </a:cubicBezTo>
                <a:cubicBezTo>
                  <a:pt x="177" y="199"/>
                  <a:pt x="177" y="199"/>
                  <a:pt x="177" y="199"/>
                </a:cubicBezTo>
                <a:cubicBezTo>
                  <a:pt x="174" y="198"/>
                  <a:pt x="171" y="198"/>
                  <a:pt x="168" y="199"/>
                </a:cubicBezTo>
                <a:cubicBezTo>
                  <a:pt x="166" y="200"/>
                  <a:pt x="164" y="203"/>
                  <a:pt x="163" y="205"/>
                </a:cubicBezTo>
                <a:cubicBezTo>
                  <a:pt x="216" y="320"/>
                  <a:pt x="216" y="320"/>
                  <a:pt x="216" y="320"/>
                </a:cubicBezTo>
                <a:cubicBezTo>
                  <a:pt x="219" y="325"/>
                  <a:pt x="218" y="331"/>
                  <a:pt x="214" y="335"/>
                </a:cubicBezTo>
                <a:cubicBezTo>
                  <a:pt x="210" y="339"/>
                  <a:pt x="204" y="340"/>
                  <a:pt x="199" y="338"/>
                </a:cubicBezTo>
                <a:cubicBezTo>
                  <a:pt x="199" y="338"/>
                  <a:pt x="191" y="335"/>
                  <a:pt x="167" y="329"/>
                </a:cubicBezTo>
                <a:cubicBezTo>
                  <a:pt x="160" y="327"/>
                  <a:pt x="155" y="329"/>
                  <a:pt x="154" y="331"/>
                </a:cubicBezTo>
                <a:cubicBezTo>
                  <a:pt x="153" y="333"/>
                  <a:pt x="153" y="334"/>
                  <a:pt x="154" y="335"/>
                </a:cubicBezTo>
                <a:cubicBezTo>
                  <a:pt x="158" y="337"/>
                  <a:pt x="158" y="337"/>
                  <a:pt x="158" y="337"/>
                </a:cubicBezTo>
                <a:cubicBezTo>
                  <a:pt x="163" y="341"/>
                  <a:pt x="165" y="347"/>
                  <a:pt x="163" y="353"/>
                </a:cubicBezTo>
                <a:cubicBezTo>
                  <a:pt x="161" y="359"/>
                  <a:pt x="154" y="363"/>
                  <a:pt x="148" y="362"/>
                </a:cubicBezTo>
                <a:cubicBezTo>
                  <a:pt x="67" y="344"/>
                  <a:pt x="8" y="274"/>
                  <a:pt x="5" y="192"/>
                </a:cubicBezTo>
                <a:cubicBezTo>
                  <a:pt x="0" y="92"/>
                  <a:pt x="78" y="7"/>
                  <a:pt x="178" y="3"/>
                </a:cubicBezTo>
                <a:cubicBezTo>
                  <a:pt x="227" y="0"/>
                  <a:pt x="273" y="17"/>
                  <a:pt x="309" y="50"/>
                </a:cubicBezTo>
                <a:cubicBezTo>
                  <a:pt x="345" y="83"/>
                  <a:pt x="366" y="128"/>
                  <a:pt x="368" y="176"/>
                </a:cubicBezTo>
                <a:cubicBezTo>
                  <a:pt x="368" y="180"/>
                  <a:pt x="366" y="183"/>
                  <a:pt x="364" y="186"/>
                </a:cubicBezTo>
                <a:cubicBezTo>
                  <a:pt x="361" y="189"/>
                  <a:pt x="357" y="190"/>
                  <a:pt x="353" y="190"/>
                </a:cubicBezTo>
                <a:cubicBezTo>
                  <a:pt x="285" y="185"/>
                  <a:pt x="285" y="185"/>
                  <a:pt x="285" y="185"/>
                </a:cubicBezTo>
                <a:cubicBezTo>
                  <a:pt x="279" y="184"/>
                  <a:pt x="274" y="179"/>
                  <a:pt x="273" y="173"/>
                </a:cubicBezTo>
                <a:cubicBezTo>
                  <a:pt x="270" y="145"/>
                  <a:pt x="252" y="120"/>
                  <a:pt x="227" y="107"/>
                </a:cubicBezTo>
                <a:cubicBezTo>
                  <a:pt x="206" y="97"/>
                  <a:pt x="183" y="95"/>
                  <a:pt x="161" y="102"/>
                </a:cubicBezTo>
                <a:cubicBezTo>
                  <a:pt x="139" y="109"/>
                  <a:pt x="121" y="124"/>
                  <a:pt x="111" y="145"/>
                </a:cubicBezTo>
                <a:cubicBezTo>
                  <a:pt x="92" y="181"/>
                  <a:pt x="102" y="226"/>
                  <a:pt x="134" y="252"/>
                </a:cubicBezTo>
                <a:cubicBezTo>
                  <a:pt x="140" y="256"/>
                  <a:pt x="141" y="265"/>
                  <a:pt x="137" y="270"/>
                </a:cubicBezTo>
                <a:cubicBezTo>
                  <a:pt x="132" y="276"/>
                  <a:pt x="124" y="277"/>
                  <a:pt x="118" y="273"/>
                </a:cubicBezTo>
                <a:cubicBezTo>
                  <a:pt x="76" y="239"/>
                  <a:pt x="63" y="181"/>
                  <a:pt x="87" y="133"/>
                </a:cubicBezTo>
                <a:cubicBezTo>
                  <a:pt x="101" y="106"/>
                  <a:pt x="124" y="86"/>
                  <a:pt x="153" y="77"/>
                </a:cubicBezTo>
                <a:cubicBezTo>
                  <a:pt x="182" y="67"/>
                  <a:pt x="212" y="70"/>
                  <a:pt x="239" y="83"/>
                </a:cubicBezTo>
                <a:cubicBezTo>
                  <a:pt x="269" y="99"/>
                  <a:pt x="290" y="126"/>
                  <a:pt x="298" y="159"/>
                </a:cubicBezTo>
                <a:cubicBezTo>
                  <a:pt x="340" y="162"/>
                  <a:pt x="340" y="162"/>
                  <a:pt x="340" y="162"/>
                </a:cubicBezTo>
                <a:cubicBezTo>
                  <a:pt x="335" y="127"/>
                  <a:pt x="318" y="94"/>
                  <a:pt x="291" y="70"/>
                </a:cubicBezTo>
                <a:cubicBezTo>
                  <a:pt x="260" y="42"/>
                  <a:pt x="221" y="27"/>
                  <a:pt x="179" y="29"/>
                </a:cubicBezTo>
                <a:cubicBezTo>
                  <a:pt x="94" y="33"/>
                  <a:pt x="28" y="105"/>
                  <a:pt x="31" y="191"/>
                </a:cubicBezTo>
                <a:cubicBezTo>
                  <a:pt x="34" y="252"/>
                  <a:pt x="72" y="305"/>
                  <a:pt x="127" y="327"/>
                </a:cubicBezTo>
                <a:cubicBezTo>
                  <a:pt x="128" y="324"/>
                  <a:pt x="129" y="321"/>
                  <a:pt x="131" y="318"/>
                </a:cubicBezTo>
                <a:cubicBezTo>
                  <a:pt x="139" y="304"/>
                  <a:pt x="155" y="298"/>
                  <a:pt x="174" y="303"/>
                </a:cubicBezTo>
                <a:cubicBezTo>
                  <a:pt x="176" y="303"/>
                  <a:pt x="178" y="304"/>
                  <a:pt x="180" y="304"/>
                </a:cubicBezTo>
                <a:cubicBezTo>
                  <a:pt x="137" y="212"/>
                  <a:pt x="137" y="212"/>
                  <a:pt x="137" y="212"/>
                </a:cubicBezTo>
                <a:cubicBezTo>
                  <a:pt x="136" y="210"/>
                  <a:pt x="136" y="207"/>
                  <a:pt x="136" y="204"/>
                </a:cubicBezTo>
                <a:cubicBezTo>
                  <a:pt x="136" y="202"/>
                  <a:pt x="140" y="183"/>
                  <a:pt x="156" y="175"/>
                </a:cubicBezTo>
                <a:cubicBezTo>
                  <a:pt x="163" y="172"/>
                  <a:pt x="176" y="169"/>
                  <a:pt x="193" y="177"/>
                </a:cubicBezTo>
                <a:cubicBezTo>
                  <a:pt x="195" y="179"/>
                  <a:pt x="198" y="181"/>
                  <a:pt x="199" y="184"/>
                </a:cubicBezTo>
                <a:cubicBezTo>
                  <a:pt x="215" y="219"/>
                  <a:pt x="215" y="219"/>
                  <a:pt x="215" y="219"/>
                </a:cubicBezTo>
                <a:cubicBezTo>
                  <a:pt x="216" y="218"/>
                  <a:pt x="218" y="217"/>
                  <a:pt x="219" y="216"/>
                </a:cubicBezTo>
                <a:cubicBezTo>
                  <a:pt x="227" y="213"/>
                  <a:pt x="236" y="213"/>
                  <a:pt x="246" y="217"/>
                </a:cubicBezTo>
                <a:cubicBezTo>
                  <a:pt x="251" y="212"/>
                  <a:pt x="258" y="207"/>
                  <a:pt x="267" y="206"/>
                </a:cubicBezTo>
                <a:cubicBezTo>
                  <a:pt x="270" y="205"/>
                  <a:pt x="275" y="206"/>
                  <a:pt x="281" y="208"/>
                </a:cubicBezTo>
                <a:cubicBezTo>
                  <a:pt x="286" y="203"/>
                  <a:pt x="293" y="199"/>
                  <a:pt x="302" y="198"/>
                </a:cubicBezTo>
                <a:cubicBezTo>
                  <a:pt x="310" y="198"/>
                  <a:pt x="322" y="200"/>
                  <a:pt x="333" y="213"/>
                </a:cubicBezTo>
                <a:cubicBezTo>
                  <a:pt x="336" y="215"/>
                  <a:pt x="339" y="218"/>
                  <a:pt x="341" y="220"/>
                </a:cubicBezTo>
                <a:cubicBezTo>
                  <a:pt x="362" y="240"/>
                  <a:pt x="378" y="256"/>
                  <a:pt x="391" y="385"/>
                </a:cubicBezTo>
                <a:cubicBezTo>
                  <a:pt x="392" y="390"/>
                  <a:pt x="388" y="396"/>
                  <a:pt x="383" y="398"/>
                </a:cubicBezTo>
                <a:cubicBezTo>
                  <a:pt x="324" y="425"/>
                  <a:pt x="324" y="425"/>
                  <a:pt x="324" y="425"/>
                </a:cubicBezTo>
                <a:cubicBezTo>
                  <a:pt x="322" y="426"/>
                  <a:pt x="320" y="427"/>
                  <a:pt x="318" y="427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0" name="Freeform 6"/>
          <p:cNvSpPr>
            <a:spLocks/>
          </p:cNvSpPr>
          <p:nvPr userDrawn="1"/>
        </p:nvSpPr>
        <p:spPr bwMode="auto">
          <a:xfrm>
            <a:off x="6935213" y="3718379"/>
            <a:ext cx="544462" cy="353600"/>
          </a:xfrm>
          <a:custGeom>
            <a:avLst/>
            <a:gdLst/>
            <a:ahLst/>
            <a:cxnLst>
              <a:cxn ang="0">
                <a:pos x="175" y="236"/>
              </a:cxn>
              <a:cxn ang="0">
                <a:pos x="157" y="291"/>
              </a:cxn>
              <a:cxn ang="0">
                <a:pos x="0" y="278"/>
              </a:cxn>
              <a:cxn ang="0">
                <a:pos x="36" y="141"/>
              </a:cxn>
              <a:cxn ang="0">
                <a:pos x="27" y="80"/>
              </a:cxn>
              <a:cxn ang="0">
                <a:pos x="103" y="1"/>
              </a:cxn>
              <a:cxn ang="0">
                <a:pos x="182" y="77"/>
              </a:cxn>
              <a:cxn ang="0">
                <a:pos x="182" y="167"/>
              </a:cxn>
              <a:cxn ang="0">
                <a:pos x="219" y="182"/>
              </a:cxn>
              <a:cxn ang="0">
                <a:pos x="180" y="194"/>
              </a:cxn>
              <a:cxn ang="0">
                <a:pos x="119" y="141"/>
              </a:cxn>
              <a:cxn ang="0">
                <a:pos x="155" y="77"/>
              </a:cxn>
              <a:cxn ang="0">
                <a:pos x="104" y="27"/>
              </a:cxn>
              <a:cxn ang="0">
                <a:pos x="54" y="79"/>
              </a:cxn>
              <a:cxn ang="0">
                <a:pos x="86" y="125"/>
              </a:cxn>
              <a:cxn ang="0">
                <a:pos x="81" y="151"/>
              </a:cxn>
              <a:cxn ang="0">
                <a:pos x="55" y="160"/>
              </a:cxn>
              <a:cxn ang="0">
                <a:pos x="147" y="264"/>
              </a:cxn>
              <a:cxn ang="0">
                <a:pos x="146" y="216"/>
              </a:cxn>
              <a:cxn ang="0">
                <a:pos x="221" y="210"/>
              </a:cxn>
              <a:cxn ang="0">
                <a:pos x="291" y="210"/>
              </a:cxn>
              <a:cxn ang="0">
                <a:pos x="303" y="229"/>
              </a:cxn>
              <a:cxn ang="0">
                <a:pos x="421" y="264"/>
              </a:cxn>
              <a:cxn ang="0">
                <a:pos x="373" y="151"/>
              </a:cxn>
              <a:cxn ang="0">
                <a:pos x="354" y="140"/>
              </a:cxn>
              <a:cxn ang="0">
                <a:pos x="366" y="124"/>
              </a:cxn>
              <a:cxn ang="0">
                <a:pos x="380" y="43"/>
              </a:cxn>
              <a:cxn ang="0">
                <a:pos x="308" y="42"/>
              </a:cxn>
              <a:cxn ang="0">
                <a:pos x="322" y="124"/>
              </a:cxn>
              <a:cxn ang="0">
                <a:pos x="327" y="145"/>
              </a:cxn>
              <a:cxn ang="0">
                <a:pos x="243" y="195"/>
              </a:cxn>
              <a:cxn ang="0">
                <a:pos x="242" y="169"/>
              </a:cxn>
              <a:cxn ang="0">
                <a:pos x="300" y="143"/>
              </a:cxn>
              <a:cxn ang="0">
                <a:pos x="289" y="22"/>
              </a:cxn>
              <a:cxn ang="0">
                <a:pos x="399" y="24"/>
              </a:cxn>
              <a:cxn ang="0">
                <a:pos x="399" y="131"/>
              </a:cxn>
              <a:cxn ang="0">
                <a:pos x="444" y="225"/>
              </a:cxn>
              <a:cxn ang="0">
                <a:pos x="434" y="291"/>
              </a:cxn>
              <a:cxn ang="0">
                <a:pos x="278" y="283"/>
              </a:cxn>
              <a:cxn ang="0">
                <a:pos x="227" y="236"/>
              </a:cxn>
            </a:cxnLst>
            <a:rect l="0" t="0" r="r" b="b"/>
            <a:pathLst>
              <a:path w="448" h="291">
                <a:moveTo>
                  <a:pt x="221" y="236"/>
                </a:moveTo>
                <a:cubicBezTo>
                  <a:pt x="175" y="236"/>
                  <a:pt x="175" y="236"/>
                  <a:pt x="175" y="236"/>
                </a:cubicBezTo>
                <a:cubicBezTo>
                  <a:pt x="178" y="260"/>
                  <a:pt x="170" y="281"/>
                  <a:pt x="169" y="283"/>
                </a:cubicBezTo>
                <a:cubicBezTo>
                  <a:pt x="167" y="288"/>
                  <a:pt x="163" y="291"/>
                  <a:pt x="157" y="291"/>
                </a:cubicBezTo>
                <a:cubicBezTo>
                  <a:pt x="14" y="291"/>
                  <a:pt x="14" y="291"/>
                  <a:pt x="14" y="291"/>
                </a:cubicBezTo>
                <a:cubicBezTo>
                  <a:pt x="6" y="291"/>
                  <a:pt x="0" y="285"/>
                  <a:pt x="0" y="278"/>
                </a:cubicBezTo>
                <a:cubicBezTo>
                  <a:pt x="0" y="277"/>
                  <a:pt x="0" y="253"/>
                  <a:pt x="4" y="225"/>
                </a:cubicBezTo>
                <a:cubicBezTo>
                  <a:pt x="9" y="185"/>
                  <a:pt x="20" y="157"/>
                  <a:pt x="36" y="141"/>
                </a:cubicBezTo>
                <a:cubicBezTo>
                  <a:pt x="40" y="137"/>
                  <a:pt x="44" y="134"/>
                  <a:pt x="48" y="131"/>
                </a:cubicBezTo>
                <a:cubicBezTo>
                  <a:pt x="35" y="118"/>
                  <a:pt x="27" y="99"/>
                  <a:pt x="27" y="80"/>
                </a:cubicBezTo>
                <a:cubicBezTo>
                  <a:pt x="27" y="59"/>
                  <a:pt x="34" y="39"/>
                  <a:pt x="49" y="24"/>
                </a:cubicBezTo>
                <a:cubicBezTo>
                  <a:pt x="63" y="9"/>
                  <a:pt x="82" y="1"/>
                  <a:pt x="103" y="1"/>
                </a:cubicBezTo>
                <a:cubicBezTo>
                  <a:pt x="124" y="0"/>
                  <a:pt x="143" y="8"/>
                  <a:pt x="158" y="22"/>
                </a:cubicBezTo>
                <a:cubicBezTo>
                  <a:pt x="173" y="37"/>
                  <a:pt x="182" y="56"/>
                  <a:pt x="182" y="77"/>
                </a:cubicBezTo>
                <a:cubicBezTo>
                  <a:pt x="183" y="103"/>
                  <a:pt x="169" y="128"/>
                  <a:pt x="148" y="142"/>
                </a:cubicBezTo>
                <a:cubicBezTo>
                  <a:pt x="151" y="150"/>
                  <a:pt x="161" y="166"/>
                  <a:pt x="182" y="167"/>
                </a:cubicBezTo>
                <a:cubicBezTo>
                  <a:pt x="196" y="168"/>
                  <a:pt x="206" y="168"/>
                  <a:pt x="206" y="168"/>
                </a:cubicBezTo>
                <a:cubicBezTo>
                  <a:pt x="213" y="169"/>
                  <a:pt x="219" y="175"/>
                  <a:pt x="219" y="182"/>
                </a:cubicBezTo>
                <a:cubicBezTo>
                  <a:pt x="218" y="190"/>
                  <a:pt x="212" y="195"/>
                  <a:pt x="205" y="195"/>
                </a:cubicBezTo>
                <a:cubicBezTo>
                  <a:pt x="205" y="195"/>
                  <a:pt x="195" y="195"/>
                  <a:pt x="180" y="194"/>
                </a:cubicBezTo>
                <a:cubicBezTo>
                  <a:pt x="143" y="191"/>
                  <a:pt x="125" y="161"/>
                  <a:pt x="121" y="145"/>
                </a:cubicBezTo>
                <a:cubicBezTo>
                  <a:pt x="119" y="141"/>
                  <a:pt x="119" y="141"/>
                  <a:pt x="119" y="141"/>
                </a:cubicBezTo>
                <a:cubicBezTo>
                  <a:pt x="117" y="134"/>
                  <a:pt x="120" y="127"/>
                  <a:pt x="126" y="124"/>
                </a:cubicBezTo>
                <a:cubicBezTo>
                  <a:pt x="144" y="116"/>
                  <a:pt x="156" y="97"/>
                  <a:pt x="155" y="77"/>
                </a:cubicBezTo>
                <a:cubicBezTo>
                  <a:pt x="155" y="64"/>
                  <a:pt x="150" y="51"/>
                  <a:pt x="140" y="42"/>
                </a:cubicBezTo>
                <a:cubicBezTo>
                  <a:pt x="130" y="32"/>
                  <a:pt x="117" y="27"/>
                  <a:pt x="104" y="27"/>
                </a:cubicBezTo>
                <a:cubicBezTo>
                  <a:pt x="90" y="28"/>
                  <a:pt x="77" y="33"/>
                  <a:pt x="68" y="43"/>
                </a:cubicBezTo>
                <a:cubicBezTo>
                  <a:pt x="59" y="53"/>
                  <a:pt x="53" y="66"/>
                  <a:pt x="54" y="79"/>
                </a:cubicBezTo>
                <a:cubicBezTo>
                  <a:pt x="54" y="98"/>
                  <a:pt x="65" y="115"/>
                  <a:pt x="82" y="124"/>
                </a:cubicBezTo>
                <a:cubicBezTo>
                  <a:pt x="86" y="125"/>
                  <a:pt x="86" y="125"/>
                  <a:pt x="86" y="125"/>
                </a:cubicBezTo>
                <a:cubicBezTo>
                  <a:pt x="92" y="128"/>
                  <a:pt x="95" y="134"/>
                  <a:pt x="94" y="140"/>
                </a:cubicBezTo>
                <a:cubicBezTo>
                  <a:pt x="93" y="147"/>
                  <a:pt x="87" y="151"/>
                  <a:pt x="81" y="151"/>
                </a:cubicBezTo>
                <a:cubicBezTo>
                  <a:pt x="74" y="151"/>
                  <a:pt x="74" y="151"/>
                  <a:pt x="74" y="151"/>
                </a:cubicBezTo>
                <a:cubicBezTo>
                  <a:pt x="67" y="151"/>
                  <a:pt x="61" y="154"/>
                  <a:pt x="55" y="160"/>
                </a:cubicBezTo>
                <a:cubicBezTo>
                  <a:pt x="34" y="181"/>
                  <a:pt x="28" y="234"/>
                  <a:pt x="27" y="264"/>
                </a:cubicBezTo>
                <a:cubicBezTo>
                  <a:pt x="147" y="264"/>
                  <a:pt x="147" y="264"/>
                  <a:pt x="147" y="264"/>
                </a:cubicBezTo>
                <a:cubicBezTo>
                  <a:pt x="149" y="255"/>
                  <a:pt x="151" y="241"/>
                  <a:pt x="145" y="229"/>
                </a:cubicBezTo>
                <a:cubicBezTo>
                  <a:pt x="143" y="225"/>
                  <a:pt x="143" y="220"/>
                  <a:pt x="146" y="216"/>
                </a:cubicBezTo>
                <a:cubicBezTo>
                  <a:pt x="148" y="212"/>
                  <a:pt x="152" y="210"/>
                  <a:pt x="157" y="210"/>
                </a:cubicBezTo>
                <a:cubicBezTo>
                  <a:pt x="221" y="210"/>
                  <a:pt x="221" y="210"/>
                  <a:pt x="221" y="210"/>
                </a:cubicBezTo>
                <a:cubicBezTo>
                  <a:pt x="227" y="210"/>
                  <a:pt x="227" y="210"/>
                  <a:pt x="227" y="210"/>
                </a:cubicBezTo>
                <a:cubicBezTo>
                  <a:pt x="291" y="210"/>
                  <a:pt x="291" y="210"/>
                  <a:pt x="291" y="210"/>
                </a:cubicBezTo>
                <a:cubicBezTo>
                  <a:pt x="295" y="210"/>
                  <a:pt x="299" y="212"/>
                  <a:pt x="302" y="216"/>
                </a:cubicBezTo>
                <a:cubicBezTo>
                  <a:pt x="304" y="220"/>
                  <a:pt x="305" y="225"/>
                  <a:pt x="303" y="229"/>
                </a:cubicBezTo>
                <a:cubicBezTo>
                  <a:pt x="297" y="241"/>
                  <a:pt x="299" y="256"/>
                  <a:pt x="301" y="264"/>
                </a:cubicBezTo>
                <a:cubicBezTo>
                  <a:pt x="421" y="264"/>
                  <a:pt x="421" y="264"/>
                  <a:pt x="421" y="264"/>
                </a:cubicBezTo>
                <a:cubicBezTo>
                  <a:pt x="419" y="234"/>
                  <a:pt x="413" y="181"/>
                  <a:pt x="392" y="160"/>
                </a:cubicBezTo>
                <a:cubicBezTo>
                  <a:pt x="387" y="154"/>
                  <a:pt x="381" y="151"/>
                  <a:pt x="373" y="151"/>
                </a:cubicBezTo>
                <a:cubicBezTo>
                  <a:pt x="367" y="151"/>
                  <a:pt x="367" y="151"/>
                  <a:pt x="367" y="151"/>
                </a:cubicBezTo>
                <a:cubicBezTo>
                  <a:pt x="360" y="151"/>
                  <a:pt x="355" y="147"/>
                  <a:pt x="354" y="140"/>
                </a:cubicBezTo>
                <a:cubicBezTo>
                  <a:pt x="353" y="134"/>
                  <a:pt x="356" y="128"/>
                  <a:pt x="362" y="126"/>
                </a:cubicBezTo>
                <a:cubicBezTo>
                  <a:pt x="366" y="124"/>
                  <a:pt x="366" y="124"/>
                  <a:pt x="366" y="124"/>
                </a:cubicBezTo>
                <a:cubicBezTo>
                  <a:pt x="383" y="115"/>
                  <a:pt x="394" y="98"/>
                  <a:pt x="394" y="79"/>
                </a:cubicBezTo>
                <a:cubicBezTo>
                  <a:pt x="394" y="66"/>
                  <a:pt x="389" y="53"/>
                  <a:pt x="380" y="43"/>
                </a:cubicBezTo>
                <a:cubicBezTo>
                  <a:pt x="370" y="33"/>
                  <a:pt x="358" y="28"/>
                  <a:pt x="344" y="27"/>
                </a:cubicBezTo>
                <a:cubicBezTo>
                  <a:pt x="330" y="27"/>
                  <a:pt x="318" y="32"/>
                  <a:pt x="308" y="42"/>
                </a:cubicBezTo>
                <a:cubicBezTo>
                  <a:pt x="298" y="51"/>
                  <a:pt x="292" y="64"/>
                  <a:pt x="292" y="77"/>
                </a:cubicBezTo>
                <a:cubicBezTo>
                  <a:pt x="292" y="97"/>
                  <a:pt x="303" y="116"/>
                  <a:pt x="322" y="124"/>
                </a:cubicBezTo>
                <a:cubicBezTo>
                  <a:pt x="328" y="127"/>
                  <a:pt x="331" y="134"/>
                  <a:pt x="328" y="141"/>
                </a:cubicBezTo>
                <a:cubicBezTo>
                  <a:pt x="327" y="145"/>
                  <a:pt x="327" y="145"/>
                  <a:pt x="327" y="145"/>
                </a:cubicBezTo>
                <a:cubicBezTo>
                  <a:pt x="323" y="162"/>
                  <a:pt x="305" y="192"/>
                  <a:pt x="267" y="194"/>
                </a:cubicBezTo>
                <a:cubicBezTo>
                  <a:pt x="253" y="195"/>
                  <a:pt x="243" y="195"/>
                  <a:pt x="243" y="195"/>
                </a:cubicBezTo>
                <a:cubicBezTo>
                  <a:pt x="235" y="196"/>
                  <a:pt x="229" y="190"/>
                  <a:pt x="229" y="183"/>
                </a:cubicBezTo>
                <a:cubicBezTo>
                  <a:pt x="229" y="175"/>
                  <a:pt x="234" y="169"/>
                  <a:pt x="242" y="169"/>
                </a:cubicBezTo>
                <a:cubicBezTo>
                  <a:pt x="242" y="169"/>
                  <a:pt x="251" y="168"/>
                  <a:pt x="266" y="167"/>
                </a:cubicBezTo>
                <a:cubicBezTo>
                  <a:pt x="287" y="166"/>
                  <a:pt x="296" y="150"/>
                  <a:pt x="300" y="143"/>
                </a:cubicBezTo>
                <a:cubicBezTo>
                  <a:pt x="278" y="128"/>
                  <a:pt x="265" y="103"/>
                  <a:pt x="266" y="77"/>
                </a:cubicBezTo>
                <a:cubicBezTo>
                  <a:pt x="266" y="56"/>
                  <a:pt x="274" y="37"/>
                  <a:pt x="289" y="22"/>
                </a:cubicBezTo>
                <a:cubicBezTo>
                  <a:pt x="304" y="8"/>
                  <a:pt x="324" y="0"/>
                  <a:pt x="344" y="1"/>
                </a:cubicBezTo>
                <a:cubicBezTo>
                  <a:pt x="365" y="1"/>
                  <a:pt x="384" y="10"/>
                  <a:pt x="399" y="24"/>
                </a:cubicBezTo>
                <a:cubicBezTo>
                  <a:pt x="413" y="39"/>
                  <a:pt x="421" y="59"/>
                  <a:pt x="421" y="80"/>
                </a:cubicBezTo>
                <a:cubicBezTo>
                  <a:pt x="420" y="99"/>
                  <a:pt x="412" y="118"/>
                  <a:pt x="399" y="131"/>
                </a:cubicBezTo>
                <a:cubicBezTo>
                  <a:pt x="404" y="134"/>
                  <a:pt x="408" y="137"/>
                  <a:pt x="411" y="141"/>
                </a:cubicBezTo>
                <a:cubicBezTo>
                  <a:pt x="428" y="157"/>
                  <a:pt x="438" y="186"/>
                  <a:pt x="444" y="225"/>
                </a:cubicBezTo>
                <a:cubicBezTo>
                  <a:pt x="448" y="253"/>
                  <a:pt x="447" y="277"/>
                  <a:pt x="447" y="278"/>
                </a:cubicBezTo>
                <a:cubicBezTo>
                  <a:pt x="447" y="285"/>
                  <a:pt x="441" y="291"/>
                  <a:pt x="434" y="291"/>
                </a:cubicBezTo>
                <a:cubicBezTo>
                  <a:pt x="291" y="291"/>
                  <a:pt x="291" y="291"/>
                  <a:pt x="291" y="291"/>
                </a:cubicBezTo>
                <a:cubicBezTo>
                  <a:pt x="285" y="291"/>
                  <a:pt x="280" y="288"/>
                  <a:pt x="278" y="283"/>
                </a:cubicBezTo>
                <a:cubicBezTo>
                  <a:pt x="278" y="282"/>
                  <a:pt x="269" y="260"/>
                  <a:pt x="273" y="236"/>
                </a:cubicBezTo>
                <a:cubicBezTo>
                  <a:pt x="227" y="236"/>
                  <a:pt x="227" y="236"/>
                  <a:pt x="227" y="236"/>
                </a:cubicBezTo>
                <a:lnTo>
                  <a:pt x="221" y="236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>
              <a:solidFill>
                <a:srgbClr val="009530"/>
              </a:solidFill>
            </a:endParaRPr>
          </a:p>
        </p:txBody>
      </p:sp>
      <p:sp>
        <p:nvSpPr>
          <p:cNvPr id="197" name="Freeform 9"/>
          <p:cNvSpPr>
            <a:spLocks/>
          </p:cNvSpPr>
          <p:nvPr userDrawn="1"/>
        </p:nvSpPr>
        <p:spPr bwMode="auto">
          <a:xfrm>
            <a:off x="447676" y="5857905"/>
            <a:ext cx="69731" cy="331422"/>
          </a:xfrm>
          <a:custGeom>
            <a:avLst/>
            <a:gdLst/>
            <a:ahLst/>
            <a:cxnLst>
              <a:cxn ang="0">
                <a:pos x="59" y="400"/>
              </a:cxn>
              <a:cxn ang="0">
                <a:pos x="50" y="380"/>
              </a:cxn>
              <a:cxn ang="0">
                <a:pos x="50" y="247"/>
              </a:cxn>
              <a:cxn ang="0">
                <a:pos x="34" y="213"/>
              </a:cxn>
              <a:cxn ang="0">
                <a:pos x="50" y="180"/>
              </a:cxn>
              <a:cxn ang="0">
                <a:pos x="50" y="46"/>
              </a:cxn>
              <a:cxn ang="0">
                <a:pos x="59" y="26"/>
              </a:cxn>
              <a:cxn ang="0">
                <a:pos x="72" y="13"/>
              </a:cxn>
              <a:cxn ang="0">
                <a:pos x="59" y="0"/>
              </a:cxn>
              <a:cxn ang="0">
                <a:pos x="23" y="46"/>
              </a:cxn>
              <a:cxn ang="0">
                <a:pos x="23" y="180"/>
              </a:cxn>
              <a:cxn ang="0">
                <a:pos x="6" y="202"/>
              </a:cxn>
              <a:cxn ang="0">
                <a:pos x="0" y="213"/>
              </a:cxn>
              <a:cxn ang="0">
                <a:pos x="6" y="224"/>
              </a:cxn>
              <a:cxn ang="0">
                <a:pos x="23" y="247"/>
              </a:cxn>
              <a:cxn ang="0">
                <a:pos x="23" y="380"/>
              </a:cxn>
              <a:cxn ang="0">
                <a:pos x="59" y="427"/>
              </a:cxn>
              <a:cxn ang="0">
                <a:pos x="72" y="414"/>
              </a:cxn>
              <a:cxn ang="0">
                <a:pos x="59" y="400"/>
              </a:cxn>
            </a:cxnLst>
            <a:rect l="0" t="0" r="r" b="b"/>
            <a:pathLst>
              <a:path w="72" h="427">
                <a:moveTo>
                  <a:pt x="59" y="400"/>
                </a:moveTo>
                <a:cubicBezTo>
                  <a:pt x="56" y="400"/>
                  <a:pt x="50" y="393"/>
                  <a:pt x="50" y="380"/>
                </a:cubicBezTo>
                <a:cubicBezTo>
                  <a:pt x="50" y="247"/>
                  <a:pt x="50" y="247"/>
                  <a:pt x="50" y="247"/>
                </a:cubicBezTo>
                <a:cubicBezTo>
                  <a:pt x="50" y="233"/>
                  <a:pt x="42" y="221"/>
                  <a:pt x="34" y="213"/>
                </a:cubicBezTo>
                <a:cubicBezTo>
                  <a:pt x="42" y="205"/>
                  <a:pt x="50" y="194"/>
                  <a:pt x="50" y="180"/>
                </a:cubicBezTo>
                <a:cubicBezTo>
                  <a:pt x="50" y="46"/>
                  <a:pt x="50" y="46"/>
                  <a:pt x="50" y="46"/>
                </a:cubicBezTo>
                <a:cubicBezTo>
                  <a:pt x="50" y="34"/>
                  <a:pt x="56" y="26"/>
                  <a:pt x="59" y="26"/>
                </a:cubicBezTo>
                <a:cubicBezTo>
                  <a:pt x="66" y="26"/>
                  <a:pt x="72" y="20"/>
                  <a:pt x="72" y="13"/>
                </a:cubicBezTo>
                <a:cubicBezTo>
                  <a:pt x="72" y="6"/>
                  <a:pt x="66" y="0"/>
                  <a:pt x="59" y="0"/>
                </a:cubicBezTo>
                <a:cubicBezTo>
                  <a:pt x="39" y="0"/>
                  <a:pt x="23" y="20"/>
                  <a:pt x="23" y="46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88"/>
                  <a:pt x="12" y="199"/>
                  <a:pt x="6" y="202"/>
                </a:cubicBezTo>
                <a:cubicBezTo>
                  <a:pt x="3" y="205"/>
                  <a:pt x="0" y="209"/>
                  <a:pt x="0" y="213"/>
                </a:cubicBezTo>
                <a:cubicBezTo>
                  <a:pt x="0" y="218"/>
                  <a:pt x="3" y="222"/>
                  <a:pt x="6" y="224"/>
                </a:cubicBezTo>
                <a:cubicBezTo>
                  <a:pt x="12" y="228"/>
                  <a:pt x="23" y="238"/>
                  <a:pt x="23" y="247"/>
                </a:cubicBezTo>
                <a:cubicBezTo>
                  <a:pt x="23" y="380"/>
                  <a:pt x="23" y="380"/>
                  <a:pt x="23" y="380"/>
                </a:cubicBezTo>
                <a:cubicBezTo>
                  <a:pt x="23" y="407"/>
                  <a:pt x="39" y="427"/>
                  <a:pt x="59" y="427"/>
                </a:cubicBezTo>
                <a:cubicBezTo>
                  <a:pt x="66" y="427"/>
                  <a:pt x="72" y="421"/>
                  <a:pt x="72" y="414"/>
                </a:cubicBezTo>
                <a:cubicBezTo>
                  <a:pt x="72" y="406"/>
                  <a:pt x="66" y="400"/>
                  <a:pt x="59" y="400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8" name="Freeform 13"/>
          <p:cNvSpPr>
            <a:spLocks/>
          </p:cNvSpPr>
          <p:nvPr userDrawn="1"/>
        </p:nvSpPr>
        <p:spPr bwMode="auto">
          <a:xfrm>
            <a:off x="611747" y="5857905"/>
            <a:ext cx="72465" cy="331422"/>
          </a:xfrm>
          <a:custGeom>
            <a:avLst/>
            <a:gdLst/>
            <a:ahLst/>
            <a:cxnLst>
              <a:cxn ang="0">
                <a:pos x="72" y="214"/>
              </a:cxn>
              <a:cxn ang="0">
                <a:pos x="66" y="202"/>
              </a:cxn>
              <a:cxn ang="0">
                <a:pos x="50" y="180"/>
              </a:cxn>
              <a:cxn ang="0">
                <a:pos x="50" y="46"/>
              </a:cxn>
              <a:cxn ang="0">
                <a:pos x="14" y="0"/>
              </a:cxn>
              <a:cxn ang="0">
                <a:pos x="0" y="13"/>
              </a:cxn>
              <a:cxn ang="0">
                <a:pos x="14" y="26"/>
              </a:cxn>
              <a:cxn ang="0">
                <a:pos x="23" y="46"/>
              </a:cxn>
              <a:cxn ang="0">
                <a:pos x="23" y="180"/>
              </a:cxn>
              <a:cxn ang="0">
                <a:pos x="39" y="213"/>
              </a:cxn>
              <a:cxn ang="0">
                <a:pos x="23" y="247"/>
              </a:cxn>
              <a:cxn ang="0">
                <a:pos x="23" y="380"/>
              </a:cxn>
              <a:cxn ang="0">
                <a:pos x="14" y="400"/>
              </a:cxn>
              <a:cxn ang="0">
                <a:pos x="0" y="414"/>
              </a:cxn>
              <a:cxn ang="0">
                <a:pos x="14" y="427"/>
              </a:cxn>
              <a:cxn ang="0">
                <a:pos x="50" y="380"/>
              </a:cxn>
              <a:cxn ang="0">
                <a:pos x="50" y="247"/>
              </a:cxn>
              <a:cxn ang="0">
                <a:pos x="66" y="224"/>
              </a:cxn>
              <a:cxn ang="0">
                <a:pos x="65" y="225"/>
              </a:cxn>
              <a:cxn ang="0">
                <a:pos x="72" y="214"/>
              </a:cxn>
            </a:cxnLst>
            <a:rect l="0" t="0" r="r" b="b"/>
            <a:pathLst>
              <a:path w="73" h="427">
                <a:moveTo>
                  <a:pt x="72" y="214"/>
                </a:moveTo>
                <a:cubicBezTo>
                  <a:pt x="73" y="209"/>
                  <a:pt x="70" y="205"/>
                  <a:pt x="66" y="202"/>
                </a:cubicBezTo>
                <a:cubicBezTo>
                  <a:pt x="61" y="199"/>
                  <a:pt x="50" y="188"/>
                  <a:pt x="50" y="180"/>
                </a:cubicBezTo>
                <a:cubicBezTo>
                  <a:pt x="50" y="46"/>
                  <a:pt x="50" y="46"/>
                  <a:pt x="50" y="46"/>
                </a:cubicBezTo>
                <a:cubicBezTo>
                  <a:pt x="50" y="20"/>
                  <a:pt x="34" y="0"/>
                  <a:pt x="14" y="0"/>
                </a:cubicBezTo>
                <a:cubicBezTo>
                  <a:pt x="6" y="0"/>
                  <a:pt x="0" y="6"/>
                  <a:pt x="0" y="13"/>
                </a:cubicBezTo>
                <a:cubicBezTo>
                  <a:pt x="0" y="20"/>
                  <a:pt x="6" y="26"/>
                  <a:pt x="14" y="26"/>
                </a:cubicBezTo>
                <a:cubicBezTo>
                  <a:pt x="17" y="26"/>
                  <a:pt x="23" y="34"/>
                  <a:pt x="23" y="46"/>
                </a:cubicBezTo>
                <a:cubicBezTo>
                  <a:pt x="23" y="180"/>
                  <a:pt x="23" y="180"/>
                  <a:pt x="23" y="180"/>
                </a:cubicBezTo>
                <a:cubicBezTo>
                  <a:pt x="23" y="194"/>
                  <a:pt x="31" y="205"/>
                  <a:pt x="39" y="213"/>
                </a:cubicBezTo>
                <a:cubicBezTo>
                  <a:pt x="31" y="221"/>
                  <a:pt x="23" y="233"/>
                  <a:pt x="23" y="247"/>
                </a:cubicBezTo>
                <a:cubicBezTo>
                  <a:pt x="23" y="380"/>
                  <a:pt x="23" y="380"/>
                  <a:pt x="23" y="380"/>
                </a:cubicBezTo>
                <a:cubicBezTo>
                  <a:pt x="23" y="393"/>
                  <a:pt x="17" y="400"/>
                  <a:pt x="14" y="400"/>
                </a:cubicBezTo>
                <a:cubicBezTo>
                  <a:pt x="6" y="400"/>
                  <a:pt x="0" y="406"/>
                  <a:pt x="0" y="414"/>
                </a:cubicBezTo>
                <a:cubicBezTo>
                  <a:pt x="0" y="421"/>
                  <a:pt x="6" y="427"/>
                  <a:pt x="14" y="427"/>
                </a:cubicBezTo>
                <a:cubicBezTo>
                  <a:pt x="34" y="427"/>
                  <a:pt x="50" y="407"/>
                  <a:pt x="50" y="380"/>
                </a:cubicBezTo>
                <a:cubicBezTo>
                  <a:pt x="50" y="247"/>
                  <a:pt x="50" y="247"/>
                  <a:pt x="50" y="247"/>
                </a:cubicBezTo>
                <a:cubicBezTo>
                  <a:pt x="50" y="238"/>
                  <a:pt x="61" y="228"/>
                  <a:pt x="66" y="224"/>
                </a:cubicBezTo>
                <a:cubicBezTo>
                  <a:pt x="66" y="225"/>
                  <a:pt x="65" y="225"/>
                  <a:pt x="65" y="225"/>
                </a:cubicBezTo>
                <a:cubicBezTo>
                  <a:pt x="69" y="223"/>
                  <a:pt x="72" y="219"/>
                  <a:pt x="72" y="214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9" name="TextBox 198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chemeClr val="bg1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  <p:sp>
        <p:nvSpPr>
          <p:cNvPr id="200" name="Slide Number Placeholder 3"/>
          <p:cNvSpPr txBox="1">
            <a:spLocks/>
          </p:cNvSpPr>
          <p:nvPr userDrawn="1"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FFFFFF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FFFFFF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5"/>
            <a:ext cx="10360025" cy="1470025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1225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63613" y="4406900"/>
            <a:ext cx="10360025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3613" y="2906713"/>
            <a:ext cx="10360025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5408613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0613" y="1600200"/>
            <a:ext cx="5408612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4800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4800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1250" y="1535113"/>
            <a:ext cx="53879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1250" y="2174875"/>
            <a:ext cx="53879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Ci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 descr="city_369.pn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003" t="1175" r="6116" b="9373"/>
          <a:stretch/>
        </p:blipFill>
        <p:spPr>
          <a:xfrm>
            <a:off x="-70558" y="-63949"/>
            <a:ext cx="12329940" cy="6985898"/>
          </a:xfrm>
          <a:prstGeom prst="rect">
            <a:avLst/>
          </a:prstGeom>
          <a:noFill/>
          <a:ln>
            <a:noFill/>
          </a:ln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9916" y="2130432"/>
            <a:ext cx="10979309" cy="1470025"/>
          </a:xfrm>
        </p:spPr>
        <p:txBody>
          <a:bodyPr lIns="0" anchor="b" anchorCtr="0">
            <a:noAutofit/>
          </a:bodyPr>
          <a:lstStyle>
            <a:lvl1pPr algn="l">
              <a:defRPr sz="3600" b="1">
                <a:solidFill>
                  <a:srgbClr val="009530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noProof="0" dirty="0"/>
              <a:t>Slide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99915" y="3644658"/>
            <a:ext cx="10979309" cy="1099870"/>
          </a:xfrm>
        </p:spPr>
        <p:txBody>
          <a:bodyPr lIns="0">
            <a:noAutofit/>
          </a:bodyPr>
          <a:lstStyle>
            <a:lvl1pPr marL="0" indent="0" algn="l">
              <a:buNone/>
              <a:defRPr sz="2200">
                <a:solidFill>
                  <a:srgbClr val="009530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0075" y="5124577"/>
            <a:ext cx="8586158" cy="1120775"/>
          </a:xfrm>
        </p:spPr>
        <p:txBody>
          <a:bodyPr>
            <a:normAutofit/>
          </a:bodyPr>
          <a:lstStyle>
            <a:lvl1pPr marL="0" indent="0">
              <a:buNone/>
              <a:defRPr sz="160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pPr lvl="0"/>
            <a:r>
              <a:rPr lang="en-US" noProof="0"/>
              <a:t>Date</a:t>
            </a:r>
            <a:br>
              <a:rPr lang="en-US" noProof="0"/>
            </a:br>
            <a:r>
              <a:rPr lang="en-US" noProof="0"/>
              <a:t>Author</a:t>
            </a:r>
            <a:br>
              <a:rPr lang="en-US" noProof="0"/>
            </a:br>
            <a:r>
              <a:rPr lang="en-US" noProof="0"/>
              <a:t>Title</a:t>
            </a:r>
          </a:p>
        </p:txBody>
      </p:sp>
      <p:pic>
        <p:nvPicPr>
          <p:cNvPr id="7" name="Picture 23" descr="C:\Users\Kurt\Desktop\Untitled-1cc.png"/>
          <p:cNvPicPr>
            <a:picLocks noChangeArrowheads="1"/>
          </p:cNvPicPr>
          <p:nvPr userDrawn="1"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9686417" y="5902135"/>
            <a:ext cx="1892808" cy="56692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3050"/>
            <a:ext cx="4010025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5675" y="273050"/>
            <a:ext cx="68135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9600" y="1435100"/>
            <a:ext cx="4010025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89188" y="4800600"/>
            <a:ext cx="7313612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389188" y="612775"/>
            <a:ext cx="7313612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389188" y="5367338"/>
            <a:ext cx="7313612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837613" y="274638"/>
            <a:ext cx="2741612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09600" y="274638"/>
            <a:ext cx="8075613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Cover_UJH1374_layers_v2.jpg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" y="0"/>
            <a:ext cx="12188824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99916" y="2130432"/>
            <a:ext cx="8206627" cy="1470025"/>
          </a:xfrm>
        </p:spPr>
        <p:txBody>
          <a:bodyPr lIns="0" anchor="b" anchorCtr="0">
            <a:noAutofit/>
          </a:bodyPr>
          <a:lstStyle>
            <a:lvl1pPr algn="l">
              <a:defRPr sz="3600" b="1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en-US" noProof="0" dirty="0"/>
              <a:t>Slide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99915" y="3644658"/>
            <a:ext cx="8206627" cy="1099870"/>
          </a:xfrm>
        </p:spPr>
        <p:txBody>
          <a:bodyPr lIns="0">
            <a:noAutofit/>
          </a:bodyPr>
          <a:lstStyle>
            <a:lvl1pPr marL="0" indent="0" algn="l">
              <a:buNone/>
              <a:defRPr sz="2200">
                <a:solidFill>
                  <a:srgbClr val="FFFFFF"/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Click to edit Subtitle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 hasCustomPrompt="1"/>
          </p:nvPr>
        </p:nvSpPr>
        <p:spPr>
          <a:xfrm>
            <a:off x="600075" y="5124577"/>
            <a:ext cx="8586158" cy="1120775"/>
          </a:xfrm>
        </p:spPr>
        <p:txBody>
          <a:bodyPr>
            <a:normAutofit/>
          </a:bodyPr>
          <a:lstStyle>
            <a:lvl1pPr marL="0" indent="0">
              <a:buNone/>
              <a:defRPr sz="1600">
                <a:solidFill>
                  <a:schemeClr val="bg1"/>
                </a:solidFill>
                <a:latin typeface="Arial" pitchFamily="34" charset="0"/>
                <a:cs typeface="Arial" pitchFamily="34" charset="0"/>
              </a:defRPr>
            </a:lvl1pPr>
          </a:lstStyle>
          <a:p>
            <a:pPr lvl="0"/>
            <a:r>
              <a:rPr lang="en-US" noProof="0"/>
              <a:t>Date</a:t>
            </a:r>
            <a:br>
              <a:rPr lang="en-US" noProof="0"/>
            </a:br>
            <a:r>
              <a:rPr lang="en-US" noProof="0"/>
              <a:t>Author</a:t>
            </a:r>
            <a:br>
              <a:rPr lang="en-US" noProof="0"/>
            </a:br>
            <a:r>
              <a:rPr lang="en-US" noProof="0"/>
              <a:t>Title</a:t>
            </a:r>
          </a:p>
        </p:txBody>
      </p:sp>
      <p:pic>
        <p:nvPicPr>
          <p:cNvPr id="7" name="Picture 23" descr="C:\Users\Kurt\Desktop\Untitled-1cc.png"/>
          <p:cNvPicPr>
            <a:picLocks noChangeArrowheads="1"/>
          </p:cNvPicPr>
          <p:nvPr userDrawn="1"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100000"/>
                    </a14:imgEffect>
                  </a14:imgLayer>
                </a14:imgProps>
              </a:ext>
            </a:extLst>
          </a:blip>
          <a:srcRect/>
          <a:stretch>
            <a:fillRect/>
          </a:stretch>
        </p:blipFill>
        <p:spPr bwMode="auto">
          <a:xfrm>
            <a:off x="9686417" y="5902135"/>
            <a:ext cx="1892808" cy="56692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2688631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8013" y="265113"/>
            <a:ext cx="10969943" cy="1096962"/>
          </a:xfrm>
        </p:spPr>
        <p:txBody>
          <a:bodyPr/>
          <a:lstStyle>
            <a:lvl1pPr algn="l">
              <a:defRPr/>
            </a:lvl1pPr>
          </a:lstStyle>
          <a:p>
            <a:r>
              <a:rPr lang="en-US" noProof="0" dirty="0"/>
              <a:t>Headlin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08013" y="1509713"/>
            <a:ext cx="10969943" cy="4649553"/>
          </a:xfrm>
          <a:prstGeom prst="rect">
            <a:avLst/>
          </a:prstGeom>
        </p:spPr>
        <p:txBody>
          <a:bodyPr/>
          <a:lstStyle>
            <a:lvl1pPr>
              <a:buFont typeface="Arial" pitchFamily="34" charset="0"/>
              <a:buChar char="&gt;"/>
              <a:defRPr/>
            </a:lvl1pPr>
            <a:lvl5pPr>
              <a:defRPr/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US" noProof="0" dirty="0"/>
          </a:p>
        </p:txBody>
      </p:sp>
      <p:sp>
        <p:nvSpPr>
          <p:cNvPr id="5" name="TextBox 4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406363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struction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 hasCustomPrompt="1"/>
          </p:nvPr>
        </p:nvSpPr>
        <p:spPr>
          <a:xfrm>
            <a:off x="608013" y="261939"/>
            <a:ext cx="10971212" cy="1109661"/>
          </a:xfrm>
        </p:spPr>
        <p:txBody>
          <a:bodyPr anchor="t" anchorCtr="0"/>
          <a:lstStyle>
            <a:lvl1pPr algn="l">
              <a:defRPr/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 hasCustomPrompt="1"/>
          </p:nvPr>
        </p:nvSpPr>
        <p:spPr>
          <a:xfrm>
            <a:off x="4895849" y="1511299"/>
            <a:ext cx="6683375" cy="3754763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 dirty="0"/>
              <a:t>Drag picture to placeholder or click icon to add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608437" y="1511300"/>
            <a:ext cx="4148620" cy="4660901"/>
          </a:xfrm>
        </p:spPr>
        <p:txBody>
          <a:bodyPr anchor="t" anchorCtr="0"/>
          <a:lstStyle>
            <a:lvl1pPr marL="0" indent="0">
              <a:buFontTx/>
              <a:buNone/>
              <a:defRPr lang="en-US" sz="2200" kern="1200" baseline="0" dirty="0" smtClean="0">
                <a:solidFill>
                  <a:srgbClr val="009530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>
              <a:defRPr lang="en-US" sz="2000" kern="1200" dirty="0" smtClean="0">
                <a:solidFill>
                  <a:srgbClr val="626469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>
              <a:defRPr lang="en-US" sz="1800" kern="1200" dirty="0" smtClean="0">
                <a:solidFill>
                  <a:srgbClr val="626469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>
              <a:defRPr lang="en-US" sz="1600" kern="1200" baseline="0" dirty="0" smtClean="0">
                <a:solidFill>
                  <a:srgbClr val="626469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>
              <a:defRPr lang="en-US" sz="1400" kern="1200" baseline="0" dirty="0" smtClean="0">
                <a:solidFill>
                  <a:srgbClr val="626469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</a:lstStyle>
          <a:p>
            <a:pPr marL="225425" lvl="0" indent="-225425" algn="l" defTabSz="914400" rtl="0" eaLnBrk="1" latinLnBrk="0" hangingPunct="1">
              <a:spcBef>
                <a:spcPct val="20000"/>
              </a:spcBef>
              <a:buClr>
                <a:srgbClr val="009530"/>
              </a:buClr>
              <a:buFont typeface="Arial" pitchFamily="34" charset="0"/>
              <a:buChar char="&gt;"/>
            </a:pPr>
            <a:r>
              <a:rPr lang="en-US"/>
              <a:t>Click to edit Master text styles</a:t>
            </a:r>
          </a:p>
          <a:p>
            <a:pPr marL="225425" lvl="1" indent="-225425" algn="l" defTabSz="914400" rtl="0" eaLnBrk="1" latinLnBrk="0" hangingPunct="1">
              <a:spcBef>
                <a:spcPct val="20000"/>
              </a:spcBef>
              <a:buClr>
                <a:srgbClr val="009530"/>
              </a:buClr>
              <a:buFont typeface="Arial" pitchFamily="34" charset="0"/>
              <a:buChar char="&gt;"/>
            </a:pPr>
            <a:r>
              <a:rPr lang="en-US"/>
              <a:t>Second level</a:t>
            </a:r>
          </a:p>
          <a:p>
            <a:pPr marL="225425" lvl="2" indent="-225425" algn="l" defTabSz="914400" rtl="0" eaLnBrk="1" latinLnBrk="0" hangingPunct="1">
              <a:spcBef>
                <a:spcPct val="20000"/>
              </a:spcBef>
              <a:buClr>
                <a:srgbClr val="009530"/>
              </a:buClr>
              <a:buFont typeface="Arial" pitchFamily="34" charset="0"/>
              <a:buChar char="&gt;"/>
            </a:pPr>
            <a:r>
              <a:rPr lang="en-US"/>
              <a:t>Third level</a:t>
            </a:r>
          </a:p>
          <a:p>
            <a:pPr marL="225425" lvl="3" indent="-225425" algn="l" defTabSz="914400" rtl="0" eaLnBrk="1" latinLnBrk="0" hangingPunct="1">
              <a:spcBef>
                <a:spcPct val="20000"/>
              </a:spcBef>
              <a:buClr>
                <a:srgbClr val="009530"/>
              </a:buClr>
              <a:buFont typeface="Arial" pitchFamily="34" charset="0"/>
              <a:buChar char="&gt;"/>
            </a:pPr>
            <a:r>
              <a:rPr lang="en-US"/>
              <a:t>Fourth level</a:t>
            </a:r>
          </a:p>
          <a:p>
            <a:pPr marL="225425" lvl="4" indent="-225425" algn="l" defTabSz="914400" rtl="0" eaLnBrk="1" latinLnBrk="0" hangingPunct="1">
              <a:spcBef>
                <a:spcPct val="20000"/>
              </a:spcBef>
              <a:buClr>
                <a:srgbClr val="009530"/>
              </a:buClr>
              <a:buFont typeface="Arial" pitchFamily="34" charset="0"/>
              <a:buChar char="&gt;"/>
            </a:pPr>
            <a:r>
              <a:rPr lang="en-US"/>
              <a:t>Fifth level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5" hasCustomPrompt="1"/>
          </p:nvPr>
        </p:nvSpPr>
        <p:spPr>
          <a:xfrm>
            <a:off x="4895849" y="5410200"/>
            <a:ext cx="6683376" cy="762000"/>
          </a:xfrm>
        </p:spPr>
        <p:txBody>
          <a:bodyPr/>
          <a:lstStyle>
            <a:lvl1pPr marL="0" indent="0">
              <a:buFontTx/>
              <a:buNone/>
              <a:tabLst/>
              <a:defRPr sz="1800">
                <a:solidFill>
                  <a:srgbClr val="626469"/>
                </a:solidFill>
              </a:defRPr>
            </a:lvl1pPr>
          </a:lstStyle>
          <a:p>
            <a:pPr lvl="0"/>
            <a:r>
              <a:rPr lang="en-US" dirty="0"/>
              <a:t>Caption text</a:t>
            </a:r>
          </a:p>
        </p:txBody>
      </p:sp>
      <p:sp>
        <p:nvSpPr>
          <p:cNvPr id="12" name="TextBox 11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42023614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ansition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23" descr="C:\Users\Kurt\Desktop\Untitled-1cc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0068980" y="6130735"/>
            <a:ext cx="1135597" cy="338328"/>
          </a:xfrm>
          <a:prstGeom prst="rect">
            <a:avLst/>
          </a:prstGeom>
          <a:noFill/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441" y="2436813"/>
            <a:ext cx="10969943" cy="1255711"/>
          </a:xfrm>
        </p:spPr>
        <p:txBody>
          <a:bodyPr anchor="b" anchorCtr="0">
            <a:normAutofit/>
          </a:bodyPr>
          <a:lstStyle>
            <a:lvl1pPr algn="l">
              <a:defRPr baseline="0">
                <a:solidFill>
                  <a:srgbClr val="009530"/>
                </a:solidFill>
              </a:defRPr>
            </a:lvl1pPr>
          </a:lstStyle>
          <a:p>
            <a:r>
              <a:rPr lang="en-US" dirty="0"/>
              <a:t>Transition Slide Headline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 hasCustomPrompt="1"/>
          </p:nvPr>
        </p:nvSpPr>
        <p:spPr>
          <a:xfrm>
            <a:off x="603250" y="3765550"/>
            <a:ext cx="10972800" cy="1228725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626469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Sub-headline if </a:t>
            </a:r>
            <a:r>
              <a:rPr lang="en-US" noProof="0" dirty="0"/>
              <a:t>necessary</a:t>
            </a:r>
          </a:p>
        </p:txBody>
      </p:sp>
      <p:sp>
        <p:nvSpPr>
          <p:cNvPr id="6" name="Freeform 5"/>
          <p:cNvSpPr/>
          <p:nvPr userDrawn="1"/>
        </p:nvSpPr>
        <p:spPr>
          <a:xfrm>
            <a:off x="11289031" y="6252905"/>
            <a:ext cx="45719" cy="216158"/>
          </a:xfrm>
          <a:custGeom>
            <a:avLst/>
            <a:gdLst>
              <a:gd name="connsiteX0" fmla="*/ 0 w 0"/>
              <a:gd name="connsiteY0" fmla="*/ 0 h 167951"/>
              <a:gd name="connsiteX1" fmla="*/ 0 w 0"/>
              <a:gd name="connsiteY1" fmla="*/ 167951 h 1679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h="167951">
                <a:moveTo>
                  <a:pt x="0" y="0"/>
                </a:moveTo>
                <a:lnTo>
                  <a:pt x="0" y="167951"/>
                </a:lnTo>
              </a:path>
            </a:pathLst>
          </a:custGeom>
          <a:noFill/>
          <a:ln w="19050" cap="flat" cmpd="sng" algn="ctr">
            <a:solidFill>
              <a:srgbClr val="626469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1218987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24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17254498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Large Object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441" y="271463"/>
            <a:ext cx="10969943" cy="109537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441" y="1509713"/>
            <a:ext cx="10969943" cy="4762500"/>
          </a:xfrm>
        </p:spPr>
        <p:txBody>
          <a:bodyPr rIns="0">
            <a:noAutofit/>
          </a:bodyPr>
          <a:lstStyle>
            <a:lvl1pPr marL="0" indent="0" algn="l">
              <a:buNone/>
              <a:defRPr sz="2200">
                <a:solidFill>
                  <a:srgbClr val="626469"/>
                </a:solidFill>
              </a:defRPr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608013" y="6345952"/>
            <a:ext cx="2839902" cy="12311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en-US" sz="800" dirty="0">
                <a:solidFill>
                  <a:srgbClr val="626469"/>
                </a:solidFill>
                <a:latin typeface="Arial" pitchFamily="34" charset="0"/>
                <a:cs typeface="Arial" pitchFamily="34" charset="0"/>
              </a:rPr>
              <a:t>Confidential Property of Schneider Electric</a:t>
            </a:r>
          </a:p>
        </p:txBody>
      </p:sp>
    </p:spTree>
    <p:extLst>
      <p:ext uri="{BB962C8B-B14F-4D97-AF65-F5344CB8AC3E}">
        <p14:creationId xmlns:p14="http://schemas.microsoft.com/office/powerpoint/2010/main" val="119057984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1.xml"/><Relationship Id="rId13" Type="http://schemas.openxmlformats.org/officeDocument/2006/relationships/theme" Target="../theme/theme2.xml"/><Relationship Id="rId3" Type="http://schemas.openxmlformats.org/officeDocument/2006/relationships/slideLayout" Target="../slideLayouts/slideLayout36.xml"/><Relationship Id="rId7" Type="http://schemas.openxmlformats.org/officeDocument/2006/relationships/slideLayout" Target="../slideLayouts/slideLayout40.xml"/><Relationship Id="rId12" Type="http://schemas.openxmlformats.org/officeDocument/2006/relationships/slideLayout" Target="../slideLayouts/slideLayout45.xml"/><Relationship Id="rId2" Type="http://schemas.openxmlformats.org/officeDocument/2006/relationships/slideLayout" Target="../slideLayouts/slideLayout35.xml"/><Relationship Id="rId1" Type="http://schemas.openxmlformats.org/officeDocument/2006/relationships/slideLayout" Target="../slideLayouts/slideLayout34.xml"/><Relationship Id="rId6" Type="http://schemas.openxmlformats.org/officeDocument/2006/relationships/slideLayout" Target="../slideLayouts/slideLayout39.xml"/><Relationship Id="rId11" Type="http://schemas.openxmlformats.org/officeDocument/2006/relationships/slideLayout" Target="../slideLayouts/slideLayout44.xml"/><Relationship Id="rId5" Type="http://schemas.openxmlformats.org/officeDocument/2006/relationships/slideLayout" Target="../slideLayouts/slideLayout38.xml"/><Relationship Id="rId10" Type="http://schemas.openxmlformats.org/officeDocument/2006/relationships/slideLayout" Target="../slideLayouts/slideLayout43.xml"/><Relationship Id="rId4" Type="http://schemas.openxmlformats.org/officeDocument/2006/relationships/slideLayout" Target="../slideLayouts/slideLayout37.xml"/><Relationship Id="rId9" Type="http://schemas.openxmlformats.org/officeDocument/2006/relationships/slideLayout" Target="../slideLayouts/slideLayout4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530">
            <a:alpha val="9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441" y="265113"/>
            <a:ext cx="10969943" cy="109696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dirty="0"/>
              <a:t>Headline</a:t>
            </a:r>
            <a:br>
              <a:rPr lang="en-US" noProof="0" dirty="0"/>
            </a:b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441" y="1509713"/>
            <a:ext cx="10969943" cy="4649553"/>
          </a:xfrm>
          <a:prstGeom prst="rect">
            <a:avLst/>
          </a:prstGeom>
        </p:spPr>
        <p:txBody>
          <a:bodyPr vert="horz" lIns="0" tIns="45720" rIns="91440" bIns="45720" rtlCol="0">
            <a:noAutofit/>
          </a:bodyPr>
          <a:lstStyle/>
          <a:p>
            <a:pPr lvl="0"/>
            <a:r>
              <a:rPr lang="en-US" noProof="0" dirty="0"/>
              <a:t>Sub Headline</a:t>
            </a:r>
          </a:p>
          <a:p>
            <a:pPr lvl="1"/>
            <a:r>
              <a:rPr lang="en-US" noProof="0" dirty="0"/>
              <a:t>Paragraph or Body Copy</a:t>
            </a:r>
          </a:p>
          <a:p>
            <a:pPr lvl="2"/>
            <a:r>
              <a:rPr lang="en-US" noProof="0" dirty="0"/>
              <a:t>First Level Bullet</a:t>
            </a:r>
          </a:p>
          <a:p>
            <a:pPr lvl="3"/>
            <a:r>
              <a:rPr lang="en-US" noProof="0" dirty="0"/>
              <a:t>Second Level Bullet</a:t>
            </a:r>
          </a:p>
          <a:p>
            <a:pPr lvl="4"/>
            <a:r>
              <a:rPr lang="en-US" noProof="0" dirty="0"/>
              <a:t>Third Level Bullet</a:t>
            </a:r>
          </a:p>
          <a:p>
            <a:pPr lvl="5"/>
            <a:r>
              <a:rPr lang="en-US" noProof="0" dirty="0"/>
              <a:t>Fourth Level Bullet</a:t>
            </a:r>
          </a:p>
        </p:txBody>
      </p:sp>
      <p:sp>
        <p:nvSpPr>
          <p:cNvPr id="10" name="Slide Number Placeholder 3"/>
          <p:cNvSpPr txBox="1">
            <a:spLocks/>
          </p:cNvSpPr>
          <p:nvPr/>
        </p:nvSpPr>
        <p:spPr>
          <a:xfrm>
            <a:off x="11182350" y="6278563"/>
            <a:ext cx="396875" cy="190500"/>
          </a:xfrm>
          <a:prstGeom prst="rect">
            <a:avLst/>
          </a:prstGeom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algn="r" fontAlgn="base">
              <a:spcBef>
                <a:spcPct val="0"/>
              </a:spcBef>
              <a:spcAft>
                <a:spcPct val="0"/>
              </a:spcAft>
              <a:defRPr/>
            </a:pPr>
            <a:fld id="{B71EA597-8D80-41E5-B030-69B08F708DA5}" type="slidenum">
              <a:rPr lang="en-US" sz="1200">
                <a:solidFill>
                  <a:srgbClr val="626469"/>
                </a:solidFill>
                <a:latin typeface="Arial" pitchFamily="34" charset="0"/>
                <a:ea typeface="ＭＳ Ｐゴシック" pitchFamily="34" charset="-128"/>
                <a:cs typeface="Arial" pitchFamily="34" charset="0"/>
              </a:rPr>
              <a:pPr algn="r" fontAlgn="base">
                <a:spcBef>
                  <a:spcPct val="0"/>
                </a:spcBef>
                <a:spcAft>
                  <a:spcPct val="0"/>
                </a:spcAft>
                <a:defRPr/>
              </a:pPr>
              <a:t>‹#›</a:t>
            </a:fld>
            <a:endParaRPr lang="en-US" sz="1200" dirty="0">
              <a:solidFill>
                <a:srgbClr val="626469"/>
              </a:solidFill>
              <a:latin typeface="Arial" pitchFamily="34" charset="0"/>
              <a:ea typeface="ＭＳ Ｐゴシック" pitchFamily="34" charset="-128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1750743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92" r:id="rId2"/>
    <p:sldLayoutId id="2147483706" r:id="rId3"/>
    <p:sldLayoutId id="2147483707" r:id="rId4"/>
    <p:sldLayoutId id="2147483708" r:id="rId5"/>
    <p:sldLayoutId id="2147483650" r:id="rId6"/>
    <p:sldLayoutId id="2147483688" r:id="rId7"/>
    <p:sldLayoutId id="2147483657" r:id="rId8"/>
    <p:sldLayoutId id="2147483652" r:id="rId9"/>
    <p:sldLayoutId id="2147483663" r:id="rId10"/>
    <p:sldLayoutId id="2147483691" r:id="rId11"/>
    <p:sldLayoutId id="2147483709" r:id="rId12"/>
    <p:sldLayoutId id="2147483711" r:id="rId13"/>
    <p:sldLayoutId id="2147483702" r:id="rId14"/>
    <p:sldLayoutId id="2147483703" r:id="rId15"/>
    <p:sldLayoutId id="2147483656" r:id="rId16"/>
    <p:sldLayoutId id="2147483658" r:id="rId17"/>
    <p:sldLayoutId id="2147483679" r:id="rId18"/>
    <p:sldLayoutId id="2147483693" r:id="rId19"/>
    <p:sldLayoutId id="2147483662" r:id="rId20"/>
    <p:sldLayoutId id="2147483654" r:id="rId21"/>
    <p:sldLayoutId id="2147483671" r:id="rId22"/>
    <p:sldLayoutId id="2147483672" r:id="rId23"/>
    <p:sldLayoutId id="2147483704" r:id="rId24"/>
    <p:sldLayoutId id="2147483705" r:id="rId25"/>
    <p:sldLayoutId id="2147483687" r:id="rId26"/>
    <p:sldLayoutId id="2147483695" r:id="rId27"/>
    <p:sldLayoutId id="2147483676" r:id="rId28"/>
    <p:sldLayoutId id="2147483677" r:id="rId29"/>
    <p:sldLayoutId id="2147483696" r:id="rId30"/>
    <p:sldLayoutId id="2147483701" r:id="rId31"/>
    <p:sldLayoutId id="2147483697" r:id="rId32"/>
    <p:sldLayoutId id="2147483699" r:id="rId33"/>
  </p:sldLayoutIdLst>
  <p:txStyles>
    <p:titleStyle>
      <a:lvl1pPr algn="l" defTabSz="914400" rtl="0" eaLnBrk="1" latinLnBrk="0" hangingPunct="1">
        <a:spcBef>
          <a:spcPct val="0"/>
        </a:spcBef>
        <a:buNone/>
        <a:defRPr sz="3600" b="1" kern="1200">
          <a:solidFill>
            <a:srgbClr val="009530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225425" indent="-225425" algn="l" defTabSz="914400" rtl="0" eaLnBrk="1" latinLnBrk="0" hangingPunct="1">
        <a:spcBef>
          <a:spcPct val="20000"/>
        </a:spcBef>
        <a:buClr>
          <a:srgbClr val="009530"/>
        </a:buClr>
        <a:buFont typeface="Arial" pitchFamily="34" charset="0"/>
        <a:buChar char="&gt;"/>
        <a:defRPr sz="2200" kern="1200">
          <a:solidFill>
            <a:srgbClr val="009530"/>
          </a:solidFill>
          <a:latin typeface="Arial" pitchFamily="34" charset="0"/>
          <a:ea typeface="+mn-ea"/>
          <a:cs typeface="Arial" pitchFamily="34" charset="0"/>
        </a:defRPr>
      </a:lvl1pPr>
      <a:lvl2pPr marL="457200" indent="-228600" algn="l" defTabSz="914400" rtl="0" eaLnBrk="1" latinLnBrk="0" hangingPunct="1">
        <a:spcBef>
          <a:spcPct val="20000"/>
        </a:spcBef>
        <a:buClr>
          <a:srgbClr val="626469"/>
        </a:buClr>
        <a:buFont typeface="Arial" pitchFamily="34" charset="0"/>
        <a:buChar char="&gt;"/>
        <a:defRPr sz="2000" kern="1200">
          <a:solidFill>
            <a:srgbClr val="626469"/>
          </a:solidFill>
          <a:latin typeface="Arial" pitchFamily="34" charset="0"/>
          <a:ea typeface="+mn-ea"/>
          <a:cs typeface="Arial" pitchFamily="34" charset="0"/>
        </a:defRPr>
      </a:lvl2pPr>
      <a:lvl3pPr marL="685800" indent="-228600" algn="l" defTabSz="914400" rtl="0" eaLnBrk="1" latinLnBrk="0" hangingPunct="1">
        <a:spcBef>
          <a:spcPct val="20000"/>
        </a:spcBef>
        <a:buClr>
          <a:srgbClr val="626469"/>
        </a:buClr>
        <a:buFont typeface="Arial" pitchFamily="34" charset="0"/>
        <a:buChar char="-"/>
        <a:defRPr sz="1800" kern="1200">
          <a:solidFill>
            <a:srgbClr val="626469"/>
          </a:solidFill>
          <a:latin typeface="Arial" pitchFamily="34" charset="0"/>
          <a:ea typeface="+mn-ea"/>
          <a:cs typeface="Arial" pitchFamily="34" charset="0"/>
        </a:defRPr>
      </a:lvl3pPr>
      <a:lvl4pPr marL="914400" indent="-228600" algn="l" defTabSz="914400" rtl="0" eaLnBrk="1" latinLnBrk="0" hangingPunct="1">
        <a:spcBef>
          <a:spcPct val="20000"/>
        </a:spcBef>
        <a:buClr>
          <a:srgbClr val="626469"/>
        </a:buClr>
        <a:buFont typeface="Arial" pitchFamily="34" charset="0"/>
        <a:buChar char="-"/>
        <a:defRPr sz="1600" kern="1200">
          <a:solidFill>
            <a:srgbClr val="626469"/>
          </a:solidFill>
          <a:latin typeface="Arial" pitchFamily="34" charset="0"/>
          <a:ea typeface="+mn-ea"/>
          <a:cs typeface="Arial" pitchFamily="34" charset="0"/>
        </a:defRPr>
      </a:lvl4pPr>
      <a:lvl5pPr marL="1143000" indent="-228600" algn="l" defTabSz="914400" rtl="0" eaLnBrk="1" latinLnBrk="0" hangingPunct="1">
        <a:spcBef>
          <a:spcPct val="20000"/>
        </a:spcBef>
        <a:buClr>
          <a:srgbClr val="626469"/>
        </a:buClr>
        <a:buFont typeface="Arial" pitchFamily="34" charset="0"/>
        <a:buChar char="-"/>
        <a:defRPr sz="1400" kern="1200" baseline="0">
          <a:solidFill>
            <a:srgbClr val="626469"/>
          </a:solidFill>
          <a:latin typeface="Arial" pitchFamily="34" charset="0"/>
          <a:ea typeface="+mn-ea"/>
          <a:cs typeface="Arial" pitchFamily="34" charset="0"/>
        </a:defRPr>
      </a:lvl5pPr>
      <a:lvl6pPr marL="1371600" indent="-228600" algn="l" defTabSz="914400" rtl="0" eaLnBrk="1" latinLnBrk="0" hangingPunct="1">
        <a:spcBef>
          <a:spcPct val="20000"/>
        </a:spcBef>
        <a:buFont typeface="Arial" pitchFamily="34" charset="0"/>
        <a:buChar char="-"/>
        <a:defRPr sz="1200" kern="1200">
          <a:solidFill>
            <a:srgbClr val="626469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009530">
            <a:alpha val="900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69625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0"/>
            <a:ext cx="10969625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0"/>
            <a:ext cx="28432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031E224-539A-4B0B-B4DB-4B3BDCBCF987}" type="datetimeFigureOut">
              <a:rPr lang="en-US" smtClean="0"/>
              <a:pPr/>
              <a:t>10/10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4013" y="6356350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6013" y="6356350"/>
            <a:ext cx="2843212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C702324-C410-43C6-A78B-FA762D80DD95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13" r:id="rId1"/>
    <p:sldLayoutId id="2147483714" r:id="rId2"/>
    <p:sldLayoutId id="2147483715" r:id="rId3"/>
    <p:sldLayoutId id="2147483716" r:id="rId4"/>
    <p:sldLayoutId id="2147483717" r:id="rId5"/>
    <p:sldLayoutId id="2147483718" r:id="rId6"/>
    <p:sldLayoutId id="2147483719" r:id="rId7"/>
    <p:sldLayoutId id="2147483720" r:id="rId8"/>
    <p:sldLayoutId id="2147483721" r:id="rId9"/>
    <p:sldLayoutId id="2147483722" r:id="rId10"/>
    <p:sldLayoutId id="2147483723" r:id="rId11"/>
    <p:sldLayoutId id="2147483724" r:id="rId12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1.png"/><Relationship Id="rId5" Type="http://schemas.openxmlformats.org/officeDocument/2006/relationships/image" Target="../media/image8.png"/><Relationship Id="rId4" Type="http://schemas.openxmlformats.org/officeDocument/2006/relationships/image" Target="../media/image9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22.png"/><Relationship Id="rId4" Type="http://schemas.openxmlformats.org/officeDocument/2006/relationships/image" Target="../media/image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7" Type="http://schemas.openxmlformats.org/officeDocument/2006/relationships/image" Target="../media/image25.png"/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8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8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3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8.png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5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6.xml"/><Relationship Id="rId1" Type="http://schemas.openxmlformats.org/officeDocument/2006/relationships/slideLayout" Target="../slideLayouts/slideLayout6.xml"/><Relationship Id="rId5" Type="http://schemas.openxmlformats.org/officeDocument/2006/relationships/image" Target="../media/image30.png"/><Relationship Id="rId4" Type="http://schemas.openxmlformats.org/officeDocument/2006/relationships/image" Target="../media/image8.pn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28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image" Target="../media/image9.emf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notesSlide" Target="../notesSlides/notesSlide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image" Target="../media/image8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Relationship Id="rId5" Type="http://schemas.openxmlformats.org/officeDocument/2006/relationships/chart" Target="../charts/chart1.xml"/><Relationship Id="rId4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Relationship Id="rId5" Type="http://schemas.openxmlformats.org/officeDocument/2006/relationships/chart" Target="../charts/chart2.xml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9.emf"/><Relationship Id="rId7" Type="http://schemas.openxmlformats.org/officeDocument/2006/relationships/image" Target="../media/image11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Relationship Id="rId6" Type="http://schemas.microsoft.com/office/2007/relationships/hdphoto" Target="../media/hdphoto2.wdp"/><Relationship Id="rId5" Type="http://schemas.openxmlformats.org/officeDocument/2006/relationships/image" Target="../media/image10.png"/><Relationship Id="rId4" Type="http://schemas.openxmlformats.org/officeDocument/2006/relationships/image" Target="../media/image8.png"/><Relationship Id="rId9" Type="http://schemas.microsoft.com/office/2007/relationships/hdphoto" Target="../media/hdphoto3.wdp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jpg"/><Relationship Id="rId3" Type="http://schemas.openxmlformats.org/officeDocument/2006/relationships/image" Target="../media/image9.emf"/><Relationship Id="rId7" Type="http://schemas.openxmlformats.org/officeDocument/2006/relationships/image" Target="../media/image15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4.jpg"/><Relationship Id="rId5" Type="http://schemas.openxmlformats.org/officeDocument/2006/relationships/image" Target="../media/image13.jpeg"/><Relationship Id="rId10" Type="http://schemas.openxmlformats.org/officeDocument/2006/relationships/image" Target="../media/image18.jpeg"/><Relationship Id="rId4" Type="http://schemas.openxmlformats.org/officeDocument/2006/relationships/image" Target="../media/image8.png"/><Relationship Id="rId9" Type="http://schemas.openxmlformats.org/officeDocument/2006/relationships/image" Target="../media/image17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emf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400" dirty="0"/>
              <a:t>ESCO Project 5 – Lab Building Upgrades</a:t>
            </a:r>
            <a:endParaRPr lang="en-GB" sz="4400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0"/>
          </p:nvPr>
        </p:nvSpPr>
        <p:spPr>
          <a:xfrm>
            <a:off x="574908" y="5132966"/>
            <a:ext cx="8586158" cy="1120775"/>
          </a:xfrm>
        </p:spPr>
        <p:txBody>
          <a:bodyPr/>
          <a:lstStyle/>
          <a:p>
            <a:r>
              <a:rPr lang="en-US" dirty="0"/>
              <a:t>Josh Whitson (UIUC - F&amp;S), Ty Miller (Schneider Electric), John </a:t>
            </a:r>
            <a:r>
              <a:rPr lang="en-US" dirty="0" err="1"/>
              <a:t>Randtke</a:t>
            </a:r>
            <a:r>
              <a:rPr lang="en-US" dirty="0"/>
              <a:t>(Schneider Electric), Darrell Demoss (Schneider Electric), Josh Kramer (Schneider Electric)</a:t>
            </a:r>
          </a:p>
          <a:p>
            <a:r>
              <a:rPr lang="en-US" dirty="0"/>
              <a:t>October 17, 2018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14338" name="AutoShape 2" descr="data:image/jpeg;base64,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D44D9A2-A913-4755-8662-6E8262570DE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01978" y="5011828"/>
            <a:ext cx="2791215" cy="762106"/>
          </a:xfrm>
          <a:prstGeom prst="rect">
            <a:avLst/>
          </a:prstGeom>
        </p:spPr>
      </p:pic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34925" y="101330"/>
            <a:ext cx="11037658" cy="1150938"/>
          </a:xfrm>
        </p:spPr>
        <p:txBody>
          <a:bodyPr/>
          <a:lstStyle/>
          <a:p>
            <a:r>
              <a:rPr lang="en-US" sz="2800" dirty="0"/>
              <a:t>Schneider Electric Project Experience</a:t>
            </a:r>
            <a:endParaRPr lang="en-US" sz="2800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sp>
        <p:nvSpPr>
          <p:cNvPr id="28" name="Rounded Rectangle 13">
            <a:extLst>
              <a:ext uri="{FF2B5EF4-FFF2-40B4-BE49-F238E27FC236}">
                <a16:creationId xmlns:a16="http://schemas.microsoft.com/office/drawing/2014/main" id="{A3047C44-1E5B-41AF-92F3-87F63BD5284E}"/>
              </a:ext>
            </a:extLst>
          </p:cNvPr>
          <p:cNvSpPr/>
          <p:nvPr/>
        </p:nvSpPr>
        <p:spPr>
          <a:xfrm>
            <a:off x="99212" y="676799"/>
            <a:ext cx="11903875" cy="5459775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9" name="Group 5">
            <a:extLst>
              <a:ext uri="{FF2B5EF4-FFF2-40B4-BE49-F238E27FC236}">
                <a16:creationId xmlns:a16="http://schemas.microsoft.com/office/drawing/2014/main" id="{BBB7FABC-2139-497E-8CF5-C0E30121AE7D}"/>
              </a:ext>
            </a:extLst>
          </p:cNvPr>
          <p:cNvGrpSpPr>
            <a:grpSpLocks/>
          </p:cNvGrpSpPr>
          <p:nvPr/>
        </p:nvGrpSpPr>
        <p:grpSpPr bwMode="auto">
          <a:xfrm>
            <a:off x="608916" y="1481282"/>
            <a:ext cx="7082879" cy="2453635"/>
            <a:chOff x="282" y="1099"/>
            <a:chExt cx="7149" cy="430"/>
          </a:xfrm>
        </p:grpSpPr>
        <p:sp>
          <p:nvSpPr>
            <p:cNvPr id="30" name="Rectangle 7">
              <a:extLst>
                <a:ext uri="{FF2B5EF4-FFF2-40B4-BE49-F238E27FC236}">
                  <a16:creationId xmlns:a16="http://schemas.microsoft.com/office/drawing/2014/main" id="{FDC228B7-FB28-4E18-BFC7-503A637C364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7149" cy="8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i="1" dirty="0">
                  <a:solidFill>
                    <a:schemeClr val="tx2"/>
                  </a:solidFill>
                </a:rPr>
                <a:t>Higher Education Market Project Statistics: 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34" name="Rectangle 9">
              <a:extLst>
                <a:ext uri="{FF2B5EF4-FFF2-40B4-BE49-F238E27FC236}">
                  <a16:creationId xmlns:a16="http://schemas.microsoft.com/office/drawing/2014/main" id="{0C434744-EB87-42E1-BC07-A0A7DF32A85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2" y="1230"/>
              <a:ext cx="6152" cy="2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$423M in ESCO work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Over $400M in Guaranteed Savings Portfolio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Over $167M in Achieved Savings to Dat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pic>
        <p:nvPicPr>
          <p:cNvPr id="38" name="Picture 37">
            <a:extLst>
              <a:ext uri="{FF2B5EF4-FFF2-40B4-BE49-F238E27FC236}">
                <a16:creationId xmlns:a16="http://schemas.microsoft.com/office/drawing/2014/main" id="{989B242C-0177-4C57-A65D-4333CC8700F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5" y="76200"/>
            <a:ext cx="3196316" cy="721794"/>
          </a:xfrm>
        </p:spPr>
        <p:txBody>
          <a:bodyPr/>
          <a:lstStyle/>
          <a:p>
            <a:r>
              <a:rPr lang="en-US" dirty="0"/>
              <a:t>Current State</a:t>
            </a:r>
            <a:endParaRPr lang="en-US" dirty="0">
              <a:solidFill>
                <a:srgbClr val="B10043"/>
              </a:solidFill>
            </a:endParaRPr>
          </a:p>
        </p:txBody>
      </p:sp>
      <p:grpSp>
        <p:nvGrpSpPr>
          <p:cNvPr id="2" name="Group 5"/>
          <p:cNvGrpSpPr>
            <a:grpSpLocks/>
          </p:cNvGrpSpPr>
          <p:nvPr/>
        </p:nvGrpSpPr>
        <p:grpSpPr bwMode="auto">
          <a:xfrm>
            <a:off x="749898" y="1561792"/>
            <a:ext cx="5329773" cy="1161621"/>
            <a:chOff x="282" y="1099"/>
            <a:chExt cx="3670" cy="558"/>
          </a:xfrm>
        </p:grpSpPr>
        <p:sp>
          <p:nvSpPr>
            <p:cNvPr id="596999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224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Outdated Lab Facilitie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597001" name="Rectangle 9"/>
            <p:cNvSpPr>
              <a:spLocks noChangeArrowheads="1"/>
            </p:cNvSpPr>
            <p:nvPr/>
          </p:nvSpPr>
          <p:spPr bwMode="auto">
            <a:xfrm>
              <a:off x="312" y="1366"/>
              <a:ext cx="3640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Equipment as old as 70 year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Lack of cooling and exhaust capacity</a:t>
              </a:r>
            </a:p>
          </p:txBody>
        </p:sp>
      </p:grpSp>
      <p:sp>
        <p:nvSpPr>
          <p:cNvPr id="14" name="Rounded Rectangle 13"/>
          <p:cNvSpPr/>
          <p:nvPr/>
        </p:nvSpPr>
        <p:spPr>
          <a:xfrm>
            <a:off x="368300" y="824345"/>
            <a:ext cx="11422742" cy="5299618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3" name="Group 5"/>
          <p:cNvGrpSpPr>
            <a:grpSpLocks/>
          </p:cNvGrpSpPr>
          <p:nvPr/>
        </p:nvGrpSpPr>
        <p:grpSpPr bwMode="auto">
          <a:xfrm>
            <a:off x="749899" y="3947854"/>
            <a:ext cx="5329772" cy="1075817"/>
            <a:chOff x="282" y="1099"/>
            <a:chExt cx="3670" cy="558"/>
          </a:xfrm>
        </p:grpSpPr>
        <p:sp>
          <p:nvSpPr>
            <p:cNvPr id="21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1214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High Cost of Operation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2" name="Rectangle 9"/>
            <p:cNvSpPr>
              <a:spLocks noChangeArrowheads="1"/>
            </p:cNvSpPr>
            <p:nvPr/>
          </p:nvSpPr>
          <p:spPr bwMode="auto">
            <a:xfrm>
              <a:off x="312" y="1366"/>
              <a:ext cx="3640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LSL $8.70/</a:t>
              </a:r>
              <a:r>
                <a:rPr lang="en-US" sz="2200" dirty="0" err="1">
                  <a:solidFill>
                    <a:srgbClr val="626469"/>
                  </a:solidFill>
                </a:rPr>
                <a:t>sqft</a:t>
              </a: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AL $7.88/</a:t>
              </a:r>
              <a:r>
                <a:rPr lang="en-US" sz="2200" dirty="0" err="1">
                  <a:solidFill>
                    <a:srgbClr val="626469"/>
                  </a:solidFill>
                </a:rPr>
                <a:t>sqft</a:t>
              </a: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grpSp>
        <p:nvGrpSpPr>
          <p:cNvPr id="18" name="Group 5">
            <a:extLst>
              <a:ext uri="{FF2B5EF4-FFF2-40B4-BE49-F238E27FC236}">
                <a16:creationId xmlns:a16="http://schemas.microsoft.com/office/drawing/2014/main" id="{C560DCD6-DD80-439B-9D74-01427DC8C345}"/>
              </a:ext>
            </a:extLst>
          </p:cNvPr>
          <p:cNvGrpSpPr>
            <a:grpSpLocks/>
          </p:cNvGrpSpPr>
          <p:nvPr/>
        </p:nvGrpSpPr>
        <p:grpSpPr bwMode="auto">
          <a:xfrm>
            <a:off x="6248354" y="1536810"/>
            <a:ext cx="5351557" cy="1161621"/>
            <a:chOff x="282" y="1099"/>
            <a:chExt cx="3685" cy="558"/>
          </a:xfrm>
        </p:grpSpPr>
        <p:sp>
          <p:nvSpPr>
            <p:cNvPr id="20" name="Rectangle 7">
              <a:extLst>
                <a:ext uri="{FF2B5EF4-FFF2-40B4-BE49-F238E27FC236}">
                  <a16:creationId xmlns:a16="http://schemas.microsoft.com/office/drawing/2014/main" id="{F8B554B4-1082-4E9B-9C94-6C13AA1F015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3224" cy="22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Deferred Maintenance Backlog 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3" name="Rectangle 9">
              <a:extLst>
                <a:ext uri="{FF2B5EF4-FFF2-40B4-BE49-F238E27FC236}">
                  <a16:creationId xmlns:a16="http://schemas.microsoft.com/office/drawing/2014/main" id="{A594FE47-61D9-47A0-AAFD-7DA073FBA58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27" y="1366"/>
              <a:ext cx="3640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Total Backlog Identified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$</a:t>
              </a:r>
              <a:r>
                <a:rPr lang="en-US" sz="2200" dirty="0" err="1">
                  <a:solidFill>
                    <a:srgbClr val="626469"/>
                  </a:solidFill>
                  <a:highlight>
                    <a:srgbClr val="FFFF00"/>
                  </a:highlight>
                </a:rPr>
                <a:t>60M</a:t>
              </a:r>
              <a:endParaRPr lang="en-US" sz="2200" dirty="0">
                <a:solidFill>
                  <a:srgbClr val="626469"/>
                </a:solidFill>
                <a:highlight>
                  <a:srgbClr val="FFFF00"/>
                </a:highlight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LSL $</a:t>
              </a:r>
              <a:r>
                <a:rPr lang="en-US" sz="2200" dirty="0" err="1">
                  <a:solidFill>
                    <a:srgbClr val="626469"/>
                  </a:solidFill>
                </a:rPr>
                <a:t>513K</a:t>
              </a:r>
              <a:r>
                <a:rPr lang="en-US" sz="2200" dirty="0">
                  <a:solidFill>
                    <a:srgbClr val="626469"/>
                  </a:solidFill>
                </a:rPr>
                <a:t> Addressed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AL $</a:t>
              </a:r>
              <a:r>
                <a:rPr lang="en-US" sz="2200" dirty="0" err="1">
                  <a:solidFill>
                    <a:srgbClr val="626469"/>
                  </a:solidFill>
                </a:rPr>
                <a:t>23.4M</a:t>
              </a:r>
              <a:r>
                <a:rPr lang="en-US" sz="2200" dirty="0">
                  <a:solidFill>
                    <a:srgbClr val="626469"/>
                  </a:solidFill>
                </a:rPr>
                <a:t> Addressed</a:t>
              </a:r>
            </a:p>
            <a:p>
              <a:pPr>
                <a:spcBef>
                  <a:spcPct val="20000"/>
                </a:spcBef>
                <a:buClr>
                  <a:srgbClr val="626469"/>
                </a:buClr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grpSp>
        <p:nvGrpSpPr>
          <p:cNvPr id="24" name="Group 5">
            <a:extLst>
              <a:ext uri="{FF2B5EF4-FFF2-40B4-BE49-F238E27FC236}">
                <a16:creationId xmlns:a16="http://schemas.microsoft.com/office/drawing/2014/main" id="{396041E9-8A6F-4137-B0F9-F34F9C2E0BB9}"/>
              </a:ext>
            </a:extLst>
          </p:cNvPr>
          <p:cNvGrpSpPr>
            <a:grpSpLocks/>
          </p:cNvGrpSpPr>
          <p:nvPr/>
        </p:nvGrpSpPr>
        <p:grpSpPr bwMode="auto">
          <a:xfrm>
            <a:off x="6270470" y="3947854"/>
            <a:ext cx="5329772" cy="1710125"/>
            <a:chOff x="282" y="1099"/>
            <a:chExt cx="3670" cy="887"/>
          </a:xfrm>
        </p:grpSpPr>
        <p:sp>
          <p:nvSpPr>
            <p:cNvPr id="25" name="Rectangle 7">
              <a:extLst>
                <a:ext uri="{FF2B5EF4-FFF2-40B4-BE49-F238E27FC236}">
                  <a16:creationId xmlns:a16="http://schemas.microsoft.com/office/drawing/2014/main" id="{3E412A9B-7046-45C7-AE2D-28AD90E1304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1823" cy="2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High Energy Use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8" name="Rectangle 9">
              <a:extLst>
                <a:ext uri="{FF2B5EF4-FFF2-40B4-BE49-F238E27FC236}">
                  <a16:creationId xmlns:a16="http://schemas.microsoft.com/office/drawing/2014/main" id="{8337C622-C0FC-4ECC-9C88-4142AEA783E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2" y="1366"/>
              <a:ext cx="3640" cy="62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LSL 418 </a:t>
              </a:r>
              <a:r>
                <a:rPr lang="en-US" sz="2200" dirty="0" err="1">
                  <a:solidFill>
                    <a:srgbClr val="626469"/>
                  </a:solidFill>
                </a:rPr>
                <a:t>kBtu</a:t>
              </a:r>
              <a:r>
                <a:rPr lang="en-US" sz="2200" dirty="0">
                  <a:solidFill>
                    <a:srgbClr val="626469"/>
                  </a:solidFill>
                </a:rPr>
                <a:t>/</a:t>
              </a:r>
              <a:r>
                <a:rPr lang="en-US" sz="2200" dirty="0" err="1">
                  <a:solidFill>
                    <a:srgbClr val="626469"/>
                  </a:solidFill>
                </a:rPr>
                <a:t>sq</a:t>
              </a:r>
              <a:r>
                <a:rPr lang="en-US" sz="2200" dirty="0">
                  <a:solidFill>
                    <a:srgbClr val="626469"/>
                  </a:solidFill>
                </a:rPr>
                <a:t> </a:t>
              </a:r>
              <a:r>
                <a:rPr lang="en-US" sz="2200" dirty="0" err="1">
                  <a:solidFill>
                    <a:srgbClr val="626469"/>
                  </a:solidFill>
                </a:rPr>
                <a:t>ft</a:t>
              </a: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AL 392 </a:t>
              </a:r>
              <a:r>
                <a:rPr lang="en-US" sz="2200" dirty="0" err="1">
                  <a:solidFill>
                    <a:srgbClr val="626469"/>
                  </a:solidFill>
                </a:rPr>
                <a:t>kBtu</a:t>
              </a:r>
              <a:r>
                <a:rPr lang="en-US" sz="2200" dirty="0">
                  <a:solidFill>
                    <a:srgbClr val="626469"/>
                  </a:solidFill>
                </a:rPr>
                <a:t>/</a:t>
              </a:r>
              <a:r>
                <a:rPr lang="en-US" sz="2200" dirty="0" err="1">
                  <a:solidFill>
                    <a:srgbClr val="626469"/>
                  </a:solidFill>
                </a:rPr>
                <a:t>sqft</a:t>
              </a: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Typical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XXX</a:t>
              </a:r>
              <a:r>
                <a:rPr lang="en-US" sz="2200" dirty="0">
                  <a:solidFill>
                    <a:srgbClr val="626469"/>
                  </a:solidFill>
                </a:rPr>
                <a:t> </a:t>
              </a:r>
              <a:r>
                <a:rPr lang="en-US" sz="2200" dirty="0" err="1">
                  <a:solidFill>
                    <a:srgbClr val="626469"/>
                  </a:solidFill>
                </a:rPr>
                <a:t>kBtu.sqft</a:t>
              </a:r>
              <a:r>
                <a:rPr lang="en-US" sz="2200" dirty="0">
                  <a:solidFill>
                    <a:srgbClr val="626469"/>
                  </a:solidFill>
                </a:rPr>
                <a:t> (get from CBECS)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560838522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5" y="76200"/>
            <a:ext cx="3196316" cy="721794"/>
          </a:xfrm>
        </p:spPr>
        <p:txBody>
          <a:bodyPr/>
          <a:lstStyle/>
          <a:p>
            <a:r>
              <a:rPr lang="en-US" dirty="0"/>
              <a:t>Future State</a:t>
            </a:r>
            <a:endParaRPr lang="en-US" dirty="0">
              <a:solidFill>
                <a:srgbClr val="B10043"/>
              </a:solidFill>
            </a:endParaRPr>
          </a:p>
        </p:txBody>
      </p:sp>
      <p:grpSp>
        <p:nvGrpSpPr>
          <p:cNvPr id="2" name="Group 5"/>
          <p:cNvGrpSpPr>
            <a:grpSpLocks/>
          </p:cNvGrpSpPr>
          <p:nvPr/>
        </p:nvGrpSpPr>
        <p:grpSpPr bwMode="auto">
          <a:xfrm>
            <a:off x="749898" y="1561792"/>
            <a:ext cx="5329773" cy="1161621"/>
            <a:chOff x="282" y="1099"/>
            <a:chExt cx="3670" cy="558"/>
          </a:xfrm>
        </p:grpSpPr>
        <p:sp>
          <p:nvSpPr>
            <p:cNvPr id="596999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224" cy="22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Updated Lab Facilitie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597001" name="Rectangle 9"/>
            <p:cNvSpPr>
              <a:spLocks noChangeArrowheads="1"/>
            </p:cNvSpPr>
            <p:nvPr/>
          </p:nvSpPr>
          <p:spPr bwMode="auto">
            <a:xfrm>
              <a:off x="312" y="1366"/>
              <a:ext cx="3640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Best practices for lab oper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Lab capacity met and expanded</a:t>
              </a:r>
            </a:p>
          </p:txBody>
        </p:sp>
      </p:grpSp>
      <p:sp>
        <p:nvSpPr>
          <p:cNvPr id="14" name="Rounded Rectangle 13"/>
          <p:cNvSpPr/>
          <p:nvPr/>
        </p:nvSpPr>
        <p:spPr>
          <a:xfrm>
            <a:off x="368300" y="824345"/>
            <a:ext cx="11422742" cy="5299618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3" name="Group 5"/>
          <p:cNvGrpSpPr>
            <a:grpSpLocks/>
          </p:cNvGrpSpPr>
          <p:nvPr/>
        </p:nvGrpSpPr>
        <p:grpSpPr bwMode="auto">
          <a:xfrm>
            <a:off x="749899" y="3947854"/>
            <a:ext cx="5329772" cy="1075817"/>
            <a:chOff x="282" y="1099"/>
            <a:chExt cx="3670" cy="558"/>
          </a:xfrm>
        </p:grpSpPr>
        <p:sp>
          <p:nvSpPr>
            <p:cNvPr id="21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1964" cy="2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Projected Saving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2" name="Rectangle 9"/>
            <p:cNvSpPr>
              <a:spLocks noChangeArrowheads="1"/>
            </p:cNvSpPr>
            <p:nvPr/>
          </p:nvSpPr>
          <p:spPr bwMode="auto">
            <a:xfrm>
              <a:off x="312" y="1366"/>
              <a:ext cx="3640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LSL $</a:t>
              </a:r>
              <a:r>
                <a:rPr lang="en-US" sz="2200" dirty="0" err="1">
                  <a:solidFill>
                    <a:srgbClr val="626469"/>
                  </a:solidFill>
                </a:rPr>
                <a:t>1.1M</a:t>
              </a:r>
              <a:r>
                <a:rPr lang="en-US" sz="2200" dirty="0">
                  <a:solidFill>
                    <a:srgbClr val="626469"/>
                  </a:solidFill>
                </a:rPr>
                <a:t> per Year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AL $</a:t>
              </a:r>
              <a:r>
                <a:rPr lang="en-US" sz="2200" dirty="0" err="1">
                  <a:solidFill>
                    <a:srgbClr val="626469"/>
                  </a:solidFill>
                </a:rPr>
                <a:t>450K</a:t>
              </a:r>
              <a:r>
                <a:rPr lang="en-US" sz="2200" dirty="0">
                  <a:solidFill>
                    <a:srgbClr val="626469"/>
                  </a:solidFill>
                </a:rPr>
                <a:t> per Year</a:t>
              </a:r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grpSp>
        <p:nvGrpSpPr>
          <p:cNvPr id="18" name="Group 5">
            <a:extLst>
              <a:ext uri="{FF2B5EF4-FFF2-40B4-BE49-F238E27FC236}">
                <a16:creationId xmlns:a16="http://schemas.microsoft.com/office/drawing/2014/main" id="{C560DCD6-DD80-439B-9D74-01427DC8C345}"/>
              </a:ext>
            </a:extLst>
          </p:cNvPr>
          <p:cNvGrpSpPr>
            <a:grpSpLocks/>
          </p:cNvGrpSpPr>
          <p:nvPr/>
        </p:nvGrpSpPr>
        <p:grpSpPr bwMode="auto">
          <a:xfrm>
            <a:off x="6248354" y="1536810"/>
            <a:ext cx="5329773" cy="1161621"/>
            <a:chOff x="282" y="1099"/>
            <a:chExt cx="3670" cy="558"/>
          </a:xfrm>
        </p:grpSpPr>
        <p:sp>
          <p:nvSpPr>
            <p:cNvPr id="20" name="Rectangle 7">
              <a:extLst>
                <a:ext uri="{FF2B5EF4-FFF2-40B4-BE49-F238E27FC236}">
                  <a16:creationId xmlns:a16="http://schemas.microsoft.com/office/drawing/2014/main" id="{F8B554B4-1082-4E9B-9C94-6C13AA1F015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3224" cy="22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Deferred Maintenance Backlog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3" name="Rectangle 9">
              <a:extLst>
                <a:ext uri="{FF2B5EF4-FFF2-40B4-BE49-F238E27FC236}">
                  <a16:creationId xmlns:a16="http://schemas.microsoft.com/office/drawing/2014/main" id="{A594FE47-61D9-47A0-AAFD-7DA073FBA58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2" y="1366"/>
              <a:ext cx="3640" cy="29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$</a:t>
              </a:r>
              <a:r>
                <a:rPr lang="en-US" sz="2200" dirty="0" err="1">
                  <a:solidFill>
                    <a:srgbClr val="626469"/>
                  </a:solidFill>
                  <a:highlight>
                    <a:srgbClr val="FFFF00"/>
                  </a:highlight>
                </a:rPr>
                <a:t>60M</a:t>
              </a:r>
              <a:endParaRPr lang="en-US" sz="2200" dirty="0">
                <a:solidFill>
                  <a:srgbClr val="626469"/>
                </a:solidFill>
                <a:highlight>
                  <a:srgbClr val="FFFF00"/>
                </a:highlight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North Matching Funds</a:t>
              </a:r>
            </a:p>
          </p:txBody>
        </p:sp>
      </p:grpSp>
      <p:grpSp>
        <p:nvGrpSpPr>
          <p:cNvPr id="24" name="Group 5">
            <a:extLst>
              <a:ext uri="{FF2B5EF4-FFF2-40B4-BE49-F238E27FC236}">
                <a16:creationId xmlns:a16="http://schemas.microsoft.com/office/drawing/2014/main" id="{396041E9-8A6F-4137-B0F9-F34F9C2E0BB9}"/>
              </a:ext>
            </a:extLst>
          </p:cNvPr>
          <p:cNvGrpSpPr>
            <a:grpSpLocks/>
          </p:cNvGrpSpPr>
          <p:nvPr/>
        </p:nvGrpSpPr>
        <p:grpSpPr bwMode="auto">
          <a:xfrm>
            <a:off x="6270470" y="3947854"/>
            <a:ext cx="5329772" cy="1378511"/>
            <a:chOff x="282" y="1099"/>
            <a:chExt cx="3670" cy="715"/>
          </a:xfrm>
        </p:grpSpPr>
        <p:sp>
          <p:nvSpPr>
            <p:cNvPr id="25" name="Rectangle 7">
              <a:extLst>
                <a:ext uri="{FF2B5EF4-FFF2-40B4-BE49-F238E27FC236}">
                  <a16:creationId xmlns:a16="http://schemas.microsoft.com/office/drawing/2014/main" id="{3E412A9B-7046-45C7-AE2D-28AD90E1304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1940" cy="2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non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Energy Reduction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8" name="Rectangle 9">
              <a:extLst>
                <a:ext uri="{FF2B5EF4-FFF2-40B4-BE49-F238E27FC236}">
                  <a16:creationId xmlns:a16="http://schemas.microsoft.com/office/drawing/2014/main" id="{8337C622-C0FC-4ECC-9C88-4142AEA783E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2" y="1366"/>
              <a:ext cx="3640" cy="44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LSL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XX</a:t>
              </a:r>
              <a:r>
                <a:rPr lang="en-US" sz="2200" dirty="0">
                  <a:solidFill>
                    <a:srgbClr val="626469"/>
                  </a:solidFill>
                </a:rPr>
                <a:t>%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AL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XX</a:t>
              </a:r>
              <a:r>
                <a:rPr lang="en-US" sz="2200" dirty="0">
                  <a:solidFill>
                    <a:srgbClr val="626469"/>
                  </a:solidFill>
                </a:rPr>
                <a:t>%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845823938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34925" y="101330"/>
            <a:ext cx="11037658" cy="1150938"/>
          </a:xfrm>
        </p:spPr>
        <p:txBody>
          <a:bodyPr/>
          <a:lstStyle/>
          <a:p>
            <a:r>
              <a:rPr lang="en-US" sz="2800" dirty="0"/>
              <a:t>Construction Phasing Plan</a:t>
            </a:r>
            <a:endParaRPr lang="en-US" sz="2800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sp>
        <p:nvSpPr>
          <p:cNvPr id="28" name="Rounded Rectangle 13">
            <a:extLst>
              <a:ext uri="{FF2B5EF4-FFF2-40B4-BE49-F238E27FC236}">
                <a16:creationId xmlns:a16="http://schemas.microsoft.com/office/drawing/2014/main" id="{A3047C44-1E5B-41AF-92F3-87F63BD5284E}"/>
              </a:ext>
            </a:extLst>
          </p:cNvPr>
          <p:cNvSpPr/>
          <p:nvPr/>
        </p:nvSpPr>
        <p:spPr>
          <a:xfrm>
            <a:off x="99212" y="676799"/>
            <a:ext cx="11903875" cy="5459775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29" name="Group 5">
            <a:extLst>
              <a:ext uri="{FF2B5EF4-FFF2-40B4-BE49-F238E27FC236}">
                <a16:creationId xmlns:a16="http://schemas.microsoft.com/office/drawing/2014/main" id="{BBB7FABC-2139-497E-8CF5-C0E30121AE7D}"/>
              </a:ext>
            </a:extLst>
          </p:cNvPr>
          <p:cNvGrpSpPr>
            <a:grpSpLocks/>
          </p:cNvGrpSpPr>
          <p:nvPr/>
        </p:nvGrpSpPr>
        <p:grpSpPr bwMode="auto">
          <a:xfrm>
            <a:off x="608916" y="1481276"/>
            <a:ext cx="7082879" cy="3900548"/>
            <a:chOff x="282" y="1099"/>
            <a:chExt cx="7149" cy="342"/>
          </a:xfrm>
        </p:grpSpPr>
        <p:sp>
          <p:nvSpPr>
            <p:cNvPr id="30" name="Rectangle 7">
              <a:extLst>
                <a:ext uri="{FF2B5EF4-FFF2-40B4-BE49-F238E27FC236}">
                  <a16:creationId xmlns:a16="http://schemas.microsoft.com/office/drawing/2014/main" id="{FDC228B7-FB28-4E18-BFC7-503A637C364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7149" cy="8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i="1" dirty="0">
                  <a:solidFill>
                    <a:schemeClr val="tx2"/>
                  </a:solidFill>
                </a:rPr>
                <a:t>Execute Scope of Work in Blocks: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34" name="Rectangle 9">
              <a:extLst>
                <a:ext uri="{FF2B5EF4-FFF2-40B4-BE49-F238E27FC236}">
                  <a16:creationId xmlns:a16="http://schemas.microsoft.com/office/drawing/2014/main" id="{0C434744-EB87-42E1-BC07-A0A7DF32A85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2" y="1157"/>
              <a:ext cx="6974" cy="28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3 month look-ahead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Target Blocks of 6-8 Labs If Possible</a:t>
              </a:r>
            </a:p>
            <a:p>
              <a:pPr marL="638175" lvl="1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ordinated with Department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Installation Duration of 2-3 Weeks in Each Lab Spac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ensitive Equipment Remaining Will Be Protected</a:t>
              </a:r>
            </a:p>
            <a:p>
              <a:pPr marL="638175" lvl="1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ordinated with Department and Faculty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ome Labs May Stay Active During Install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pic>
        <p:nvPicPr>
          <p:cNvPr id="38" name="Picture 37">
            <a:extLst>
              <a:ext uri="{FF2B5EF4-FFF2-40B4-BE49-F238E27FC236}">
                <a16:creationId xmlns:a16="http://schemas.microsoft.com/office/drawing/2014/main" id="{989B242C-0177-4C57-A65D-4333CC8700F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7394859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8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RAL North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875511"/>
            <a:ext cx="4818791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urrent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Multiple Air-Handlers</a:t>
              </a:r>
            </a:p>
            <a:p>
              <a:pPr marL="638175" lvl="1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upply/Exhaust Capacity Issues</a:t>
              </a:r>
            </a:p>
            <a:p>
              <a:pPr marL="638175" lvl="1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oling Capacity Issue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nstant Air Volum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Pneumatic Contro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Antiquated Chiller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Original/Historic Window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5483542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grpSp>
        <p:nvGrpSpPr>
          <p:cNvPr id="22" name="Group 5">
            <a:extLst>
              <a:ext uri="{FF2B5EF4-FFF2-40B4-BE49-F238E27FC236}">
                <a16:creationId xmlns:a16="http://schemas.microsoft.com/office/drawing/2014/main" id="{83AFDA96-6973-4CC0-8588-79AE83BFC611}"/>
              </a:ext>
            </a:extLst>
          </p:cNvPr>
          <p:cNvGrpSpPr>
            <a:grpSpLocks/>
          </p:cNvGrpSpPr>
          <p:nvPr/>
        </p:nvGrpSpPr>
        <p:grpSpPr bwMode="auto">
          <a:xfrm>
            <a:off x="7300941" y="875509"/>
            <a:ext cx="3960719" cy="4025280"/>
            <a:chOff x="282" y="1099"/>
            <a:chExt cx="3640" cy="162"/>
          </a:xfrm>
        </p:grpSpPr>
        <p:sp>
          <p:nvSpPr>
            <p:cNvPr id="23" name="Rectangle 7">
              <a:extLst>
                <a:ext uri="{FF2B5EF4-FFF2-40B4-BE49-F238E27FC236}">
                  <a16:creationId xmlns:a16="http://schemas.microsoft.com/office/drawing/2014/main" id="{4A7CD34C-C397-4C6B-9D24-01B1E65D000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Future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4" name="Rectangle 9">
              <a:extLst>
                <a:ext uri="{FF2B5EF4-FFF2-40B4-BE49-F238E27FC236}">
                  <a16:creationId xmlns:a16="http://schemas.microsoft.com/office/drawing/2014/main" id="{8A0195FC-DC20-4D50-87D7-083290C5AE2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122"/>
              <a:ext cx="3640" cy="1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edicated Outside Air (DOA) Units with New Exhaust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work Ductwork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Variable Air Volum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University Standard Air Changes (Occupied/Unoccupied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Lab Air-Valve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irect Digital Controls (DDC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Full Tie-In in to Campus Chilled Water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New Window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Building Weatheriz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26" name="Rounded Rectangle 29">
            <a:extLst>
              <a:ext uri="{FF2B5EF4-FFF2-40B4-BE49-F238E27FC236}">
                <a16:creationId xmlns:a16="http://schemas.microsoft.com/office/drawing/2014/main" id="{3DA39AA6-DA04-4344-8EDE-ED9AFC4B5426}"/>
              </a:ext>
            </a:extLst>
          </p:cNvPr>
          <p:cNvSpPr/>
          <p:nvPr/>
        </p:nvSpPr>
        <p:spPr>
          <a:xfrm>
            <a:off x="6819069" y="812672"/>
            <a:ext cx="5184017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380591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  <p:bldP spid="26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RAL North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747389"/>
            <a:ext cx="6541265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onstruction Expecta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2-3 Week Installation Duration per Lab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locate Chemica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locate As Much Lab Equipment as Possibl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eiling Removal &amp; Install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uctwork Removal &amp; Install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Window Removal &amp; Replacement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11817350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18285215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604B32-DB3A-41F2-9367-C3FD8198E14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8013" y="265113"/>
            <a:ext cx="10969943" cy="638654"/>
          </a:xfrm>
        </p:spPr>
        <p:txBody>
          <a:bodyPr/>
          <a:lstStyle/>
          <a:p>
            <a:r>
              <a:rPr lang="en-US" dirty="0"/>
              <a:t>RAL North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409548A-3654-422A-BDD0-A9DF24397445}"/>
              </a:ext>
            </a:extLst>
          </p:cNvPr>
          <p:cNvSpPr txBox="1"/>
          <p:nvPr/>
        </p:nvSpPr>
        <p:spPr>
          <a:xfrm>
            <a:off x="208427" y="894242"/>
            <a:ext cx="381067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000" b="1" dirty="0">
                <a:solidFill>
                  <a:schemeClr val="tx2"/>
                </a:solidFill>
              </a:rPr>
              <a:t>Existing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8D160E6-2687-47CF-8DD9-9B596232B896}"/>
              </a:ext>
            </a:extLst>
          </p:cNvPr>
          <p:cNvSpPr txBox="1"/>
          <p:nvPr/>
        </p:nvSpPr>
        <p:spPr>
          <a:xfrm>
            <a:off x="4179573" y="894242"/>
            <a:ext cx="380645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000" b="1" dirty="0">
                <a:solidFill>
                  <a:schemeClr val="tx2"/>
                </a:solidFill>
              </a:rPr>
              <a:t>Demo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B4D0B87-7099-4AD9-9EEA-C2CD88CAA687}"/>
              </a:ext>
            </a:extLst>
          </p:cNvPr>
          <p:cNvSpPr txBox="1"/>
          <p:nvPr/>
        </p:nvSpPr>
        <p:spPr>
          <a:xfrm>
            <a:off x="8146495" y="894242"/>
            <a:ext cx="382605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000" b="1" dirty="0">
                <a:solidFill>
                  <a:schemeClr val="tx2"/>
                </a:solidFill>
              </a:rPr>
              <a:t>New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A90167BC-EBAA-4794-A1FB-AFDFDA4E6B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79573" y="1317845"/>
            <a:ext cx="3806457" cy="4889097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7B251B83-450C-4979-B724-611138748B9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146496" y="1317845"/>
            <a:ext cx="3826059" cy="4880935"/>
          </a:xfrm>
          <a:prstGeom prst="rect">
            <a:avLst/>
          </a:prstGeom>
        </p:spPr>
      </p:pic>
      <p:pic>
        <p:nvPicPr>
          <p:cNvPr id="17" name="Picture 10" descr="Logo_SE_Green_A4">
            <a:extLst>
              <a:ext uri="{FF2B5EF4-FFF2-40B4-BE49-F238E27FC236}">
                <a16:creationId xmlns:a16="http://schemas.microsoft.com/office/drawing/2014/main" id="{4B688893-B8DD-42EA-8269-20DA5CDA73E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4BA29D60-1736-46E3-9508-9A9E43263CB4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59F21D20-77A9-473F-9C1C-CE6DD3EEB55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08427" y="1317845"/>
            <a:ext cx="3810679" cy="48809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182589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RAL South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875511"/>
            <a:ext cx="4818791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urrent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AHU-S4 Original to Building</a:t>
              </a:r>
            </a:p>
            <a:p>
              <a:pPr marL="638175" lvl="1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erves corridors</a:t>
              </a:r>
            </a:p>
            <a:p>
              <a:pPr marL="638175" lvl="1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erves office/conference room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Pneumatic Contro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High Air-Change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5483542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grpSp>
        <p:nvGrpSpPr>
          <p:cNvPr id="22" name="Group 5">
            <a:extLst>
              <a:ext uri="{FF2B5EF4-FFF2-40B4-BE49-F238E27FC236}">
                <a16:creationId xmlns:a16="http://schemas.microsoft.com/office/drawing/2014/main" id="{83AFDA96-6973-4CC0-8588-79AE83BFC611}"/>
              </a:ext>
            </a:extLst>
          </p:cNvPr>
          <p:cNvGrpSpPr>
            <a:grpSpLocks/>
          </p:cNvGrpSpPr>
          <p:nvPr/>
        </p:nvGrpSpPr>
        <p:grpSpPr bwMode="auto">
          <a:xfrm>
            <a:off x="7300941" y="875509"/>
            <a:ext cx="3960719" cy="4025280"/>
            <a:chOff x="282" y="1099"/>
            <a:chExt cx="3640" cy="162"/>
          </a:xfrm>
        </p:grpSpPr>
        <p:sp>
          <p:nvSpPr>
            <p:cNvPr id="23" name="Rectangle 7">
              <a:extLst>
                <a:ext uri="{FF2B5EF4-FFF2-40B4-BE49-F238E27FC236}">
                  <a16:creationId xmlns:a16="http://schemas.microsoft.com/office/drawing/2014/main" id="{4A7CD34C-C397-4C6B-9D24-01B1E65D000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Future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4" name="Rectangle 9">
              <a:extLst>
                <a:ext uri="{FF2B5EF4-FFF2-40B4-BE49-F238E27FC236}">
                  <a16:creationId xmlns:a16="http://schemas.microsoft.com/office/drawing/2014/main" id="{8A0195FC-DC20-4D50-87D7-083290C5AE2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122"/>
              <a:ext cx="3640" cy="1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New AHU-S4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University Standard Air Changes (Occupied/Unoccupied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irect Digital Controls (DDC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Building Weatheriz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26" name="Rounded Rectangle 29">
            <a:extLst>
              <a:ext uri="{FF2B5EF4-FFF2-40B4-BE49-F238E27FC236}">
                <a16:creationId xmlns:a16="http://schemas.microsoft.com/office/drawing/2014/main" id="{3DA39AA6-DA04-4344-8EDE-ED9AFC4B5426}"/>
              </a:ext>
            </a:extLst>
          </p:cNvPr>
          <p:cNvSpPr/>
          <p:nvPr/>
        </p:nvSpPr>
        <p:spPr>
          <a:xfrm>
            <a:off x="6819069" y="812672"/>
            <a:ext cx="5184017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0687665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  <p:bldP spid="26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RAL South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747389"/>
            <a:ext cx="6541265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onstruction Expecta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rridors and offices shut down until new air-handler online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(X weeks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Most controls work in corridor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New space temperature sensors - Partial day install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Most Labs Will Stay Activ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  <a:highlight>
                  <a:srgbClr val="FFFF00"/>
                </a:highlight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11817350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6766594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0798660" cy="744883"/>
          </a:xfrm>
        </p:spPr>
        <p:txBody>
          <a:bodyPr/>
          <a:lstStyle/>
          <a:p>
            <a:r>
              <a:rPr lang="en-US" dirty="0"/>
              <a:t>RAL South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E9DBCD64-69F8-4D49-8D0C-C0A8F10BE9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66151" y="942982"/>
            <a:ext cx="5656521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New Controls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A5BE6D42-5D04-4AD2-9814-3297929A39B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266152" y="1551474"/>
            <a:ext cx="5656521" cy="46116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3223076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ctrTitle"/>
          </p:nvPr>
        </p:nvSpPr>
        <p:spPr>
          <a:xfrm>
            <a:off x="307975" y="295835"/>
            <a:ext cx="10979309" cy="5957047"/>
          </a:xfrm>
        </p:spPr>
        <p:txBody>
          <a:bodyPr/>
          <a:lstStyle/>
          <a:p>
            <a:r>
              <a:rPr lang="en-US" dirty="0"/>
              <a:t>Agenda</a:t>
            </a:r>
            <a:br>
              <a:rPr lang="en-US" dirty="0"/>
            </a:br>
            <a:br>
              <a:rPr lang="en-US" dirty="0"/>
            </a:br>
            <a:r>
              <a:rPr lang="en-US" sz="2800" dirty="0"/>
              <a:t>What is Energy Performance Contracting?</a:t>
            </a:r>
            <a:br>
              <a:rPr lang="en-US" sz="2800" dirty="0"/>
            </a:br>
            <a:r>
              <a:rPr lang="en-US" sz="2800" dirty="0"/>
              <a:t>History at UIUC</a:t>
            </a:r>
            <a:br>
              <a:rPr lang="en-US" sz="2800" dirty="0"/>
            </a:br>
            <a:r>
              <a:rPr lang="en-US" sz="2800" dirty="0"/>
              <a:t>Project Overview</a:t>
            </a:r>
            <a:br>
              <a:rPr lang="en-US" sz="2800" dirty="0"/>
            </a:br>
            <a:r>
              <a:rPr lang="en-US" sz="2800" dirty="0"/>
              <a:t>Program Results</a:t>
            </a:r>
            <a:br>
              <a:rPr lang="en-US" sz="2800" dirty="0"/>
            </a:br>
            <a:r>
              <a:rPr lang="en-US" sz="2800" dirty="0"/>
              <a:t>Range of Scope</a:t>
            </a:r>
            <a:br>
              <a:rPr lang="en-US" sz="2800" dirty="0"/>
            </a:br>
            <a:r>
              <a:rPr lang="en-US" sz="2800" dirty="0"/>
              <a:t>Laboratory Project Goals</a:t>
            </a:r>
            <a:br>
              <a:rPr lang="en-US" sz="2800" dirty="0"/>
            </a:br>
            <a:r>
              <a:rPr lang="en-US" sz="2800" dirty="0"/>
              <a:t>Schneider Electric Introduction</a:t>
            </a:r>
            <a:br>
              <a:rPr lang="en-US" sz="2800" dirty="0"/>
            </a:br>
            <a:r>
              <a:rPr lang="en-US" sz="2800" dirty="0"/>
              <a:t>Project Approach</a:t>
            </a:r>
            <a:br>
              <a:rPr lang="en-US" sz="2800" dirty="0"/>
            </a:br>
            <a:br>
              <a:rPr lang="en-US" sz="2800" dirty="0"/>
            </a:br>
            <a:br>
              <a:rPr lang="en-US" sz="2800" dirty="0"/>
            </a:br>
            <a:endParaRPr lang="en-GB" sz="2800" dirty="0"/>
          </a:p>
        </p:txBody>
      </p:sp>
      <p:sp>
        <p:nvSpPr>
          <p:cNvPr id="14338" name="AutoShape 2" descr="data:image/jpeg;base64,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D44D9A2-A913-4755-8662-6E8262570DE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01978" y="5011828"/>
            <a:ext cx="2791215" cy="762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2407425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A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141511"/>
            <a:ext cx="3960719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urrent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entralized Air-handling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nstant Air Volum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High Air Change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tandard Air Termina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Pneumatic Contro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970637"/>
            <a:ext cx="4702146" cy="5014527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grpSp>
        <p:nvGrpSpPr>
          <p:cNvPr id="22" name="Group 5">
            <a:extLst>
              <a:ext uri="{FF2B5EF4-FFF2-40B4-BE49-F238E27FC236}">
                <a16:creationId xmlns:a16="http://schemas.microsoft.com/office/drawing/2014/main" id="{83AFDA96-6973-4CC0-8588-79AE83BFC611}"/>
              </a:ext>
            </a:extLst>
          </p:cNvPr>
          <p:cNvGrpSpPr>
            <a:grpSpLocks/>
          </p:cNvGrpSpPr>
          <p:nvPr/>
        </p:nvGrpSpPr>
        <p:grpSpPr bwMode="auto">
          <a:xfrm>
            <a:off x="7300941" y="1141513"/>
            <a:ext cx="3960719" cy="4025280"/>
            <a:chOff x="282" y="1099"/>
            <a:chExt cx="3640" cy="162"/>
          </a:xfrm>
        </p:grpSpPr>
        <p:sp>
          <p:nvSpPr>
            <p:cNvPr id="23" name="Rectangle 7">
              <a:extLst>
                <a:ext uri="{FF2B5EF4-FFF2-40B4-BE49-F238E27FC236}">
                  <a16:creationId xmlns:a16="http://schemas.microsoft.com/office/drawing/2014/main" id="{4A7CD34C-C397-4C6B-9D24-01B1E65D000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Future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4" name="Rectangle 9">
              <a:extLst>
                <a:ext uri="{FF2B5EF4-FFF2-40B4-BE49-F238E27FC236}">
                  <a16:creationId xmlns:a16="http://schemas.microsoft.com/office/drawing/2014/main" id="{8A0195FC-DC20-4D50-87D7-083290C5AE2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122"/>
              <a:ext cx="3640" cy="1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entralized Air-handling with Modifications to Exhaust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Variable Air Volum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University Standard Air Changes (Occupied/Unoccupied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Lab Air-Valve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irect Digital Controls (DDC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Building Weatheriz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26" name="Rounded Rectangle 29">
            <a:extLst>
              <a:ext uri="{FF2B5EF4-FFF2-40B4-BE49-F238E27FC236}">
                <a16:creationId xmlns:a16="http://schemas.microsoft.com/office/drawing/2014/main" id="{3DA39AA6-DA04-4344-8EDE-ED9AFC4B5426}"/>
              </a:ext>
            </a:extLst>
          </p:cNvPr>
          <p:cNvSpPr/>
          <p:nvPr/>
        </p:nvSpPr>
        <p:spPr>
          <a:xfrm>
            <a:off x="6819070" y="970637"/>
            <a:ext cx="4702146" cy="5014527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437745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  <p:bldP spid="26" grpId="0" animBg="1"/>
    </p:bld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A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747389"/>
            <a:ext cx="8082986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onstruction Expecta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hutdown of air-handlers for </a:t>
              </a:r>
              <a:r>
                <a:rPr lang="en-US" sz="2200" dirty="0" err="1">
                  <a:solidFill>
                    <a:srgbClr val="626469"/>
                  </a:solidFill>
                </a:rPr>
                <a:t>DDC</a:t>
              </a:r>
              <a:r>
                <a:rPr lang="en-US" sz="2200" dirty="0">
                  <a:solidFill>
                    <a:srgbClr val="626469"/>
                  </a:solidFill>
                </a:rPr>
                <a:t> cutover -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0.5-1 Day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hutdown of fume hood exhaust for modifications -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0.5-1 Day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2-3 Week Duration per Lab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locate Chemicals 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locate As Much Lab Equipment as Possibl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eiling Removal &amp; Install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uctwork Removal &amp; Installation</a:t>
              </a:r>
            </a:p>
            <a:p>
              <a:pPr>
                <a:spcBef>
                  <a:spcPct val="20000"/>
                </a:spcBef>
                <a:buClr>
                  <a:srgbClr val="626469"/>
                </a:buClr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11817350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3991716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A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sp>
        <p:nvSpPr>
          <p:cNvPr id="28" name="Rectangle 7"/>
          <p:cNvSpPr>
            <a:spLocks noChangeArrowheads="1"/>
          </p:cNvSpPr>
          <p:nvPr/>
        </p:nvSpPr>
        <p:spPr bwMode="auto">
          <a:xfrm>
            <a:off x="4189251" y="907520"/>
            <a:ext cx="3801833" cy="47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Demo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E9DBCD64-69F8-4D49-8D0C-C0A8F10BE9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8180271" y="857918"/>
            <a:ext cx="3817319" cy="47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New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B6F9D571-9AED-474D-A15B-322A6B93B08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180271" y="1400364"/>
            <a:ext cx="3822928" cy="470238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C321BC8F-15A6-47C4-84E5-3A18EE5DD548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4189252" y="1400364"/>
            <a:ext cx="3801833" cy="4705350"/>
          </a:xfrm>
          <a:prstGeom prst="rect">
            <a:avLst/>
          </a:prstGeom>
        </p:spPr>
      </p:pic>
      <p:sp>
        <p:nvSpPr>
          <p:cNvPr id="24" name="Rectangle 7">
            <a:extLst>
              <a:ext uri="{FF2B5EF4-FFF2-40B4-BE49-F238E27FC236}">
                <a16:creationId xmlns:a16="http://schemas.microsoft.com/office/drawing/2014/main" id="{A85776E3-22D9-41D4-B70E-4CF6AC8F5456}"/>
              </a:ext>
            </a:extLst>
          </p:cNvPr>
          <p:cNvSpPr>
            <a:spLocks noChangeArrowheads="1"/>
          </p:cNvSpPr>
          <p:nvPr/>
        </p:nvSpPr>
        <p:spPr bwMode="auto">
          <a:xfrm>
            <a:off x="191236" y="907520"/>
            <a:ext cx="3808830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Existing</a:t>
            </a:r>
            <a:endParaRPr lang="en-US" sz="2000" b="1" dirty="0">
              <a:solidFill>
                <a:schemeClr val="tx2"/>
              </a:solidFill>
            </a:endParaRP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152977A8-9774-4067-BE04-1B939B0ACDAF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91235" y="1400364"/>
            <a:ext cx="3808831" cy="46930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6925559"/>
      </p:ext>
    </p:extLst>
  </p:cSld>
  <p:clrMapOvr>
    <a:masterClrMapping/>
  </p:clrMapOvr>
  <p:transition/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A Laser Labs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sp>
        <p:nvSpPr>
          <p:cNvPr id="28" name="Rectangle 7"/>
          <p:cNvSpPr>
            <a:spLocks noChangeArrowheads="1"/>
          </p:cNvSpPr>
          <p:nvPr/>
        </p:nvSpPr>
        <p:spPr bwMode="auto">
          <a:xfrm>
            <a:off x="242143" y="806477"/>
            <a:ext cx="5510071" cy="47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Demo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E9DBCD64-69F8-4D49-8D0C-C0A8F10BE9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6368901" y="803158"/>
            <a:ext cx="5577781" cy="47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New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5B492D46-8F15-46ED-8F1B-D5098833688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42143" y="1379621"/>
            <a:ext cx="5510071" cy="4808529"/>
          </a:xfrm>
          <a:prstGeom prst="rect">
            <a:avLst/>
          </a:prstGeom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016C9284-F1C4-48DA-9914-E89BFFF3A11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368902" y="1379622"/>
            <a:ext cx="5577781" cy="4808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8529377"/>
      </p:ext>
    </p:extLst>
  </p:cSld>
  <p:clrMapOvr>
    <a:masterClrMapping/>
  </p:clrMapOvr>
  <p:transition/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A Laser Labs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sp>
        <p:nvSpPr>
          <p:cNvPr id="28" name="Rectangle 7"/>
          <p:cNvSpPr>
            <a:spLocks noChangeArrowheads="1"/>
          </p:cNvSpPr>
          <p:nvPr/>
        </p:nvSpPr>
        <p:spPr bwMode="auto">
          <a:xfrm>
            <a:off x="185738" y="806477"/>
            <a:ext cx="5672802" cy="47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Demo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E9DBCD64-69F8-4D49-8D0C-C0A8F10BE9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6549657" y="803158"/>
            <a:ext cx="5453431" cy="47210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New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82474056-32A7-4257-B4A3-AA3A812B367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96996" y="1397642"/>
            <a:ext cx="5661544" cy="4791075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4D395096-8D01-4F1E-ADD2-6374CA3570FA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549657" y="1345604"/>
            <a:ext cx="5453432" cy="489515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2642963"/>
      </p:ext>
    </p:extLst>
  </p:cSld>
  <p:clrMapOvr>
    <a:masterClrMapping/>
  </p:clrMapOvr>
  <p:transition/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B&amp;C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875511"/>
            <a:ext cx="4818791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5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urrent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entralized Air-handling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nstant Air Volum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High Air Change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tandard Air Termina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Pneumatic Control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5184017" cy="3928455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grpSp>
        <p:nvGrpSpPr>
          <p:cNvPr id="22" name="Group 5">
            <a:extLst>
              <a:ext uri="{FF2B5EF4-FFF2-40B4-BE49-F238E27FC236}">
                <a16:creationId xmlns:a16="http://schemas.microsoft.com/office/drawing/2014/main" id="{83AFDA96-6973-4CC0-8588-79AE83BFC611}"/>
              </a:ext>
            </a:extLst>
          </p:cNvPr>
          <p:cNvGrpSpPr>
            <a:grpSpLocks/>
          </p:cNvGrpSpPr>
          <p:nvPr/>
        </p:nvGrpSpPr>
        <p:grpSpPr bwMode="auto">
          <a:xfrm>
            <a:off x="7300941" y="875509"/>
            <a:ext cx="3960719" cy="4025280"/>
            <a:chOff x="282" y="1099"/>
            <a:chExt cx="3640" cy="162"/>
          </a:xfrm>
        </p:grpSpPr>
        <p:sp>
          <p:nvSpPr>
            <p:cNvPr id="23" name="Rectangle 7">
              <a:extLst>
                <a:ext uri="{FF2B5EF4-FFF2-40B4-BE49-F238E27FC236}">
                  <a16:creationId xmlns:a16="http://schemas.microsoft.com/office/drawing/2014/main" id="{4A7CD34C-C397-4C6B-9D24-01B1E65D000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Future Condi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4" name="Rectangle 9">
              <a:extLst>
                <a:ext uri="{FF2B5EF4-FFF2-40B4-BE49-F238E27FC236}">
                  <a16:creationId xmlns:a16="http://schemas.microsoft.com/office/drawing/2014/main" id="{8A0195FC-DC20-4D50-87D7-083290C5AE2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2" y="1122"/>
              <a:ext cx="3640" cy="13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entralized Air-handling with Modifications to Exhaust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Constant Air Volum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University Standard Air Changes (Occupied/Unoccupied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Direct Digital Controls (DDC)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Building Weatherizat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26" name="Rounded Rectangle 29">
            <a:extLst>
              <a:ext uri="{FF2B5EF4-FFF2-40B4-BE49-F238E27FC236}">
                <a16:creationId xmlns:a16="http://schemas.microsoft.com/office/drawing/2014/main" id="{3DA39AA6-DA04-4344-8EDE-ED9AFC4B5426}"/>
              </a:ext>
            </a:extLst>
          </p:cNvPr>
          <p:cNvSpPr/>
          <p:nvPr/>
        </p:nvSpPr>
        <p:spPr>
          <a:xfrm>
            <a:off x="6819069" y="812672"/>
            <a:ext cx="5184017" cy="3886919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ounded Rectangle 29">
            <a:extLst>
              <a:ext uri="{FF2B5EF4-FFF2-40B4-BE49-F238E27FC236}">
                <a16:creationId xmlns:a16="http://schemas.microsoft.com/office/drawing/2014/main" id="{67EDD76B-2E25-4B7B-8D56-CE7EE5BAB630}"/>
              </a:ext>
            </a:extLst>
          </p:cNvPr>
          <p:cNvSpPr/>
          <p:nvPr/>
        </p:nvSpPr>
        <p:spPr>
          <a:xfrm>
            <a:off x="1394598" y="5073227"/>
            <a:ext cx="9399627" cy="1013637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44CB6114-2597-4DA9-B76F-53D194BFC4E0}"/>
              </a:ext>
            </a:extLst>
          </p:cNvPr>
          <p:cNvSpPr/>
          <p:nvPr/>
        </p:nvSpPr>
        <p:spPr>
          <a:xfrm>
            <a:off x="2040059" y="5349212"/>
            <a:ext cx="8754166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Why not conversion to VAV and new lab air-valves?</a:t>
            </a:r>
            <a:endParaRPr lang="en-US" sz="2400" b="1" i="1" dirty="0">
              <a:solidFill>
                <a:schemeClr val="tx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2318455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  <p:bldP spid="26" grpId="0" animBg="1"/>
      <p:bldP spid="13" grpId="0" animBg="1"/>
    </p:bld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LSL Building B&amp;C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747389"/>
            <a:ext cx="8221210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Construction Expectations</a:t>
              </a:r>
              <a:endParaRPr lang="en-US" sz="2000" b="1" i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hutdown of air-handlers for DDC cutover -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0.5-1 Day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Shutdown of fume hood exhaust for modifications </a:t>
              </a:r>
              <a:r>
                <a:rPr lang="en-US" sz="2200" dirty="0">
                  <a:solidFill>
                    <a:srgbClr val="626469"/>
                  </a:solidFill>
                  <a:highlight>
                    <a:srgbClr val="FFFF00"/>
                  </a:highlight>
                </a:rPr>
                <a:t>- 0.5-1 Day</a:t>
              </a: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2-3 Week Duration per Lab Spac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Most controls work in Lab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New space temperature sensor installed in each spac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Most Labs Will Stay Active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  <a:highlight>
                  <a:srgbClr val="FFFF00"/>
                </a:highlight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11817350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56718150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</p:bld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806817"/>
          </a:xfrm>
        </p:spPr>
        <p:txBody>
          <a:bodyPr/>
          <a:lstStyle/>
          <a:p>
            <a:r>
              <a:rPr lang="en-US" dirty="0"/>
              <a:t>CLSL Building B&amp;C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  <p:sp>
        <p:nvSpPr>
          <p:cNvPr id="10" name="Rectangle 7">
            <a:extLst>
              <a:ext uri="{FF2B5EF4-FFF2-40B4-BE49-F238E27FC236}">
                <a16:creationId xmlns:a16="http://schemas.microsoft.com/office/drawing/2014/main" id="{E9DBCD64-69F8-4D49-8D0C-C0A8F10BE975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43059" y="883017"/>
            <a:ext cx="2905124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>
              <a:spcBef>
                <a:spcPct val="20000"/>
              </a:spcBef>
              <a:buClr>
                <a:schemeClr val="accent1"/>
              </a:buClr>
              <a:buFont typeface="Arial" charset="0"/>
              <a:buNone/>
            </a:pPr>
            <a:r>
              <a:rPr lang="en-US" sz="2400" b="1" dirty="0">
                <a:solidFill>
                  <a:schemeClr val="tx2"/>
                </a:solidFill>
              </a:rPr>
              <a:t>New Controls</a:t>
            </a:r>
            <a:endParaRPr lang="en-US" sz="2000" b="1" i="1" dirty="0">
              <a:solidFill>
                <a:schemeClr val="tx2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2FFEED0E-04C8-4ED5-8E9D-0F6DC4BF7C1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143058" y="1355118"/>
            <a:ext cx="2905125" cy="48755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0415067"/>
      </p:ext>
    </p:extLst>
  </p:cSld>
  <p:clrMapOvr>
    <a:masterClrMapping/>
  </p:clrMapOvr>
  <p:transition/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Overall Project Benefits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747389"/>
            <a:ext cx="8082986" cy="3677416"/>
            <a:chOff x="282" y="1099"/>
            <a:chExt cx="3640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1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400" b="1" dirty="0">
                  <a:solidFill>
                    <a:schemeClr val="tx2"/>
                  </a:solidFill>
                </a:rPr>
                <a:t>Summary of Benefits</a:t>
              </a:r>
              <a:endParaRPr lang="en-US" sz="2000" b="1" dirty="0">
                <a:solidFill>
                  <a:schemeClr val="tx2"/>
                </a:solidFill>
              </a:endParaRP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3640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Guaranteed Energy Saving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duced Utility Costs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Reduction in Deferred Maintenance Backlog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Less Than 20 Year Payback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Lab Capacity Expansion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Better Control of Building Comfort Issues </a:t>
              </a: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200" dirty="0">
                  <a:solidFill>
                    <a:srgbClr val="626469"/>
                  </a:solidFill>
                </a:rPr>
                <a:t>Updated Mechanical Systems &amp; Windows</a:t>
              </a:r>
            </a:p>
            <a:p>
              <a:pPr>
                <a:spcBef>
                  <a:spcPct val="20000"/>
                </a:spcBef>
                <a:buClr>
                  <a:srgbClr val="626469"/>
                </a:buClr>
              </a:pPr>
              <a:endParaRPr lang="en-US" sz="2200" dirty="0">
                <a:solidFill>
                  <a:srgbClr val="626469"/>
                </a:solidFill>
                <a:highlight>
                  <a:srgbClr val="FFFF00"/>
                </a:highlight>
              </a:endParaRPr>
            </a:p>
            <a:p>
              <a:pPr>
                <a:spcBef>
                  <a:spcPct val="20000"/>
                </a:spcBef>
                <a:buClr>
                  <a:srgbClr val="626469"/>
                </a:buClr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11817350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8731806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</p:bld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575584" y="76200"/>
            <a:ext cx="11037658" cy="1150938"/>
          </a:xfrm>
        </p:spPr>
        <p:txBody>
          <a:bodyPr/>
          <a:lstStyle/>
          <a:p>
            <a:r>
              <a:rPr lang="en-US" dirty="0"/>
              <a:t>Communications</a:t>
            </a:r>
            <a:endParaRPr lang="en-US" dirty="0">
              <a:solidFill>
                <a:srgbClr val="B10043"/>
              </a:solidFill>
            </a:endParaRPr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782300" y="150312"/>
            <a:ext cx="1220788" cy="361715"/>
          </a:xfrm>
          <a:prstGeom prst="rect">
            <a:avLst/>
          </a:prstGeom>
          <a:noFill/>
        </p:spPr>
      </p:pic>
      <p:grpSp>
        <p:nvGrpSpPr>
          <p:cNvPr id="25" name="Group 5"/>
          <p:cNvGrpSpPr>
            <a:grpSpLocks/>
          </p:cNvGrpSpPr>
          <p:nvPr/>
        </p:nvGrpSpPr>
        <p:grpSpPr bwMode="auto">
          <a:xfrm>
            <a:off x="667609" y="1747389"/>
            <a:ext cx="10945340" cy="3677416"/>
            <a:chOff x="282" y="1099"/>
            <a:chExt cx="4929" cy="148"/>
          </a:xfrm>
        </p:grpSpPr>
        <p:sp>
          <p:nvSpPr>
            <p:cNvPr id="28" name="Rectangle 7"/>
            <p:cNvSpPr>
              <a:spLocks noChangeArrowheads="1"/>
            </p:cNvSpPr>
            <p:nvPr/>
          </p:nvSpPr>
          <p:spPr bwMode="auto">
            <a:xfrm>
              <a:off x="282" y="1099"/>
              <a:ext cx="3422" cy="16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wrap="square">
              <a:spAutoFit/>
            </a:bodyPr>
            <a:lstStyle/>
            <a:p>
              <a:pPr>
                <a:spcBef>
                  <a:spcPct val="20000"/>
                </a:spcBef>
                <a:buClr>
                  <a:schemeClr val="accent1"/>
                </a:buClr>
                <a:buFont typeface="Arial" charset="0"/>
                <a:buNone/>
              </a:pPr>
              <a:r>
                <a:rPr lang="en-US" sz="2000" b="1" dirty="0">
                  <a:solidFill>
                    <a:schemeClr val="tx2"/>
                  </a:solidFill>
                </a:rPr>
                <a:t>Questions &amp; Concerns</a:t>
              </a:r>
            </a:p>
          </p:txBody>
        </p:sp>
        <p:sp>
          <p:nvSpPr>
            <p:cNvPr id="29" name="Rectangle 9"/>
            <p:cNvSpPr>
              <a:spLocks noChangeArrowheads="1"/>
            </p:cNvSpPr>
            <p:nvPr/>
          </p:nvSpPr>
          <p:spPr bwMode="auto">
            <a:xfrm>
              <a:off x="282" y="1122"/>
              <a:ext cx="4929" cy="12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lIns="0" tIns="0" rIns="18000" bIns="10800"/>
            <a:lstStyle/>
            <a:p>
              <a:pPr marL="180975" indent="-180975" algn="ctr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r>
                <a:rPr lang="en-US" sz="2000" dirty="0">
                  <a:solidFill>
                    <a:srgbClr val="626469"/>
                  </a:solidFill>
                </a:rPr>
                <a:t>All Questions &amp; Concerns Should Be Communicated Through Your Building Representative</a:t>
              </a:r>
              <a:endParaRPr lang="en-US" sz="2000" dirty="0">
                <a:solidFill>
                  <a:srgbClr val="626469"/>
                </a:solidFill>
                <a:highlight>
                  <a:srgbClr val="FFFF00"/>
                </a:highlight>
              </a:endParaRPr>
            </a:p>
            <a:p>
              <a:pPr>
                <a:spcBef>
                  <a:spcPct val="20000"/>
                </a:spcBef>
                <a:buClr>
                  <a:srgbClr val="626469"/>
                </a:buClr>
              </a:pPr>
              <a:endParaRPr lang="en-US" sz="2200" dirty="0">
                <a:solidFill>
                  <a:srgbClr val="626469"/>
                </a:solidFill>
              </a:endParaRPr>
            </a:p>
            <a:p>
              <a:pPr marL="180975" indent="-180975">
                <a:spcBef>
                  <a:spcPct val="20000"/>
                </a:spcBef>
                <a:buClr>
                  <a:srgbClr val="626469"/>
                </a:buClr>
                <a:buFont typeface="Wingdings" pitchFamily="2" charset="2"/>
                <a:buChar char="§"/>
              </a:pPr>
              <a:endParaRPr lang="en-US" sz="2200" dirty="0">
                <a:solidFill>
                  <a:srgbClr val="626469"/>
                </a:solidFill>
              </a:endParaRPr>
            </a:p>
          </p:txBody>
        </p:sp>
      </p:grpSp>
      <p:sp>
        <p:nvSpPr>
          <p:cNvPr id="30" name="Rounded Rectangle 29"/>
          <p:cNvSpPr/>
          <p:nvPr/>
        </p:nvSpPr>
        <p:spPr>
          <a:xfrm>
            <a:off x="185738" y="771136"/>
            <a:ext cx="11817350" cy="5895016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046F7D1-8AFD-4CE0-921D-916A5ED2EE2D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91085" y="-51780"/>
            <a:ext cx="2791215" cy="7364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2906388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0" grpId="0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Energy Performance Contracting (EPC)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596999" name="Rectangle 7"/>
          <p:cNvSpPr>
            <a:spLocks noChangeArrowheads="1"/>
          </p:cNvSpPr>
          <p:nvPr/>
        </p:nvSpPr>
        <p:spPr bwMode="auto">
          <a:xfrm>
            <a:off x="826097" y="1013539"/>
            <a:ext cx="7278219" cy="28623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What is an EPC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Type of design/build project with a performance guarante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Turnkey service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udit + engineering + construction  + commissioning + O&amp;M + long-term savings measurement/guarante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Delivers comprehensive utility saving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Project risk transferred to Energy Services Company (ESCO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Project savings are used to pay project costs</a:t>
            </a:r>
          </a:p>
          <a:p>
            <a:pPr marL="1200150" lvl="2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20 Year Payback Maximum</a:t>
            </a:r>
          </a:p>
          <a:p>
            <a:endParaRPr lang="en-US" dirty="0">
              <a:solidFill>
                <a:srgbClr val="009530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368300" y="824345"/>
            <a:ext cx="11422742" cy="5299618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3C1D8F5A-872C-4C6B-ABCE-0CA8C8065E67}"/>
              </a:ext>
            </a:extLst>
          </p:cNvPr>
          <p:cNvSpPr/>
          <p:nvPr/>
        </p:nvSpPr>
        <p:spPr>
          <a:xfrm>
            <a:off x="828674" y="3814189"/>
            <a:ext cx="6092825" cy="1754326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Project Delivery Benefit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Guaranteed Energy Saving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ligned Goal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Guaranteed Maximum Pric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Contract Structure / Single Point of Contac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Bidding Process</a:t>
            </a:r>
          </a:p>
        </p:txBody>
      </p:sp>
      <p:grpSp>
        <p:nvGrpSpPr>
          <p:cNvPr id="68" name="Group 67">
            <a:extLst>
              <a:ext uri="{FF2B5EF4-FFF2-40B4-BE49-F238E27FC236}">
                <a16:creationId xmlns:a16="http://schemas.microsoft.com/office/drawing/2014/main" id="{B9330E9E-B55C-42F4-9A3B-C8FF547C8078}"/>
              </a:ext>
            </a:extLst>
          </p:cNvPr>
          <p:cNvGrpSpPr/>
          <p:nvPr/>
        </p:nvGrpSpPr>
        <p:grpSpPr>
          <a:xfrm>
            <a:off x="8408447" y="1940763"/>
            <a:ext cx="2590800" cy="2698477"/>
            <a:chOff x="5638800" y="1752600"/>
            <a:chExt cx="2590800" cy="2698477"/>
          </a:xfrm>
        </p:grpSpPr>
        <p:sp>
          <p:nvSpPr>
            <p:cNvPr id="69" name="TextBox 68">
              <a:extLst>
                <a:ext uri="{FF2B5EF4-FFF2-40B4-BE49-F238E27FC236}">
                  <a16:creationId xmlns:a16="http://schemas.microsoft.com/office/drawing/2014/main" id="{6E88466B-3AC2-4EA8-AA91-AA3164255E90}"/>
                </a:ext>
              </a:extLst>
            </p:cNvPr>
            <p:cNvSpPr txBox="1"/>
            <p:nvPr/>
          </p:nvSpPr>
          <p:spPr>
            <a:xfrm>
              <a:off x="6477000" y="1752600"/>
              <a:ext cx="8636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Owner</a:t>
              </a:r>
            </a:p>
          </p:txBody>
        </p:sp>
        <p:cxnSp>
          <p:nvCxnSpPr>
            <p:cNvPr id="70" name="Straight Arrow Connector 69">
              <a:extLst>
                <a:ext uri="{FF2B5EF4-FFF2-40B4-BE49-F238E27FC236}">
                  <a16:creationId xmlns:a16="http://schemas.microsoft.com/office/drawing/2014/main" id="{C323BD70-E5CB-41E0-B49A-411A2B8A2A1E}"/>
                </a:ext>
              </a:extLst>
            </p:cNvPr>
            <p:cNvCxnSpPr>
              <a:stCxn id="69" idx="2"/>
            </p:cNvCxnSpPr>
            <p:nvPr/>
          </p:nvCxnSpPr>
          <p:spPr>
            <a:xfrm flipH="1">
              <a:off x="6896100" y="2121932"/>
              <a:ext cx="12700" cy="424934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sp>
          <p:nvSpPr>
            <p:cNvPr id="71" name="TextBox 70">
              <a:extLst>
                <a:ext uri="{FF2B5EF4-FFF2-40B4-BE49-F238E27FC236}">
                  <a16:creationId xmlns:a16="http://schemas.microsoft.com/office/drawing/2014/main" id="{FD1DBB5E-433D-4CE5-8A19-FBB9FE694970}"/>
                </a:ext>
              </a:extLst>
            </p:cNvPr>
            <p:cNvSpPr txBox="1"/>
            <p:nvPr/>
          </p:nvSpPr>
          <p:spPr>
            <a:xfrm>
              <a:off x="5638800" y="2546866"/>
              <a:ext cx="25908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Energy Service Company</a:t>
              </a:r>
            </a:p>
          </p:txBody>
        </p:sp>
        <p:cxnSp>
          <p:nvCxnSpPr>
            <p:cNvPr id="72" name="Straight Arrow Connector 71">
              <a:extLst>
                <a:ext uri="{FF2B5EF4-FFF2-40B4-BE49-F238E27FC236}">
                  <a16:creationId xmlns:a16="http://schemas.microsoft.com/office/drawing/2014/main" id="{6431D86E-E4A4-4E74-8367-0B508AE622D1}"/>
                </a:ext>
              </a:extLst>
            </p:cNvPr>
            <p:cNvCxnSpPr/>
            <p:nvPr/>
          </p:nvCxnSpPr>
          <p:spPr>
            <a:xfrm>
              <a:off x="6896100" y="2916196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sp>
          <p:nvSpPr>
            <p:cNvPr id="73" name="TextBox 72">
              <a:extLst>
                <a:ext uri="{FF2B5EF4-FFF2-40B4-BE49-F238E27FC236}">
                  <a16:creationId xmlns:a16="http://schemas.microsoft.com/office/drawing/2014/main" id="{E67D4280-11AE-4FBD-AE08-71450F015581}"/>
                </a:ext>
              </a:extLst>
            </p:cNvPr>
            <p:cNvSpPr txBox="1"/>
            <p:nvPr/>
          </p:nvSpPr>
          <p:spPr>
            <a:xfrm>
              <a:off x="6096000" y="3537466"/>
              <a:ext cx="1752600" cy="36933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0" i="0" u="none" strike="noStrike" kern="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</a:rPr>
                <a:t>Subcontractors</a:t>
              </a:r>
            </a:p>
          </p:txBody>
        </p:sp>
        <p:cxnSp>
          <p:nvCxnSpPr>
            <p:cNvPr id="74" name="Straight Arrow Connector 73">
              <a:extLst>
                <a:ext uri="{FF2B5EF4-FFF2-40B4-BE49-F238E27FC236}">
                  <a16:creationId xmlns:a16="http://schemas.microsoft.com/office/drawing/2014/main" id="{730678AF-BE77-42AB-90A9-2C9C4A853090}"/>
                </a:ext>
              </a:extLst>
            </p:cNvPr>
            <p:cNvCxnSpPr/>
            <p:nvPr/>
          </p:nvCxnSpPr>
          <p:spPr>
            <a:xfrm>
              <a:off x="7543800" y="2916198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75" name="Straight Arrow Connector 74">
              <a:extLst>
                <a:ext uri="{FF2B5EF4-FFF2-40B4-BE49-F238E27FC236}">
                  <a16:creationId xmlns:a16="http://schemas.microsoft.com/office/drawing/2014/main" id="{AA9C1313-91FA-4B01-A5BA-801F78D4F6A1}"/>
                </a:ext>
              </a:extLst>
            </p:cNvPr>
            <p:cNvCxnSpPr/>
            <p:nvPr/>
          </p:nvCxnSpPr>
          <p:spPr>
            <a:xfrm>
              <a:off x="7239000" y="2916197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76" name="Straight Arrow Connector 75">
              <a:extLst>
                <a:ext uri="{FF2B5EF4-FFF2-40B4-BE49-F238E27FC236}">
                  <a16:creationId xmlns:a16="http://schemas.microsoft.com/office/drawing/2014/main" id="{068826D9-8838-44FE-8EE5-44F37558A718}"/>
                </a:ext>
              </a:extLst>
            </p:cNvPr>
            <p:cNvCxnSpPr/>
            <p:nvPr/>
          </p:nvCxnSpPr>
          <p:spPr>
            <a:xfrm>
              <a:off x="6248400" y="2916198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77" name="Straight Arrow Connector 76">
              <a:extLst>
                <a:ext uri="{FF2B5EF4-FFF2-40B4-BE49-F238E27FC236}">
                  <a16:creationId xmlns:a16="http://schemas.microsoft.com/office/drawing/2014/main" id="{48108C3B-63D5-49C0-B942-3057412684CB}"/>
                </a:ext>
              </a:extLst>
            </p:cNvPr>
            <p:cNvCxnSpPr/>
            <p:nvPr/>
          </p:nvCxnSpPr>
          <p:spPr>
            <a:xfrm>
              <a:off x="6553200" y="2916198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78" name="Straight Arrow Connector 77">
              <a:extLst>
                <a:ext uri="{FF2B5EF4-FFF2-40B4-BE49-F238E27FC236}">
                  <a16:creationId xmlns:a16="http://schemas.microsoft.com/office/drawing/2014/main" id="{90CA0A94-FED6-4380-8CFA-646E597D5B23}"/>
                </a:ext>
              </a:extLst>
            </p:cNvPr>
            <p:cNvCxnSpPr/>
            <p:nvPr/>
          </p:nvCxnSpPr>
          <p:spPr>
            <a:xfrm>
              <a:off x="6896100" y="3906798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79" name="Straight Arrow Connector 78">
              <a:extLst>
                <a:ext uri="{FF2B5EF4-FFF2-40B4-BE49-F238E27FC236}">
                  <a16:creationId xmlns:a16="http://schemas.microsoft.com/office/drawing/2014/main" id="{A5FCCF5B-46B5-4BC7-9A9C-DA7FF0323BF4}"/>
                </a:ext>
              </a:extLst>
            </p:cNvPr>
            <p:cNvCxnSpPr/>
            <p:nvPr/>
          </p:nvCxnSpPr>
          <p:spPr>
            <a:xfrm>
              <a:off x="7543800" y="3906800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0" name="Straight Arrow Connector 79">
              <a:extLst>
                <a:ext uri="{FF2B5EF4-FFF2-40B4-BE49-F238E27FC236}">
                  <a16:creationId xmlns:a16="http://schemas.microsoft.com/office/drawing/2014/main" id="{5CEC41EC-E31E-47CD-9F8C-A90DF8564D62}"/>
                </a:ext>
              </a:extLst>
            </p:cNvPr>
            <p:cNvCxnSpPr/>
            <p:nvPr/>
          </p:nvCxnSpPr>
          <p:spPr>
            <a:xfrm>
              <a:off x="7239000" y="3906799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1" name="Straight Arrow Connector 80">
              <a:extLst>
                <a:ext uri="{FF2B5EF4-FFF2-40B4-BE49-F238E27FC236}">
                  <a16:creationId xmlns:a16="http://schemas.microsoft.com/office/drawing/2014/main" id="{9EA859B5-C572-48DC-B9FB-F3A15A9D79D1}"/>
                </a:ext>
              </a:extLst>
            </p:cNvPr>
            <p:cNvCxnSpPr/>
            <p:nvPr/>
          </p:nvCxnSpPr>
          <p:spPr>
            <a:xfrm>
              <a:off x="7848600" y="3906800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2" name="Straight Arrow Connector 81">
              <a:extLst>
                <a:ext uri="{FF2B5EF4-FFF2-40B4-BE49-F238E27FC236}">
                  <a16:creationId xmlns:a16="http://schemas.microsoft.com/office/drawing/2014/main" id="{06DEA818-5809-4438-81AE-34CB377BF7B9}"/>
                </a:ext>
              </a:extLst>
            </p:cNvPr>
            <p:cNvCxnSpPr/>
            <p:nvPr/>
          </p:nvCxnSpPr>
          <p:spPr>
            <a:xfrm>
              <a:off x="6248400" y="3906800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3" name="Straight Arrow Connector 82">
              <a:extLst>
                <a:ext uri="{FF2B5EF4-FFF2-40B4-BE49-F238E27FC236}">
                  <a16:creationId xmlns:a16="http://schemas.microsoft.com/office/drawing/2014/main" id="{D8D7EC3A-D7A0-4916-82EB-C420D4EC9BFC}"/>
                </a:ext>
              </a:extLst>
            </p:cNvPr>
            <p:cNvCxnSpPr/>
            <p:nvPr/>
          </p:nvCxnSpPr>
          <p:spPr>
            <a:xfrm>
              <a:off x="5962816" y="3906799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4" name="Straight Arrow Connector 83">
              <a:extLst>
                <a:ext uri="{FF2B5EF4-FFF2-40B4-BE49-F238E27FC236}">
                  <a16:creationId xmlns:a16="http://schemas.microsoft.com/office/drawing/2014/main" id="{48C71FAD-1734-4E24-8AE5-E2E9ABD8AFF1}"/>
                </a:ext>
              </a:extLst>
            </p:cNvPr>
            <p:cNvCxnSpPr/>
            <p:nvPr/>
          </p:nvCxnSpPr>
          <p:spPr>
            <a:xfrm>
              <a:off x="6553200" y="3906800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5" name="Straight Arrow Connector 84">
              <a:extLst>
                <a:ext uri="{FF2B5EF4-FFF2-40B4-BE49-F238E27FC236}">
                  <a16:creationId xmlns:a16="http://schemas.microsoft.com/office/drawing/2014/main" id="{B9542426-B7A3-47E8-ACAB-8FEB8832FF4D}"/>
                </a:ext>
              </a:extLst>
            </p:cNvPr>
            <p:cNvCxnSpPr/>
            <p:nvPr/>
          </p:nvCxnSpPr>
          <p:spPr>
            <a:xfrm>
              <a:off x="8153400" y="3906800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  <p:cxnSp>
          <p:nvCxnSpPr>
            <p:cNvPr id="86" name="Straight Arrow Connector 85">
              <a:extLst>
                <a:ext uri="{FF2B5EF4-FFF2-40B4-BE49-F238E27FC236}">
                  <a16:creationId xmlns:a16="http://schemas.microsoft.com/office/drawing/2014/main" id="{3A34A1FF-9A19-4FA2-BFA1-18C35CEC775B}"/>
                </a:ext>
              </a:extLst>
            </p:cNvPr>
            <p:cNvCxnSpPr/>
            <p:nvPr/>
          </p:nvCxnSpPr>
          <p:spPr>
            <a:xfrm>
              <a:off x="5638800" y="3906797"/>
              <a:ext cx="0" cy="544277"/>
            </a:xfrm>
            <a:prstGeom prst="straightConnector1">
              <a:avLst/>
            </a:prstGeom>
            <a:noFill/>
            <a:ln w="6350" cap="flat" cmpd="sng" algn="ctr">
              <a:solidFill>
                <a:srgbClr val="5B9BD5"/>
              </a:solidFill>
              <a:prstDash val="solid"/>
              <a:miter lim="800000"/>
              <a:tailEnd type="arrow"/>
            </a:ln>
            <a:effectLst/>
          </p:spPr>
        </p:cxnSp>
      </p:grpSp>
    </p:spTree>
    <p:extLst>
      <p:ext uri="{BB962C8B-B14F-4D97-AF65-F5344CB8AC3E}">
        <p14:creationId xmlns:p14="http://schemas.microsoft.com/office/powerpoint/2010/main" val="2673587779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530">
            <a:alpha val="0"/>
          </a:srgb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1086292" y="6206804"/>
            <a:ext cx="619933" cy="52451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Picture 23" descr="C:\Users\Kurt\Desktop\Untitled-1cc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9687781" y="5904393"/>
            <a:ext cx="1891444" cy="564670"/>
          </a:xfrm>
          <a:prstGeom prst="rect">
            <a:avLst/>
          </a:prstGeom>
          <a:noFill/>
        </p:spPr>
      </p:pic>
      <p:pic>
        <p:nvPicPr>
          <p:cNvPr id="7" name="Picture 6" descr="Thankyou2.jpg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1812835"/>
            <a:ext cx="12188825" cy="302268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79A690E5-64D5-4755-A5D7-D39F1E6B3B3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63343" y="5689065"/>
            <a:ext cx="3924438" cy="1035477"/>
          </a:xfrm>
          <a:prstGeom prst="rect">
            <a:avLst/>
          </a:prstGeom>
        </p:spPr>
      </p:pic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Energy Performance Contracting (EPC)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181883" y="684692"/>
            <a:ext cx="11825057" cy="5439271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59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6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27" name="TextBox 26">
            <a:extLst>
              <a:ext uri="{FF2B5EF4-FFF2-40B4-BE49-F238E27FC236}">
                <a16:creationId xmlns:a16="http://schemas.microsoft.com/office/drawing/2014/main" id="{9F781592-2582-4BFD-BEDF-29728F37A193}"/>
              </a:ext>
            </a:extLst>
          </p:cNvPr>
          <p:cNvSpPr txBox="1"/>
          <p:nvPr/>
        </p:nvSpPr>
        <p:spPr>
          <a:xfrm>
            <a:off x="1894129" y="1108468"/>
            <a:ext cx="4094944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Process</a:t>
            </a:r>
            <a:r>
              <a:rPr lang="en-US" dirty="0">
                <a:solidFill>
                  <a:srgbClr val="009530"/>
                </a:solidFill>
              </a:rPr>
              <a:t>			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Original RFP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8 Prequalified ESCO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Identify Potential Projec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Competitive Selection Proces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Investment Grade Audi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Energy Services Agreement</a:t>
            </a:r>
          </a:p>
          <a:p>
            <a:endParaRPr lang="en-US" dirty="0">
              <a:solidFill>
                <a:srgbClr val="009530"/>
              </a:solidFill>
            </a:endParaRPr>
          </a:p>
        </p:txBody>
      </p:sp>
      <p:grpSp>
        <p:nvGrpSpPr>
          <p:cNvPr id="28" name="Group 27">
            <a:extLst>
              <a:ext uri="{FF2B5EF4-FFF2-40B4-BE49-F238E27FC236}">
                <a16:creationId xmlns:a16="http://schemas.microsoft.com/office/drawing/2014/main" id="{E4DF2C12-C262-4ACE-BB10-2C1C20230881}"/>
              </a:ext>
            </a:extLst>
          </p:cNvPr>
          <p:cNvGrpSpPr/>
          <p:nvPr/>
        </p:nvGrpSpPr>
        <p:grpSpPr>
          <a:xfrm>
            <a:off x="2152914" y="3416792"/>
            <a:ext cx="7882994" cy="2176763"/>
            <a:chOff x="3032228" y="1883462"/>
            <a:chExt cx="7882994" cy="2176763"/>
          </a:xfrm>
        </p:grpSpPr>
        <p:sp>
          <p:nvSpPr>
            <p:cNvPr id="29" name="OTLSHAPE_M_9dd8ed9b66fc40c7b9eaa6cd4eb05791_Title">
              <a:extLst>
                <a:ext uri="{FF2B5EF4-FFF2-40B4-BE49-F238E27FC236}">
                  <a16:creationId xmlns:a16="http://schemas.microsoft.com/office/drawing/2014/main" id="{41C7FA78-0837-475A-BB31-430F8E5B7981}"/>
                </a:ext>
              </a:extLst>
            </p:cNvPr>
            <p:cNvSpPr txBox="1"/>
            <p:nvPr>
              <p:custDataLst>
                <p:tags r:id="rId1"/>
              </p:custDataLst>
            </p:nvPr>
          </p:nvSpPr>
          <p:spPr>
            <a:xfrm>
              <a:off x="3032228" y="2510700"/>
              <a:ext cx="1508890" cy="17560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RFP Phase 1</a:t>
              </a:r>
            </a:p>
          </p:txBody>
        </p:sp>
        <p:cxnSp>
          <p:nvCxnSpPr>
            <p:cNvPr id="30" name="OTLSHAPE_M_9dd8ed9b66fc40c7b9eaa6cd4eb05791_Connector1">
              <a:extLst>
                <a:ext uri="{FF2B5EF4-FFF2-40B4-BE49-F238E27FC236}">
                  <a16:creationId xmlns:a16="http://schemas.microsoft.com/office/drawing/2014/main" id="{B9377770-AED7-47CE-B940-BD53C66C2531}"/>
                </a:ext>
              </a:extLst>
            </p:cNvPr>
            <p:cNvCxnSpPr/>
            <p:nvPr>
              <p:custDataLst>
                <p:tags r:id="rId2"/>
              </p:custDataLst>
            </p:nvPr>
          </p:nvCxnSpPr>
          <p:spPr>
            <a:xfrm>
              <a:off x="6641487" y="2510700"/>
              <a:ext cx="0" cy="1129075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1" name="OTLSHAPE_M_9dd8ed9b66fc40c7b9eaa6cd4eb05791_Connector1">
              <a:extLst>
                <a:ext uri="{FF2B5EF4-FFF2-40B4-BE49-F238E27FC236}">
                  <a16:creationId xmlns:a16="http://schemas.microsoft.com/office/drawing/2014/main" id="{B5433B46-37BF-4E48-8E5A-60692D221E5C}"/>
                </a:ext>
              </a:extLst>
            </p:cNvPr>
            <p:cNvCxnSpPr/>
            <p:nvPr>
              <p:custDataLst>
                <p:tags r:id="rId3"/>
              </p:custDataLst>
            </p:nvPr>
          </p:nvCxnSpPr>
          <p:spPr>
            <a:xfrm>
              <a:off x="5259701" y="3389224"/>
              <a:ext cx="0" cy="251901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cxnSp>
          <p:nvCxnSpPr>
            <p:cNvPr id="32" name="OTLSHAPE_M_9dd8ed9b66fc40c7b9eaa6cd4eb05791_Connector1">
              <a:extLst>
                <a:ext uri="{FF2B5EF4-FFF2-40B4-BE49-F238E27FC236}">
                  <a16:creationId xmlns:a16="http://schemas.microsoft.com/office/drawing/2014/main" id="{3D0B969F-BD0C-4483-A694-2B39F597DF03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3765398" y="2849489"/>
              <a:ext cx="0" cy="766236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3" name="OTLSHAPE_TB_00000000000000000000000000000000_ScaleContainer">
              <a:extLst>
                <a:ext uri="{FF2B5EF4-FFF2-40B4-BE49-F238E27FC236}">
                  <a16:creationId xmlns:a16="http://schemas.microsoft.com/office/drawing/2014/main" id="{ADF03163-8006-4817-9805-38F517879A6D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3447622" y="3679225"/>
              <a:ext cx="7467600" cy="381000"/>
            </a:xfrm>
            <a:prstGeom prst="snip2DiagRect">
              <a:avLst>
                <a:gd name="adj1" fmla="val 100000"/>
                <a:gd name="adj2" fmla="val 16667"/>
              </a:avLst>
            </a:prstGeom>
            <a:gradFill flip="none" rotWithShape="1">
              <a:gsLst>
                <a:gs pos="0">
                  <a:srgbClr val="B24F29"/>
                </a:gs>
                <a:gs pos="100000">
                  <a:srgbClr val="7F381E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4" name="OTLSHAPE_TB_00000000000000000000000000000000_TimescaleInterval1">
              <a:extLst>
                <a:ext uri="{FF2B5EF4-FFF2-40B4-BE49-F238E27FC236}">
                  <a16:creationId xmlns:a16="http://schemas.microsoft.com/office/drawing/2014/main" id="{035F0EE6-EF73-49F6-9877-0A6544C4AD9C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3676222" y="3776698"/>
              <a:ext cx="46990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14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09</a:t>
              </a:r>
            </a:p>
          </p:txBody>
        </p:sp>
        <p:cxnSp>
          <p:nvCxnSpPr>
            <p:cNvPr id="35" name="OTLSHAPE_TB_00000000000000000000000000000000_Separator1">
              <a:extLst>
                <a:ext uri="{FF2B5EF4-FFF2-40B4-BE49-F238E27FC236}">
                  <a16:creationId xmlns:a16="http://schemas.microsoft.com/office/drawing/2014/main" id="{E4D5B9D8-EFBD-4647-866B-7A505BDBA9B8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4325209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6" name="OTLSHAPE_TB_00000000000000000000000000000000_TimescaleInterval2">
              <a:extLst>
                <a:ext uri="{FF2B5EF4-FFF2-40B4-BE49-F238E27FC236}">
                  <a16:creationId xmlns:a16="http://schemas.microsoft.com/office/drawing/2014/main" id="{46E8E001-949F-447F-B042-4E87DFB4B569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4388709" y="3776698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0</a:t>
              </a:r>
            </a:p>
          </p:txBody>
        </p:sp>
        <p:cxnSp>
          <p:nvCxnSpPr>
            <p:cNvPr id="37" name="OTLSHAPE_TB_00000000000000000000000000000000_Separator2">
              <a:extLst>
                <a:ext uri="{FF2B5EF4-FFF2-40B4-BE49-F238E27FC236}">
                  <a16:creationId xmlns:a16="http://schemas.microsoft.com/office/drawing/2014/main" id="{696F73F0-5949-445D-9CC8-E51660F334E9}"/>
                </a:ext>
              </a:extLst>
            </p:cNvPr>
            <p:cNvCxnSpPr/>
            <p:nvPr>
              <p:custDataLst>
                <p:tags r:id="rId9"/>
              </p:custDataLst>
            </p:nvPr>
          </p:nvCxnSpPr>
          <p:spPr>
            <a:xfrm>
              <a:off x="5037696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38" name="OTLSHAPE_TB_00000000000000000000000000000000_TimescaleInterval3">
              <a:extLst>
                <a:ext uri="{FF2B5EF4-FFF2-40B4-BE49-F238E27FC236}">
                  <a16:creationId xmlns:a16="http://schemas.microsoft.com/office/drawing/2014/main" id="{9619359C-83FE-48BF-B37F-55B76E0C633D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5101196" y="3776698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1</a:t>
              </a:r>
            </a:p>
          </p:txBody>
        </p:sp>
        <p:cxnSp>
          <p:nvCxnSpPr>
            <p:cNvPr id="39" name="OTLSHAPE_TB_00000000000000000000000000000000_Separator3">
              <a:extLst>
                <a:ext uri="{FF2B5EF4-FFF2-40B4-BE49-F238E27FC236}">
                  <a16:creationId xmlns:a16="http://schemas.microsoft.com/office/drawing/2014/main" id="{883D017A-DCA7-4FB1-BAE7-F82865F4739B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5750183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0" name="OTLSHAPE_TB_00000000000000000000000000000000_TimescaleInterval4">
              <a:extLst>
                <a:ext uri="{FF2B5EF4-FFF2-40B4-BE49-F238E27FC236}">
                  <a16:creationId xmlns:a16="http://schemas.microsoft.com/office/drawing/2014/main" id="{21904522-7A99-4D4B-9A6A-2100C9682067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5813683" y="3776698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2</a:t>
              </a:r>
            </a:p>
          </p:txBody>
        </p:sp>
        <p:cxnSp>
          <p:nvCxnSpPr>
            <p:cNvPr id="41" name="OTLSHAPE_TB_00000000000000000000000000000000_Separator4">
              <a:extLst>
                <a:ext uri="{FF2B5EF4-FFF2-40B4-BE49-F238E27FC236}">
                  <a16:creationId xmlns:a16="http://schemas.microsoft.com/office/drawing/2014/main" id="{BB954BD0-5101-41FE-8B0D-9EFFDDB845DA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6462670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2" name="OTLSHAPE_TB_00000000000000000000000000000000_TimescaleInterval5">
              <a:extLst>
                <a:ext uri="{FF2B5EF4-FFF2-40B4-BE49-F238E27FC236}">
                  <a16:creationId xmlns:a16="http://schemas.microsoft.com/office/drawing/2014/main" id="{93D851E9-DDB4-4EDA-A759-1C264F85DC62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6526170" y="3776698"/>
              <a:ext cx="75470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3</a:t>
              </a:r>
            </a:p>
          </p:txBody>
        </p:sp>
        <p:cxnSp>
          <p:nvCxnSpPr>
            <p:cNvPr id="43" name="OTLSHAPE_TB_00000000000000000000000000000000_Separator5">
              <a:extLst>
                <a:ext uri="{FF2B5EF4-FFF2-40B4-BE49-F238E27FC236}">
                  <a16:creationId xmlns:a16="http://schemas.microsoft.com/office/drawing/2014/main" id="{2A927CD7-0C2A-4EF8-8D4B-E465C84CEF5C}"/>
                </a:ext>
              </a:extLst>
            </p:cNvPr>
            <p:cNvCxnSpPr/>
            <p:nvPr>
              <p:custDataLst>
                <p:tags r:id="rId15"/>
              </p:custDataLst>
            </p:nvPr>
          </p:nvCxnSpPr>
          <p:spPr>
            <a:xfrm>
              <a:off x="7175157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4" name="OTLSHAPE_TB_00000000000000000000000000000000_TimescaleInterval6">
              <a:extLst>
                <a:ext uri="{FF2B5EF4-FFF2-40B4-BE49-F238E27FC236}">
                  <a16:creationId xmlns:a16="http://schemas.microsoft.com/office/drawing/2014/main" id="{8BC831EE-8C53-4F72-86CF-23A70E876D15}"/>
                </a:ext>
              </a:extLst>
            </p:cNvPr>
            <p:cNvSpPr txBox="1"/>
            <p:nvPr>
              <p:custDataLst>
                <p:tags r:id="rId16"/>
              </p:custDataLst>
            </p:nvPr>
          </p:nvSpPr>
          <p:spPr>
            <a:xfrm>
              <a:off x="7238657" y="3776698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4</a:t>
              </a:r>
            </a:p>
          </p:txBody>
        </p:sp>
        <p:cxnSp>
          <p:nvCxnSpPr>
            <p:cNvPr id="45" name="OTLSHAPE_TB_00000000000000000000000000000000_Separator6">
              <a:extLst>
                <a:ext uri="{FF2B5EF4-FFF2-40B4-BE49-F238E27FC236}">
                  <a16:creationId xmlns:a16="http://schemas.microsoft.com/office/drawing/2014/main" id="{23122463-8277-4EB4-806B-20EA24A67F4D}"/>
                </a:ext>
              </a:extLst>
            </p:cNvPr>
            <p:cNvCxnSpPr/>
            <p:nvPr>
              <p:custDataLst>
                <p:tags r:id="rId17"/>
              </p:custDataLst>
            </p:nvPr>
          </p:nvCxnSpPr>
          <p:spPr>
            <a:xfrm>
              <a:off x="7887644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6" name="OTLSHAPE_TB_00000000000000000000000000000000_TimescaleInterval7">
              <a:extLst>
                <a:ext uri="{FF2B5EF4-FFF2-40B4-BE49-F238E27FC236}">
                  <a16:creationId xmlns:a16="http://schemas.microsoft.com/office/drawing/2014/main" id="{3F4307B7-C03A-413D-9C35-8061B27D62B2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7951144" y="3776698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5</a:t>
              </a:r>
            </a:p>
          </p:txBody>
        </p:sp>
        <p:cxnSp>
          <p:nvCxnSpPr>
            <p:cNvPr id="47" name="OTLSHAPE_TB_00000000000000000000000000000000_Separator7">
              <a:extLst>
                <a:ext uri="{FF2B5EF4-FFF2-40B4-BE49-F238E27FC236}">
                  <a16:creationId xmlns:a16="http://schemas.microsoft.com/office/drawing/2014/main" id="{9113967B-230F-4FA2-B4F4-94D336595CB3}"/>
                </a:ext>
              </a:extLst>
            </p:cNvPr>
            <p:cNvCxnSpPr/>
            <p:nvPr>
              <p:custDataLst>
                <p:tags r:id="rId19"/>
              </p:custDataLst>
            </p:nvPr>
          </p:nvCxnSpPr>
          <p:spPr>
            <a:xfrm>
              <a:off x="8600131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48" name="OTLSHAPE_TB_00000000000000000000000000000000_TimescaleInterval8">
              <a:extLst>
                <a:ext uri="{FF2B5EF4-FFF2-40B4-BE49-F238E27FC236}">
                  <a16:creationId xmlns:a16="http://schemas.microsoft.com/office/drawing/2014/main" id="{642446A7-634B-46C1-9D6C-7158EDF11C94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8663631" y="3776698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6</a:t>
              </a:r>
            </a:p>
          </p:txBody>
        </p:sp>
        <p:cxnSp>
          <p:nvCxnSpPr>
            <p:cNvPr id="49" name="OTLSHAPE_TB_00000000000000000000000000000000_Separator8">
              <a:extLst>
                <a:ext uri="{FF2B5EF4-FFF2-40B4-BE49-F238E27FC236}">
                  <a16:creationId xmlns:a16="http://schemas.microsoft.com/office/drawing/2014/main" id="{653F7BC9-ABF7-4CF9-A5BC-A84B693914F9}"/>
                </a:ext>
              </a:extLst>
            </p:cNvPr>
            <p:cNvCxnSpPr/>
            <p:nvPr>
              <p:custDataLst>
                <p:tags r:id="rId21"/>
              </p:custDataLst>
            </p:nvPr>
          </p:nvCxnSpPr>
          <p:spPr>
            <a:xfrm>
              <a:off x="9312618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0" name="OTLSHAPE_TB_00000000000000000000000000000000_TimescaleInterval9">
              <a:extLst>
                <a:ext uri="{FF2B5EF4-FFF2-40B4-BE49-F238E27FC236}">
                  <a16:creationId xmlns:a16="http://schemas.microsoft.com/office/drawing/2014/main" id="{1BBBB9C5-489D-4782-B0A9-B47A6EFACBD3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9376118" y="3776698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7</a:t>
              </a:r>
            </a:p>
          </p:txBody>
        </p:sp>
        <p:cxnSp>
          <p:nvCxnSpPr>
            <p:cNvPr id="51" name="OTLSHAPE_TB_00000000000000000000000000000000_Separator9">
              <a:extLst>
                <a:ext uri="{FF2B5EF4-FFF2-40B4-BE49-F238E27FC236}">
                  <a16:creationId xmlns:a16="http://schemas.microsoft.com/office/drawing/2014/main" id="{BC1FEAE7-A76C-4AA3-9F9F-E6CC8249B7D5}"/>
                </a:ext>
              </a:extLst>
            </p:cNvPr>
            <p:cNvCxnSpPr/>
            <p:nvPr>
              <p:custDataLst>
                <p:tags r:id="rId23"/>
              </p:custDataLst>
            </p:nvPr>
          </p:nvCxnSpPr>
          <p:spPr>
            <a:xfrm>
              <a:off x="10025105" y="3742725"/>
              <a:ext cx="0" cy="254000"/>
            </a:xfrm>
            <a:prstGeom prst="line">
              <a:avLst/>
            </a:prstGeom>
            <a:noFill/>
            <a:ln w="6350" cap="flat" cmpd="sng" algn="ctr">
              <a:solidFill>
                <a:sysClr val="window" lastClr="FFFFFF">
                  <a:alpha val="29804"/>
                </a:sysClr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52" name="OTLSHAPE_TB_00000000000000000000000000000000_TimescaleInterval10">
              <a:extLst>
                <a:ext uri="{FF2B5EF4-FFF2-40B4-BE49-F238E27FC236}">
                  <a16:creationId xmlns:a16="http://schemas.microsoft.com/office/drawing/2014/main" id="{E1C18B18-7344-44F4-B760-EF8C4711AADC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10088606" y="3776698"/>
              <a:ext cx="150939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0" cap="none" spc="-26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53" name="OTLSHAPE_M_9dd8ed9b66fc40c7b9eaa6cd4eb05791_Title">
              <a:extLst>
                <a:ext uri="{FF2B5EF4-FFF2-40B4-BE49-F238E27FC236}">
                  <a16:creationId xmlns:a16="http://schemas.microsoft.com/office/drawing/2014/main" id="{113D7583-45BB-4311-BDF9-51E68105EF1B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4400927" y="2895248"/>
              <a:ext cx="1508890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ak Street Chiller Plant EPC #2 Project Begins</a:t>
              </a:r>
            </a:p>
          </p:txBody>
        </p:sp>
        <p:sp>
          <p:nvSpPr>
            <p:cNvPr id="54" name="OTLSHAPE_M_9dd8ed9b66fc40c7b9eaa6cd4eb05791_Date">
              <a:extLst>
                <a:ext uri="{FF2B5EF4-FFF2-40B4-BE49-F238E27FC236}">
                  <a16:creationId xmlns:a16="http://schemas.microsoft.com/office/drawing/2014/main" id="{02DB04E0-2961-4E44-894B-C99F9D1CABA4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3536311" y="2669633"/>
              <a:ext cx="438446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anuary</a:t>
              </a:r>
            </a:p>
          </p:txBody>
        </p:sp>
        <p:sp>
          <p:nvSpPr>
            <p:cNvPr id="55" name="OTLSHAPE_M_9dd8ed9b66fc40c7b9eaa6cd4eb05791_Shape">
              <a:extLst>
                <a:ext uri="{FF2B5EF4-FFF2-40B4-BE49-F238E27FC236}">
                  <a16:creationId xmlns:a16="http://schemas.microsoft.com/office/drawing/2014/main" id="{94B75CF3-E56B-4C3E-A581-1CC0276DAE80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>
              <a:off x="3651098" y="3488725"/>
              <a:ext cx="228600" cy="254000"/>
            </a:xfrm>
            <a:prstGeom prst="star8">
              <a:avLst/>
            </a:prstGeom>
            <a:solidFill>
              <a:srgbClr val="00B050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6" name="OTLSHAPE_M_683ca16ec00d46a181a7b06be6420d7d_Shape">
              <a:extLst>
                <a:ext uri="{FF2B5EF4-FFF2-40B4-BE49-F238E27FC236}">
                  <a16:creationId xmlns:a16="http://schemas.microsoft.com/office/drawing/2014/main" id="{84320883-E429-4D02-A970-CAF42137776F}"/>
                </a:ext>
              </a:extLst>
            </p:cNvPr>
            <p:cNvSpPr/>
            <p:nvPr>
              <p:custDataLst>
                <p:tags r:id="rId28"/>
              </p:custDataLst>
            </p:nvPr>
          </p:nvSpPr>
          <p:spPr>
            <a:xfrm flipV="1">
              <a:off x="6533510" y="3488725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7" name="OTLSHAPE_M_683ca16ec00d46a181a7b06be6420d7d_Date">
              <a:extLst>
                <a:ext uri="{FF2B5EF4-FFF2-40B4-BE49-F238E27FC236}">
                  <a16:creationId xmlns:a16="http://schemas.microsoft.com/office/drawing/2014/main" id="{1DA97CBF-2465-4BC9-8785-2159F10929C5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5081901" y="3230260"/>
              <a:ext cx="355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ay</a:t>
              </a:r>
            </a:p>
          </p:txBody>
        </p:sp>
        <p:sp>
          <p:nvSpPr>
            <p:cNvPr id="58" name="OTLSHAPE_M_683ca16ec00d46a181a7b06be6420d7d_Shape">
              <a:extLst>
                <a:ext uri="{FF2B5EF4-FFF2-40B4-BE49-F238E27FC236}">
                  <a16:creationId xmlns:a16="http://schemas.microsoft.com/office/drawing/2014/main" id="{FAFE312B-7BCE-4EA6-8E54-927CC2440773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flipV="1">
              <a:off x="5162592" y="3487753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" name="OTLSHAPE_M_9dd8ed9b66fc40c7b9eaa6cd4eb05791_Title">
              <a:extLst>
                <a:ext uri="{FF2B5EF4-FFF2-40B4-BE49-F238E27FC236}">
                  <a16:creationId xmlns:a16="http://schemas.microsoft.com/office/drawing/2014/main" id="{09618F8D-6345-42B4-92CE-7BCC544AFF1F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5516965" y="1883462"/>
              <a:ext cx="2273288" cy="52402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Vet Med EPC #1 &amp; Oak Street Chiller Plant EPC #2 Projects Complete</a:t>
              </a:r>
            </a:p>
          </p:txBody>
        </p:sp>
        <p:sp>
          <p:nvSpPr>
            <p:cNvPr id="60" name="OTLSHAPE_M_683ca16ec00d46a181a7b06be6420d7d_Date">
              <a:extLst>
                <a:ext uri="{FF2B5EF4-FFF2-40B4-BE49-F238E27FC236}">
                  <a16:creationId xmlns:a16="http://schemas.microsoft.com/office/drawing/2014/main" id="{BBBB0587-55D0-462B-BDA0-720312A7AC9E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6463687" y="2340956"/>
              <a:ext cx="355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pril</a:t>
              </a:r>
            </a:p>
          </p:txBody>
        </p:sp>
        <p:cxnSp>
          <p:nvCxnSpPr>
            <p:cNvPr id="61" name="OTLSHAPE_M_9dd8ed9b66fc40c7b9eaa6cd4eb05791_Connector1">
              <a:extLst>
                <a:ext uri="{FF2B5EF4-FFF2-40B4-BE49-F238E27FC236}">
                  <a16:creationId xmlns:a16="http://schemas.microsoft.com/office/drawing/2014/main" id="{74199993-7402-497E-A823-634BE3A7CBEB}"/>
                </a:ext>
              </a:extLst>
            </p:cNvPr>
            <p:cNvCxnSpPr/>
            <p:nvPr>
              <p:custDataLst>
                <p:tags r:id="rId33"/>
              </p:custDataLst>
            </p:nvPr>
          </p:nvCxnSpPr>
          <p:spPr>
            <a:xfrm>
              <a:off x="7405247" y="3411850"/>
              <a:ext cx="0" cy="225909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62" name="OTLSHAPE_M_683ca16ec00d46a181a7b06be6420d7d_Shape">
              <a:extLst>
                <a:ext uri="{FF2B5EF4-FFF2-40B4-BE49-F238E27FC236}">
                  <a16:creationId xmlns:a16="http://schemas.microsoft.com/office/drawing/2014/main" id="{03AAD732-A1C4-4521-856B-FAD2274D69A0}"/>
                </a:ext>
              </a:extLst>
            </p:cNvPr>
            <p:cNvSpPr/>
            <p:nvPr>
              <p:custDataLst>
                <p:tags r:id="rId34"/>
              </p:custDataLst>
            </p:nvPr>
          </p:nvSpPr>
          <p:spPr>
            <a:xfrm flipV="1">
              <a:off x="7297270" y="3486709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OTLSHAPE_M_9dd8ed9b66fc40c7b9eaa6cd4eb05791_Title">
              <a:extLst>
                <a:ext uri="{FF2B5EF4-FFF2-40B4-BE49-F238E27FC236}">
                  <a16:creationId xmlns:a16="http://schemas.microsoft.com/office/drawing/2014/main" id="{ACB9D49C-B60D-486D-A4F8-585A415AD610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6618713" y="2907480"/>
              <a:ext cx="1508890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College of Engineering EPC #3 Project Begins</a:t>
              </a:r>
            </a:p>
          </p:txBody>
        </p:sp>
        <p:sp>
          <p:nvSpPr>
            <p:cNvPr id="64" name="OTLSHAPE_M_683ca16ec00d46a181a7b06be6420d7d_Date">
              <a:extLst>
                <a:ext uri="{FF2B5EF4-FFF2-40B4-BE49-F238E27FC236}">
                  <a16:creationId xmlns:a16="http://schemas.microsoft.com/office/drawing/2014/main" id="{D73743F0-AFD5-44E3-92A0-008792391DC9}"/>
                </a:ext>
              </a:extLst>
            </p:cNvPr>
            <p:cNvSpPr txBox="1"/>
            <p:nvPr>
              <p:custDataLst>
                <p:tags r:id="rId36"/>
              </p:custDataLst>
            </p:nvPr>
          </p:nvSpPr>
          <p:spPr>
            <a:xfrm>
              <a:off x="7149346" y="3235336"/>
              <a:ext cx="532273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February</a:t>
              </a:r>
            </a:p>
          </p:txBody>
        </p:sp>
        <p:cxnSp>
          <p:nvCxnSpPr>
            <p:cNvPr id="65" name="OTLSHAPE_M_9dd8ed9b66fc40c7b9eaa6cd4eb05791_Connector1">
              <a:extLst>
                <a:ext uri="{FF2B5EF4-FFF2-40B4-BE49-F238E27FC236}">
                  <a16:creationId xmlns:a16="http://schemas.microsoft.com/office/drawing/2014/main" id="{8688C3BF-76E6-4F91-AC51-195C75E2720E}"/>
                </a:ext>
              </a:extLst>
            </p:cNvPr>
            <p:cNvCxnSpPr/>
            <p:nvPr>
              <p:custDataLst>
                <p:tags r:id="rId37"/>
              </p:custDataLst>
            </p:nvPr>
          </p:nvCxnSpPr>
          <p:spPr>
            <a:xfrm>
              <a:off x="8272609" y="2882250"/>
              <a:ext cx="0" cy="764886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66" name="OTLSHAPE_M_683ca16ec00d46a181a7b06be6420d7d_Shape">
              <a:extLst>
                <a:ext uri="{FF2B5EF4-FFF2-40B4-BE49-F238E27FC236}">
                  <a16:creationId xmlns:a16="http://schemas.microsoft.com/office/drawing/2014/main" id="{D55EF123-C382-4D4E-8F59-703771E495DA}"/>
                </a:ext>
              </a:extLst>
            </p:cNvPr>
            <p:cNvSpPr/>
            <p:nvPr>
              <p:custDataLst>
                <p:tags r:id="rId38"/>
              </p:custDataLst>
            </p:nvPr>
          </p:nvSpPr>
          <p:spPr>
            <a:xfrm flipV="1">
              <a:off x="8164632" y="3496086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7" name="OTLSHAPE_M_9dd8ed9b66fc40c7b9eaa6cd4eb05791_Title">
              <a:extLst>
                <a:ext uri="{FF2B5EF4-FFF2-40B4-BE49-F238E27FC236}">
                  <a16:creationId xmlns:a16="http://schemas.microsoft.com/office/drawing/2014/main" id="{02AB19D8-BBBB-4923-82FA-E5A141C0D340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7632357" y="2341491"/>
              <a:ext cx="1272752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bbott Power Plant EPC #4 Project Begins</a:t>
              </a:r>
            </a:p>
          </p:txBody>
        </p:sp>
        <p:sp>
          <p:nvSpPr>
            <p:cNvPr id="87" name="OTLSHAPE_M_683ca16ec00d46a181a7b06be6420d7d_Date">
              <a:extLst>
                <a:ext uri="{FF2B5EF4-FFF2-40B4-BE49-F238E27FC236}">
                  <a16:creationId xmlns:a16="http://schemas.microsoft.com/office/drawing/2014/main" id="{80376646-E7D1-478B-8E68-35C37F151474}"/>
                </a:ext>
              </a:extLst>
            </p:cNvPr>
            <p:cNvSpPr txBox="1"/>
            <p:nvPr>
              <p:custDataLst>
                <p:tags r:id="rId40"/>
              </p:custDataLst>
            </p:nvPr>
          </p:nvSpPr>
          <p:spPr>
            <a:xfrm>
              <a:off x="8094809" y="2691378"/>
              <a:ext cx="355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e</a:t>
              </a:r>
            </a:p>
          </p:txBody>
        </p:sp>
        <p:cxnSp>
          <p:nvCxnSpPr>
            <p:cNvPr id="88" name="OTLSHAPE_M_9dd8ed9b66fc40c7b9eaa6cd4eb05791_Connector1">
              <a:extLst>
                <a:ext uri="{FF2B5EF4-FFF2-40B4-BE49-F238E27FC236}">
                  <a16:creationId xmlns:a16="http://schemas.microsoft.com/office/drawing/2014/main" id="{27013CBF-ADEC-4B93-A957-93E2D88F2390}"/>
                </a:ext>
              </a:extLst>
            </p:cNvPr>
            <p:cNvCxnSpPr/>
            <p:nvPr>
              <p:custDataLst>
                <p:tags r:id="rId41"/>
              </p:custDataLst>
            </p:nvPr>
          </p:nvCxnSpPr>
          <p:spPr>
            <a:xfrm>
              <a:off x="8798845" y="3410088"/>
              <a:ext cx="0" cy="225909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89" name="OTLSHAPE_M_683ca16ec00d46a181a7b06be6420d7d_Shape">
              <a:extLst>
                <a:ext uri="{FF2B5EF4-FFF2-40B4-BE49-F238E27FC236}">
                  <a16:creationId xmlns:a16="http://schemas.microsoft.com/office/drawing/2014/main" id="{35D09A60-DE7A-439A-8DD9-1DAA474FFCE9}"/>
                </a:ext>
              </a:extLst>
            </p:cNvPr>
            <p:cNvSpPr/>
            <p:nvPr>
              <p:custDataLst>
                <p:tags r:id="rId42"/>
              </p:custDataLst>
            </p:nvPr>
          </p:nvSpPr>
          <p:spPr>
            <a:xfrm flipV="1">
              <a:off x="8690868" y="3484947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0" name="OTLSHAPE_M_9dd8ed9b66fc40c7b9eaa6cd4eb05791_Title">
              <a:extLst>
                <a:ext uri="{FF2B5EF4-FFF2-40B4-BE49-F238E27FC236}">
                  <a16:creationId xmlns:a16="http://schemas.microsoft.com/office/drawing/2014/main" id="{A7912532-D19F-498B-BAE6-30ABA448490C}"/>
                </a:ext>
              </a:extLst>
            </p:cNvPr>
            <p:cNvSpPr txBox="1"/>
            <p:nvPr>
              <p:custDataLst>
                <p:tags r:id="rId43"/>
              </p:custDataLst>
            </p:nvPr>
          </p:nvSpPr>
          <p:spPr>
            <a:xfrm>
              <a:off x="8351933" y="2905718"/>
              <a:ext cx="1109224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Laboratory EPC #5 Project Begins</a:t>
              </a:r>
            </a:p>
          </p:txBody>
        </p:sp>
        <p:sp>
          <p:nvSpPr>
            <p:cNvPr id="91" name="OTLSHAPE_M_683ca16ec00d46a181a7b06be6420d7d_Date">
              <a:extLst>
                <a:ext uri="{FF2B5EF4-FFF2-40B4-BE49-F238E27FC236}">
                  <a16:creationId xmlns:a16="http://schemas.microsoft.com/office/drawing/2014/main" id="{BC035EB5-D4DB-41DA-8302-EC54A38945BB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8542944" y="3233574"/>
              <a:ext cx="532273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anuary</a:t>
              </a:r>
            </a:p>
          </p:txBody>
        </p:sp>
        <p:cxnSp>
          <p:nvCxnSpPr>
            <p:cNvPr id="92" name="OTLSHAPE_M_9dd8ed9b66fc40c7b9eaa6cd4eb05791_Connector1">
              <a:extLst>
                <a:ext uri="{FF2B5EF4-FFF2-40B4-BE49-F238E27FC236}">
                  <a16:creationId xmlns:a16="http://schemas.microsoft.com/office/drawing/2014/main" id="{50885A89-1959-4471-BF6B-EBAA6BB71876}"/>
                </a:ext>
              </a:extLst>
            </p:cNvPr>
            <p:cNvCxnSpPr/>
            <p:nvPr>
              <p:custDataLst>
                <p:tags r:id="rId45"/>
              </p:custDataLst>
            </p:nvPr>
          </p:nvCxnSpPr>
          <p:spPr>
            <a:xfrm>
              <a:off x="5979364" y="2846403"/>
              <a:ext cx="0" cy="795694"/>
            </a:xfrm>
            <a:prstGeom prst="line">
              <a:avLst/>
            </a:prstGeom>
            <a:noFill/>
            <a:ln w="9525" cap="flat" cmpd="sng" algn="ctr">
              <a:solidFill>
                <a:srgbClr val="00800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3" name="OTLSHAPE_M_683ca16ec00d46a181a7b06be6420d7d_Date">
              <a:extLst>
                <a:ext uri="{FF2B5EF4-FFF2-40B4-BE49-F238E27FC236}">
                  <a16:creationId xmlns:a16="http://schemas.microsoft.com/office/drawing/2014/main" id="{4027FFFA-E370-4A41-AA54-D31A055FE580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5801564" y="2666914"/>
              <a:ext cx="355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800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March</a:t>
              </a:r>
            </a:p>
          </p:txBody>
        </p:sp>
        <p:sp>
          <p:nvSpPr>
            <p:cNvPr id="94" name="OTLSHAPE_M_683ca16ec00d46a181a7b06be6420d7d_Shape">
              <a:extLst>
                <a:ext uri="{FF2B5EF4-FFF2-40B4-BE49-F238E27FC236}">
                  <a16:creationId xmlns:a16="http://schemas.microsoft.com/office/drawing/2014/main" id="{129738CD-41B7-4B97-B3CD-34FB269DCBDE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 flipV="1">
              <a:off x="5882255" y="3488725"/>
              <a:ext cx="228600" cy="254000"/>
            </a:xfrm>
            <a:prstGeom prst="triangle">
              <a:avLst/>
            </a:prstGeom>
            <a:solidFill>
              <a:srgbClr val="008000"/>
            </a:solidFill>
            <a:ln w="12700" cap="flat" cmpd="sng" algn="ctr">
              <a:solidFill>
                <a:srgbClr val="00800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5" name="OTLSHAPE_M_9dd8ed9b66fc40c7b9eaa6cd4eb05791_Title">
              <a:extLst>
                <a:ext uri="{FF2B5EF4-FFF2-40B4-BE49-F238E27FC236}">
                  <a16:creationId xmlns:a16="http://schemas.microsoft.com/office/drawing/2014/main" id="{C29706FC-27EE-46CF-830B-45F34D86ABA6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5213808" y="2448634"/>
              <a:ext cx="1508890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>
                      <a:lumMod val="7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UIC EPC Project</a:t>
              </a:r>
            </a:p>
          </p:txBody>
        </p:sp>
        <p:cxnSp>
          <p:nvCxnSpPr>
            <p:cNvPr id="96" name="OTLSHAPE_M_9dd8ed9b66fc40c7b9eaa6cd4eb05791_Connector1">
              <a:extLst>
                <a:ext uri="{FF2B5EF4-FFF2-40B4-BE49-F238E27FC236}">
                  <a16:creationId xmlns:a16="http://schemas.microsoft.com/office/drawing/2014/main" id="{4E547004-AF51-4810-A5A0-EB217479D796}"/>
                </a:ext>
              </a:extLst>
            </p:cNvPr>
            <p:cNvCxnSpPr/>
            <p:nvPr>
              <p:custDataLst>
                <p:tags r:id="rId49"/>
              </p:custDataLst>
            </p:nvPr>
          </p:nvCxnSpPr>
          <p:spPr>
            <a:xfrm>
              <a:off x="4224128" y="2505903"/>
              <a:ext cx="0" cy="1129075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97" name="OTLSHAPE_M_683ca16ec00d46a181a7b06be6420d7d_Shape">
              <a:extLst>
                <a:ext uri="{FF2B5EF4-FFF2-40B4-BE49-F238E27FC236}">
                  <a16:creationId xmlns:a16="http://schemas.microsoft.com/office/drawing/2014/main" id="{0C3EE428-B63C-4A04-9B3E-3134D370EBB8}"/>
                </a:ext>
              </a:extLst>
            </p:cNvPr>
            <p:cNvSpPr/>
            <p:nvPr>
              <p:custDataLst>
                <p:tags r:id="rId50"/>
              </p:custDataLst>
            </p:nvPr>
          </p:nvSpPr>
          <p:spPr>
            <a:xfrm flipV="1">
              <a:off x="4116151" y="3483928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98" name="OTLSHAPE_M_9dd8ed9b66fc40c7b9eaa6cd4eb05791_Title">
              <a:extLst>
                <a:ext uri="{FF2B5EF4-FFF2-40B4-BE49-F238E27FC236}">
                  <a16:creationId xmlns:a16="http://schemas.microsoft.com/office/drawing/2014/main" id="{9E631289-BB0B-47E9-BB59-E97BD677F50B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3788790" y="1991987"/>
              <a:ext cx="1089702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Vet Med EPC #1 Project Begins</a:t>
              </a:r>
            </a:p>
          </p:txBody>
        </p:sp>
        <p:sp>
          <p:nvSpPr>
            <p:cNvPr id="99" name="OTLSHAPE_M_683ca16ec00d46a181a7b06be6420d7d_Date">
              <a:extLst>
                <a:ext uri="{FF2B5EF4-FFF2-40B4-BE49-F238E27FC236}">
                  <a16:creationId xmlns:a16="http://schemas.microsoft.com/office/drawing/2014/main" id="{51B2FFBC-CCFE-4729-A66F-A2249FFC8C8F}"/>
                </a:ext>
              </a:extLst>
            </p:cNvPr>
            <p:cNvSpPr txBox="1"/>
            <p:nvPr>
              <p:custDataLst>
                <p:tags r:id="rId52"/>
              </p:custDataLst>
            </p:nvPr>
          </p:nvSpPr>
          <p:spPr>
            <a:xfrm>
              <a:off x="3984077" y="2336727"/>
              <a:ext cx="480102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October</a:t>
              </a:r>
            </a:p>
          </p:txBody>
        </p:sp>
        <p:cxnSp>
          <p:nvCxnSpPr>
            <p:cNvPr id="100" name="OTLSHAPE_M_9dd8ed9b66fc40c7b9eaa6cd4eb05791_Connector1">
              <a:extLst>
                <a:ext uri="{FF2B5EF4-FFF2-40B4-BE49-F238E27FC236}">
                  <a16:creationId xmlns:a16="http://schemas.microsoft.com/office/drawing/2014/main" id="{B1D5C029-BE2E-480E-A9F8-EE1BE9436266}"/>
                </a:ext>
              </a:extLst>
            </p:cNvPr>
            <p:cNvCxnSpPr/>
            <p:nvPr>
              <p:custDataLst>
                <p:tags r:id="rId53"/>
              </p:custDataLst>
            </p:nvPr>
          </p:nvCxnSpPr>
          <p:spPr>
            <a:xfrm>
              <a:off x="9643462" y="2877486"/>
              <a:ext cx="0" cy="764886"/>
            </a:xfrm>
            <a:prstGeom prst="line">
              <a:avLst/>
            </a:prstGeom>
            <a:noFill/>
            <a:ln w="9525" cap="flat" cmpd="sng" algn="ctr">
              <a:solidFill>
                <a:srgbClr val="00B050"/>
              </a:solidFill>
              <a:prstDash val="solid"/>
              <a:miter lim="800000"/>
              <a:headEnd type="none" w="med" len="med"/>
              <a:tailEnd type="none" w="med" len="med"/>
            </a:ln>
            <a:effectLst/>
          </p:spPr>
        </p:cxnSp>
        <p:sp>
          <p:nvSpPr>
            <p:cNvPr id="101" name="OTLSHAPE_M_683ca16ec00d46a181a7b06be6420d7d_Shape">
              <a:extLst>
                <a:ext uri="{FF2B5EF4-FFF2-40B4-BE49-F238E27FC236}">
                  <a16:creationId xmlns:a16="http://schemas.microsoft.com/office/drawing/2014/main" id="{9611A9E7-E5C1-4112-90E0-77B2214BE410}"/>
                </a:ext>
              </a:extLst>
            </p:cNvPr>
            <p:cNvSpPr/>
            <p:nvPr>
              <p:custDataLst>
                <p:tags r:id="rId54"/>
              </p:custDataLst>
            </p:nvPr>
          </p:nvSpPr>
          <p:spPr>
            <a:xfrm flipV="1">
              <a:off x="9535485" y="3491322"/>
              <a:ext cx="228600" cy="254000"/>
            </a:xfrm>
            <a:prstGeom prst="triangle">
              <a:avLst/>
            </a:prstGeom>
            <a:solidFill>
              <a:srgbClr val="00B050"/>
            </a:solidFill>
            <a:ln w="12700" cap="flat" cmpd="sng" algn="ctr">
              <a:solidFill>
                <a:srgbClr val="00B050"/>
              </a:solidFill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02" name="OTLSHAPE_M_9dd8ed9b66fc40c7b9eaa6cd4eb05791_Title">
              <a:extLst>
                <a:ext uri="{FF2B5EF4-FFF2-40B4-BE49-F238E27FC236}">
                  <a16:creationId xmlns:a16="http://schemas.microsoft.com/office/drawing/2014/main" id="{051D07B8-AD42-4CDE-87A5-B8EC60FB9C37}"/>
                </a:ext>
              </a:extLst>
            </p:cNvPr>
            <p:cNvSpPr txBox="1"/>
            <p:nvPr>
              <p:custDataLst>
                <p:tags r:id="rId55"/>
              </p:custDataLst>
            </p:nvPr>
          </p:nvSpPr>
          <p:spPr>
            <a:xfrm>
              <a:off x="8940686" y="2336727"/>
              <a:ext cx="1397800" cy="3202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Abbott Power Plant EPC #4 Project Complete</a:t>
              </a:r>
            </a:p>
          </p:txBody>
        </p:sp>
        <p:sp>
          <p:nvSpPr>
            <p:cNvPr id="103" name="OTLSHAPE_M_683ca16ec00d46a181a7b06be6420d7d_Date">
              <a:extLst>
                <a:ext uri="{FF2B5EF4-FFF2-40B4-BE49-F238E27FC236}">
                  <a16:creationId xmlns:a16="http://schemas.microsoft.com/office/drawing/2014/main" id="{91C86D93-A02B-46BC-AA21-80F33B9D3DAE}"/>
                </a:ext>
              </a:extLst>
            </p:cNvPr>
            <p:cNvSpPr txBox="1"/>
            <p:nvPr>
              <p:custDataLst>
                <p:tags r:id="rId56"/>
              </p:custDataLst>
            </p:nvPr>
          </p:nvSpPr>
          <p:spPr>
            <a:xfrm>
              <a:off x="9465662" y="2686614"/>
              <a:ext cx="355600" cy="15502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0" cap="none" spc="-6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</a:rPr>
                <a:t>June</a:t>
              </a:r>
            </a:p>
          </p:txBody>
        </p:sp>
      </p:grpSp>
      <p:sp>
        <p:nvSpPr>
          <p:cNvPr id="68" name="TextBox 67">
            <a:extLst>
              <a:ext uri="{FF2B5EF4-FFF2-40B4-BE49-F238E27FC236}">
                <a16:creationId xmlns:a16="http://schemas.microsoft.com/office/drawing/2014/main" id="{9F781592-2582-4BFD-BEDF-29728F37A193}"/>
              </a:ext>
            </a:extLst>
          </p:cNvPr>
          <p:cNvSpPr txBox="1"/>
          <p:nvPr/>
        </p:nvSpPr>
        <p:spPr>
          <a:xfrm>
            <a:off x="6330844" y="1108468"/>
            <a:ext cx="4633797" cy="23391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>
                <a:solidFill>
                  <a:srgbClr val="009530"/>
                </a:solidFill>
              </a:rPr>
              <a:t>Total Contracted to Date: </a:t>
            </a:r>
            <a:r>
              <a:rPr lang="en-US" sz="2000" b="1" dirty="0">
                <a:solidFill>
                  <a:srgbClr val="009530"/>
                </a:solidFill>
              </a:rPr>
              <a:t>$75M</a:t>
            </a:r>
          </a:p>
          <a:p>
            <a:endParaRPr lang="en-US" b="1" dirty="0">
              <a:solidFill>
                <a:srgbClr val="009530"/>
              </a:solidFill>
            </a:endParaRPr>
          </a:p>
          <a:p>
            <a:r>
              <a:rPr lang="en-US" i="1" dirty="0">
                <a:solidFill>
                  <a:srgbClr val="009530"/>
                </a:solidFill>
              </a:rPr>
              <a:t>Completed/Active Project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College of Veterinary Medicin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Oak Street Chiller Pla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College of Engineering (5 Buildings)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bbott Power Plant</a:t>
            </a:r>
          </a:p>
          <a:p>
            <a:endParaRPr lang="en-US" b="1" dirty="0">
              <a:solidFill>
                <a:srgbClr val="00953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8865759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Energy Performance Contracting (EPC)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181883" y="684692"/>
            <a:ext cx="11825057" cy="5439271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828419"/>
            <a:ext cx="1086570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Program Result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nnual Dollar Reduction: Approximately $5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Total Dollar Reduction to Date: Approximately $18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Estimated Deferred Maintenance Backlog Reduction to Date: Approximately $40M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2484822" y="2028748"/>
            <a:ext cx="7219177" cy="3984232"/>
            <a:chOff x="4577407" y="2487827"/>
            <a:chExt cx="7219177" cy="3984232"/>
          </a:xfrm>
        </p:grpSpPr>
        <p:graphicFrame>
          <p:nvGraphicFramePr>
            <p:cNvPr id="9" name="Chart 8"/>
            <p:cNvGraphicFramePr>
              <a:graphicFrameLocks/>
            </p:cNvGraphicFramePr>
            <p:nvPr>
              <p:extLst/>
            </p:nvPr>
          </p:nvGraphicFramePr>
          <p:xfrm>
            <a:off x="4577407" y="2487827"/>
            <a:ext cx="7219177" cy="3984232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  <p:sp>
          <p:nvSpPr>
            <p:cNvPr id="10" name="TextBox 9"/>
            <p:cNvSpPr txBox="1"/>
            <p:nvPr/>
          </p:nvSpPr>
          <p:spPr>
            <a:xfrm rot="16200000">
              <a:off x="6015674" y="5132953"/>
              <a:ext cx="198127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dirty="0">
                  <a:solidFill>
                    <a:schemeClr val="bg1">
                      <a:lumMod val="50000"/>
                      <a:lumOff val="50000"/>
                    </a:schemeClr>
                  </a:solidFill>
                  <a:latin typeface="Arial Narrow" panose="020B0606020202030204" pitchFamily="34" charset="0"/>
                </a:rPr>
                <a:t>Construction</a:t>
              </a:r>
            </a:p>
          </p:txBody>
        </p:sp>
        <p:sp>
          <p:nvSpPr>
            <p:cNvPr id="11" name="TextBox 10"/>
            <p:cNvSpPr txBox="1"/>
            <p:nvPr/>
          </p:nvSpPr>
          <p:spPr>
            <a:xfrm rot="16200000">
              <a:off x="6637974" y="5132953"/>
              <a:ext cx="198127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dirty="0">
                  <a:solidFill>
                    <a:schemeClr val="bg1">
                      <a:lumMod val="50000"/>
                      <a:lumOff val="50000"/>
                    </a:schemeClr>
                  </a:solidFill>
                  <a:latin typeface="Arial Narrow" panose="020B0606020202030204" pitchFamily="34" charset="0"/>
                </a:rPr>
                <a:t>Construction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 rot="16200000">
              <a:off x="7260274" y="5132953"/>
              <a:ext cx="198127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dirty="0">
                  <a:solidFill>
                    <a:schemeClr val="bg1">
                      <a:lumMod val="50000"/>
                      <a:lumOff val="50000"/>
                    </a:schemeClr>
                  </a:solidFill>
                  <a:latin typeface="Arial Narrow" panose="020B0606020202030204" pitchFamily="34" charset="0"/>
                </a:rPr>
                <a:t>Construction</a:t>
              </a:r>
            </a:p>
          </p:txBody>
        </p:sp>
        <p:sp>
          <p:nvSpPr>
            <p:cNvPr id="13" name="TextBox 12"/>
            <p:cNvSpPr txBox="1"/>
            <p:nvPr/>
          </p:nvSpPr>
          <p:spPr>
            <a:xfrm>
              <a:off x="8709669" y="5322676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1</a:t>
              </a:r>
            </a:p>
          </p:txBody>
        </p:sp>
        <p:sp>
          <p:nvSpPr>
            <p:cNvPr id="15" name="TextBox 14"/>
            <p:cNvSpPr txBox="1"/>
            <p:nvPr/>
          </p:nvSpPr>
          <p:spPr>
            <a:xfrm>
              <a:off x="9277171" y="5322675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2</a:t>
              </a: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9901470" y="5322674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3</a:t>
              </a:r>
            </a:p>
          </p:txBody>
        </p:sp>
        <p:sp>
          <p:nvSpPr>
            <p:cNvPr id="18" name="TextBox 17"/>
            <p:cNvSpPr txBox="1"/>
            <p:nvPr/>
          </p:nvSpPr>
          <p:spPr>
            <a:xfrm>
              <a:off x="10573928" y="5322674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4</a:t>
              </a:r>
            </a:p>
          </p:txBody>
        </p:sp>
        <p:sp>
          <p:nvSpPr>
            <p:cNvPr id="20" name="TextBox 19"/>
            <p:cNvSpPr txBox="1"/>
            <p:nvPr/>
          </p:nvSpPr>
          <p:spPr>
            <a:xfrm>
              <a:off x="11166206" y="5322674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5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041208303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Energy Performance Contracting (EPC)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181883" y="684692"/>
            <a:ext cx="11825057" cy="5439271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828419"/>
            <a:ext cx="1086570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Program Result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nnual Dollar Reduction: Approximately $5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Total Dollar Reduction to Date: Approximately $18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Estimated Deferred Maintenance Backlog Reduction to Date: Approximately $40M</a:t>
            </a:r>
          </a:p>
        </p:txBody>
      </p:sp>
      <p:grpSp>
        <p:nvGrpSpPr>
          <p:cNvPr id="21" name="Group 20"/>
          <p:cNvGrpSpPr/>
          <p:nvPr/>
        </p:nvGrpSpPr>
        <p:grpSpPr>
          <a:xfrm>
            <a:off x="2493126" y="2028748"/>
            <a:ext cx="7202569" cy="4120772"/>
            <a:chOff x="220066" y="2737228"/>
            <a:chExt cx="7202569" cy="4120772"/>
          </a:xfrm>
        </p:grpSpPr>
        <p:graphicFrame>
          <p:nvGraphicFramePr>
            <p:cNvPr id="22" name="Chart 21"/>
            <p:cNvGraphicFramePr>
              <a:graphicFrameLocks/>
            </p:cNvGraphicFramePr>
            <p:nvPr>
              <p:extLst/>
            </p:nvPr>
          </p:nvGraphicFramePr>
          <p:xfrm>
            <a:off x="220066" y="2737228"/>
            <a:ext cx="7202569" cy="4120772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  <p:sp>
          <p:nvSpPr>
            <p:cNvPr id="23" name="TextBox 22"/>
            <p:cNvSpPr txBox="1"/>
            <p:nvPr/>
          </p:nvSpPr>
          <p:spPr>
            <a:xfrm rot="16200000">
              <a:off x="4149517" y="5392442"/>
              <a:ext cx="198127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dirty="0">
                  <a:solidFill>
                    <a:schemeClr val="bg1">
                      <a:lumMod val="50000"/>
                      <a:lumOff val="50000"/>
                    </a:schemeClr>
                  </a:solidFill>
                  <a:latin typeface="Arial Narrow" panose="020B0606020202030204" pitchFamily="34" charset="0"/>
                </a:rPr>
                <a:t>Construction</a:t>
              </a: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5611984" y="5576022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1</a:t>
              </a:r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6188142" y="5576021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2</a:t>
              </a: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6819676" y="5567782"/>
              <a:ext cx="400110" cy="76944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4400" dirty="0">
                  <a:solidFill>
                    <a:schemeClr val="accent2">
                      <a:lumMod val="75000"/>
                    </a:schemeClr>
                  </a:solidFill>
                  <a:latin typeface="Arial Narrow" panose="020B0606020202030204" pitchFamily="34" charset="0"/>
                  <a:cs typeface="Aharoni" panose="02010803020104030203" pitchFamily="2" charset="-79"/>
                </a:rPr>
                <a:t>3</a:t>
              </a:r>
            </a:p>
          </p:txBody>
        </p:sp>
        <p:sp>
          <p:nvSpPr>
            <p:cNvPr id="27" name="TextBox 26"/>
            <p:cNvSpPr txBox="1"/>
            <p:nvPr/>
          </p:nvSpPr>
          <p:spPr>
            <a:xfrm rot="16200000">
              <a:off x="2889210" y="5392443"/>
              <a:ext cx="198127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dirty="0">
                  <a:solidFill>
                    <a:schemeClr val="bg1">
                      <a:lumMod val="50000"/>
                      <a:lumOff val="50000"/>
                    </a:schemeClr>
                  </a:solidFill>
                  <a:latin typeface="Arial Narrow" panose="020B0606020202030204" pitchFamily="34" charset="0"/>
                </a:rPr>
                <a:t>Construction</a:t>
              </a:r>
            </a:p>
          </p:txBody>
        </p:sp>
        <p:sp>
          <p:nvSpPr>
            <p:cNvPr id="28" name="TextBox 27"/>
            <p:cNvSpPr txBox="1"/>
            <p:nvPr/>
          </p:nvSpPr>
          <p:spPr>
            <a:xfrm rot="16200000">
              <a:off x="3513968" y="5392442"/>
              <a:ext cx="1981276" cy="40011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000" dirty="0">
                  <a:solidFill>
                    <a:schemeClr val="bg1">
                      <a:lumMod val="50000"/>
                      <a:lumOff val="50000"/>
                    </a:schemeClr>
                  </a:solidFill>
                  <a:latin typeface="Arial Narrow" panose="020B0606020202030204" pitchFamily="34" charset="0"/>
                </a:rPr>
                <a:t>Construc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201259521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Energy Performance Contracting (EPC)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181883" y="684692"/>
            <a:ext cx="11825057" cy="5439271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828419"/>
            <a:ext cx="10865708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Program Result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nnual Dollar Reduction: Approximately $5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Total Dollar Reduction to Date: Approximately $18M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Estimated Deferred Maintenance Backlog Reduction to Date: Approximately $40M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1342293" y="2532088"/>
            <a:ext cx="4544157" cy="29338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i="1" dirty="0">
                <a:solidFill>
                  <a:srgbClr val="009530"/>
                </a:solidFill>
              </a:rPr>
              <a:t>Range of Scope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AHU Replacement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New BAS Control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Energy Recovery Strategie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Large Tonnage Chiller Install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Roof Replacements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Clean Room Install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Laboratory Controls Installation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rgbClr val="009530"/>
                </a:solidFill>
              </a:rPr>
              <a:t>Fume Hood Replacement</a:t>
            </a:r>
          </a:p>
          <a:p>
            <a:endParaRPr lang="en-US" dirty="0"/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5" cstate="print">
            <a:extLst>
              <a:ext uri="{BEBA8EAE-BF5A-486C-A8C5-ECC9F3942E4B}">
                <a14:imgProps xmlns:a14="http://schemas.microsoft.com/office/drawing/2010/main">
                  <a14:imgLayer r:embed="rId6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7907097" y="2847509"/>
            <a:ext cx="2873687" cy="2155265"/>
          </a:xfrm>
          <a:prstGeom prst="rect">
            <a:avLst/>
          </a:prstGeom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8401" y="4058187"/>
            <a:ext cx="1947672" cy="1303797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8" cstate="print">
            <a:extLst>
              <a:ext uri="{BEBA8EAE-BF5A-486C-A8C5-ECC9F3942E4B}">
                <a14:imgProps xmlns:a14="http://schemas.microsoft.com/office/drawing/2010/main">
                  <a14:imgLayer r:embed="rId9">
                    <a14:imgEffect>
                      <a14:saturation sat="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r="10745"/>
          <a:stretch/>
        </p:blipFill>
        <p:spPr>
          <a:xfrm>
            <a:off x="6198401" y="2488295"/>
            <a:ext cx="1950720" cy="14630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7747477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Energy Performance Contracting (EPC)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181883" y="684692"/>
            <a:ext cx="11825057" cy="5439271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5006998"/>
            <a:ext cx="1086570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009530"/>
                </a:solidFill>
              </a:rPr>
              <a:t>Project Goals</a:t>
            </a:r>
          </a:p>
        </p:txBody>
      </p:sp>
      <p:sp>
        <p:nvSpPr>
          <p:cNvPr id="23" name="TextBox 22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5390180"/>
            <a:ext cx="1086570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Reduce Utility Consumption	Reduce Deferred Maintenance	Less Than 20 Year Payback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811844"/>
            <a:ext cx="111760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b="1" dirty="0">
                <a:solidFill>
                  <a:srgbClr val="009530"/>
                </a:solidFill>
              </a:rPr>
              <a:t>Laboratory Facilities Project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1479905" y="1246834"/>
            <a:ext cx="35342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Chemical &amp; Life Sciences Lab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4322500" y="1246834"/>
            <a:ext cx="35342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Roger Adams Lab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7105900" y="1235670"/>
            <a:ext cx="353423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Beckman Institute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2060928" y="2927480"/>
            <a:ext cx="237218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Illinois Sustainable Technology Center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4927534" y="2927480"/>
            <a:ext cx="232416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Natural Resources Studies Annex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7658419" y="2916316"/>
            <a:ext cx="242919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rgbClr val="009530"/>
                </a:solidFill>
              </a:rPr>
              <a:t>Forbes Natural History Building</a:t>
            </a:r>
          </a:p>
        </p:txBody>
      </p:sp>
      <p:pic>
        <p:nvPicPr>
          <p:cNvPr id="1026" name="Picture 2" descr="Chem Life 2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45048" y="1570848"/>
            <a:ext cx="15240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1" name="Picture 30"/>
          <p:cNvPicPr/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12" r="6647"/>
          <a:stretch/>
        </p:blipFill>
        <p:spPr>
          <a:xfrm>
            <a:off x="2441873" y="3562647"/>
            <a:ext cx="1527175" cy="1143000"/>
          </a:xfrm>
          <a:prstGeom prst="rect">
            <a:avLst/>
          </a:prstGeom>
        </p:spPr>
      </p:pic>
      <p:pic>
        <p:nvPicPr>
          <p:cNvPr id="1027" name="Picture 3" descr="Beckman1"/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199" r="5006"/>
          <a:stretch/>
        </p:blipFill>
        <p:spPr bwMode="auto">
          <a:xfrm>
            <a:off x="8135915" y="1579192"/>
            <a:ext cx="1531142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32" name="Picture 31"/>
          <p:cNvPicPr/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624" r="10652"/>
          <a:stretch/>
        </p:blipFill>
        <p:spPr>
          <a:xfrm>
            <a:off x="5317331" y="3536724"/>
            <a:ext cx="1531144" cy="1143000"/>
          </a:xfrm>
          <a:prstGeom prst="rect">
            <a:avLst/>
          </a:prstGeom>
        </p:spPr>
      </p:pic>
      <p:pic>
        <p:nvPicPr>
          <p:cNvPr id="33" name="Picture 32"/>
          <p:cNvPicPr/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800" r="2732"/>
          <a:stretch/>
        </p:blipFill>
        <p:spPr>
          <a:xfrm>
            <a:off x="8135915" y="3548797"/>
            <a:ext cx="1526380" cy="1143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65" r="5367"/>
          <a:stretch/>
        </p:blipFill>
        <p:spPr>
          <a:xfrm>
            <a:off x="5317331" y="1579596"/>
            <a:ext cx="1531144" cy="1143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295658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96994" name="Rectangle 2"/>
          <p:cNvSpPr>
            <a:spLocks noGrp="1" noChangeArrowheads="1"/>
          </p:cNvSpPr>
          <p:nvPr>
            <p:ph type="title"/>
          </p:nvPr>
        </p:nvSpPr>
        <p:spPr>
          <a:xfrm>
            <a:off x="181884" y="76200"/>
            <a:ext cx="7069816" cy="721794"/>
          </a:xfrm>
        </p:spPr>
        <p:txBody>
          <a:bodyPr/>
          <a:lstStyle/>
          <a:p>
            <a:r>
              <a:rPr lang="en-US" sz="2800" dirty="0"/>
              <a:t>U16061 Project Goals</a:t>
            </a:r>
            <a:endParaRPr lang="en-US" sz="2800" dirty="0">
              <a:solidFill>
                <a:srgbClr val="B10043"/>
              </a:solidFill>
            </a:endParaRPr>
          </a:p>
        </p:txBody>
      </p:sp>
      <p:sp>
        <p:nvSpPr>
          <p:cNvPr id="14" name="Rounded Rectangle 13"/>
          <p:cNvSpPr/>
          <p:nvPr/>
        </p:nvSpPr>
        <p:spPr>
          <a:xfrm>
            <a:off x="181883" y="684692"/>
            <a:ext cx="11825057" cy="5439271"/>
          </a:xfrm>
          <a:prstGeom prst="roundRect">
            <a:avLst/>
          </a:prstGeom>
          <a:noFill/>
          <a:ln w="34925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0" descr="Logo_SE_Green_A4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10680700" y="150312"/>
            <a:ext cx="1220788" cy="361715"/>
          </a:xfrm>
          <a:prstGeom prst="rect">
            <a:avLst/>
          </a:prstGeom>
          <a:noFill/>
        </p:spPr>
      </p:pic>
      <p:pic>
        <p:nvPicPr>
          <p:cNvPr id="17" name="Picture 16">
            <a:extLst>
              <a:ext uri="{FF2B5EF4-FFF2-40B4-BE49-F238E27FC236}">
                <a16:creationId xmlns:a16="http://schemas.microsoft.com/office/drawing/2014/main" id="{D476802E-C679-4F8E-B1E5-327B8D131DB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98985" y="-51780"/>
            <a:ext cx="2791215" cy="736472"/>
          </a:xfrm>
          <a:prstGeom prst="rect">
            <a:avLst/>
          </a:prstGeom>
        </p:spPr>
      </p:pic>
      <p:sp>
        <p:nvSpPr>
          <p:cNvPr id="68" name="TextBox 67">
            <a:extLst>
              <a:ext uri="{FF2B5EF4-FFF2-40B4-BE49-F238E27FC236}">
                <a16:creationId xmlns:a16="http://schemas.microsoft.com/office/drawing/2014/main" id="{B3F12C28-4855-40C2-A6CE-121ACFAC06A9}"/>
              </a:ext>
            </a:extLst>
          </p:cNvPr>
          <p:cNvSpPr txBox="1"/>
          <p:nvPr/>
        </p:nvSpPr>
        <p:spPr>
          <a:xfrm>
            <a:off x="501586" y="1072801"/>
            <a:ext cx="10865708" cy="31393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009530"/>
                </a:solidFill>
              </a:rPr>
              <a:t>Utility Conservation</a:t>
            </a:r>
          </a:p>
          <a:p>
            <a:endParaRPr lang="en-US" dirty="0">
              <a:solidFill>
                <a:srgbClr val="009530"/>
              </a:solidFill>
            </a:endParaRPr>
          </a:p>
          <a:p>
            <a:r>
              <a:rPr lang="en-US" dirty="0">
                <a:solidFill>
                  <a:srgbClr val="009530"/>
                </a:solidFill>
              </a:rPr>
              <a:t>Reduction in Deferred Maintenance Backlog</a:t>
            </a:r>
          </a:p>
          <a:p>
            <a:endParaRPr lang="en-US" dirty="0">
              <a:solidFill>
                <a:srgbClr val="009530"/>
              </a:solidFill>
            </a:endParaRPr>
          </a:p>
          <a:p>
            <a:r>
              <a:rPr lang="en-US" dirty="0">
                <a:solidFill>
                  <a:srgbClr val="009530"/>
                </a:solidFill>
              </a:rPr>
              <a:t>20-year Payback or Less</a:t>
            </a:r>
          </a:p>
          <a:p>
            <a:endParaRPr lang="en-US" dirty="0">
              <a:solidFill>
                <a:srgbClr val="009530"/>
              </a:solidFill>
            </a:endParaRPr>
          </a:p>
          <a:p>
            <a:r>
              <a:rPr lang="en-US" dirty="0">
                <a:solidFill>
                  <a:srgbClr val="009530"/>
                </a:solidFill>
              </a:rPr>
              <a:t>Schneider Introduction</a:t>
            </a:r>
          </a:p>
          <a:p>
            <a:endParaRPr lang="en-US" dirty="0">
              <a:solidFill>
                <a:srgbClr val="009530"/>
              </a:solidFill>
            </a:endParaRPr>
          </a:p>
          <a:p>
            <a:r>
              <a:rPr lang="en-US" dirty="0">
                <a:solidFill>
                  <a:srgbClr val="009530"/>
                </a:solidFill>
              </a:rPr>
              <a:t>Selection Process</a:t>
            </a:r>
          </a:p>
          <a:p>
            <a:endParaRPr lang="en-US" dirty="0">
              <a:solidFill>
                <a:srgbClr val="009530"/>
              </a:solidFill>
            </a:endParaRPr>
          </a:p>
          <a:p>
            <a:r>
              <a:rPr lang="en-US" dirty="0">
                <a:solidFill>
                  <a:srgbClr val="009530"/>
                </a:solidFill>
              </a:rPr>
              <a:t>Contracted for IGA</a:t>
            </a:r>
          </a:p>
        </p:txBody>
      </p:sp>
    </p:spTree>
    <p:extLst>
      <p:ext uri="{BB962C8B-B14F-4D97-AF65-F5344CB8AC3E}">
        <p14:creationId xmlns:p14="http://schemas.microsoft.com/office/powerpoint/2010/main" val="1188556019"/>
      </p:ext>
    </p:extLst>
  </p:cSld>
  <p:clrMapOvr>
    <a:masterClrMapping/>
  </p:clrMapOvr>
  <p:transition/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4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SE14_16X9_EN">
  <a:themeElements>
    <a:clrScheme name="Schneider Electric">
      <a:dk1>
        <a:srgbClr val="87D200"/>
      </a:dk1>
      <a:lt1>
        <a:sysClr val="window" lastClr="FFFFFF"/>
      </a:lt1>
      <a:dk2>
        <a:srgbClr val="009530"/>
      </a:dk2>
      <a:lt2>
        <a:srgbClr val="4FA600"/>
      </a:lt2>
      <a:accent1>
        <a:srgbClr val="FFD100"/>
      </a:accent1>
      <a:accent2>
        <a:srgbClr val="E47F00"/>
      </a:accent2>
      <a:accent3>
        <a:srgbClr val="B10043"/>
      </a:accent3>
      <a:accent4>
        <a:srgbClr val="42B4E6"/>
      </a:accent4>
      <a:accent5>
        <a:srgbClr val="626469"/>
      </a:accent5>
      <a:accent6>
        <a:srgbClr val="9FA0A4"/>
      </a:accent6>
      <a:hlink>
        <a:srgbClr val="116082"/>
      </a:hlink>
      <a:folHlink>
        <a:srgbClr val="5F006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9FA0A4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err="1" smtClean="0">
            <a:solidFill>
              <a:srgbClr val="626469"/>
            </a:solidFill>
            <a:latin typeface="Arial" pitchFamily="34" charset="0"/>
            <a:cs typeface="Arial" pitchFamily="34" charset="0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SE14_16X9_EN</Template>
  <TotalTime>2579</TotalTime>
  <Words>1176</Words>
  <Application>Microsoft Office PowerPoint</Application>
  <PresentationFormat>Custom</PresentationFormat>
  <Paragraphs>323</Paragraphs>
  <Slides>30</Slides>
  <Notes>28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30</vt:i4>
      </vt:variant>
    </vt:vector>
  </HeadingPairs>
  <TitlesOfParts>
    <vt:vector size="39" baseType="lpstr">
      <vt:lpstr>ＭＳ Ｐゴシック</vt:lpstr>
      <vt:lpstr>Aharoni</vt:lpstr>
      <vt:lpstr>Arial</vt:lpstr>
      <vt:lpstr>Arial Narrow</vt:lpstr>
      <vt:lpstr>Calibri</vt:lpstr>
      <vt:lpstr>SE Rounded Medium</vt:lpstr>
      <vt:lpstr>Wingdings</vt:lpstr>
      <vt:lpstr>SE14_16X9_EN</vt:lpstr>
      <vt:lpstr>Custom Design</vt:lpstr>
      <vt:lpstr>ESCO Project 5 – Lab Building Upgrades</vt:lpstr>
      <vt:lpstr>Agenda  What is Energy Performance Contracting? History at UIUC Project Overview Program Results Range of Scope Laboratory Project Goals Schneider Electric Introduction Project Approach   </vt:lpstr>
      <vt:lpstr>Energy Performance Contracting (EPC)</vt:lpstr>
      <vt:lpstr>Energy Performance Contracting (EPC)</vt:lpstr>
      <vt:lpstr>Energy Performance Contracting (EPC)</vt:lpstr>
      <vt:lpstr>Energy Performance Contracting (EPC)</vt:lpstr>
      <vt:lpstr>Energy Performance Contracting (EPC)</vt:lpstr>
      <vt:lpstr>Energy Performance Contracting (EPC)</vt:lpstr>
      <vt:lpstr>U16061 Project Goals</vt:lpstr>
      <vt:lpstr>Schneider Electric Project Experience</vt:lpstr>
      <vt:lpstr>Current State</vt:lpstr>
      <vt:lpstr>Future State</vt:lpstr>
      <vt:lpstr>Construction Phasing Plan</vt:lpstr>
      <vt:lpstr>RAL North</vt:lpstr>
      <vt:lpstr>RAL North</vt:lpstr>
      <vt:lpstr>RAL North</vt:lpstr>
      <vt:lpstr>RAL South</vt:lpstr>
      <vt:lpstr>RAL South</vt:lpstr>
      <vt:lpstr>RAL South</vt:lpstr>
      <vt:lpstr>CLSL Building A</vt:lpstr>
      <vt:lpstr>CLSL Building A</vt:lpstr>
      <vt:lpstr>CLSL Building A</vt:lpstr>
      <vt:lpstr>CLSL Building A Laser Labs</vt:lpstr>
      <vt:lpstr>CLSL Building A Laser Labs</vt:lpstr>
      <vt:lpstr>CLSL Building B&amp;C</vt:lpstr>
      <vt:lpstr>CLSL Building B&amp;C</vt:lpstr>
      <vt:lpstr>CLSL Building B&amp;C</vt:lpstr>
      <vt:lpstr>Overall Project Benefits</vt:lpstr>
      <vt:lpstr>Communications</vt:lpstr>
      <vt:lpstr>PowerPoint Presentation</vt:lpstr>
    </vt:vector>
  </TitlesOfParts>
  <Company>TAC Americas, Inc.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Windows User</dc:creator>
  <cp:lastModifiedBy>Joshua Kramer</cp:lastModifiedBy>
  <cp:revision>246</cp:revision>
  <dcterms:created xsi:type="dcterms:W3CDTF">2014-07-29T16:31:10Z</dcterms:created>
  <dcterms:modified xsi:type="dcterms:W3CDTF">2018-10-10T18:43:05Z</dcterms:modified>
</cp:coreProperties>
</file>